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130"/>
  <workbookPr defaultThemeVersion="166925"/>
  <mc:AlternateContent xmlns:mc="http://schemas.openxmlformats.org/markup-compatibility/2006">
    <mc:Choice Requires="x15">
      <x15ac:absPath xmlns:x15ac="http://schemas.microsoft.com/office/spreadsheetml/2010/11/ac" url="K:\Facilities Applications\2023 Panhandle Reinforcement\1 Update (2024 ISD)\Evidence\Reply Evidence Update\"/>
    </mc:Choice>
  </mc:AlternateContent>
  <xr:revisionPtr revIDLastSave="0" documentId="8_{F2D08915-27B1-4284-BFAC-E695B73FFF37}" xr6:coauthVersionLast="47" xr6:coauthVersionMax="47" xr10:uidLastSave="{00000000-0000-0000-0000-000000000000}"/>
  <bookViews>
    <workbookView xWindow="-28920" yWindow="-120" windowWidth="29040" windowHeight="16440" xr2:uid="{F57A2799-3E11-49F3-AA34-7CC576E64DED}"/>
  </bookViews>
  <sheets>
    <sheet name="Without Elec. Eff. Assumption" sheetId="1" r:id="rId1"/>
  </sheets>
  <externalReferences>
    <externalReference r:id="rId2"/>
    <externalReference r:id="rId3"/>
  </externalReferences>
  <definedNames>
    <definedName name="CBWorkbookPriority" hidden="1">-332621336</definedName>
    <definedName name="DCF_ROE">[1]FinState!$F$238</definedName>
    <definedName name="Dollar_Units">[1]Param!$F$11</definedName>
    <definedName name="EV__LASTREFTIME__" hidden="1">42243.4121875</definedName>
    <definedName name="Exchange_Rate">[2]Dataset!$C$1:$C$7258</definedName>
    <definedName name="Flow_Month">[2]Dataset!$AU$1:$AU$7258</definedName>
    <definedName name="Flow_Year">[2]Dataset!$AT$1:$AT$7258</definedName>
    <definedName name="IRR">[1]DCF!$F$41</definedName>
    <definedName name="NPV">[1]DCF!$F$35</definedName>
    <definedName name="PI">[1]DCF!$F$39</definedName>
    <definedName name="_xlnm.Print_Area" localSheetId="0">'Without Elec. Eff. Assumption'!$A$1:$AW$75</definedName>
    <definedName name="_xlnm.Print_Titles" localSheetId="0">'Without Elec. Eff. Assumption'!$D:$H,'Without Elec. Eff. Assumption'!$1:$7</definedName>
    <definedName name="PrintSelection">1</definedName>
    <definedName name="projlife">[1]Param!$F$24</definedName>
    <definedName name="ScenarioList">[1]Scenarios!$E$161:$E$176</definedName>
    <definedName name="VerNum">[1]Param!$F$10</definedName>
    <definedName name="wrn.First._.Report." hidden="1">{"Test1",#N/A,FALSE,"Test 1"}</definedName>
    <definedName name="wrn.h3T1S1." hidden="1">{#N/A,#N/A,FALSE,"H3 Tab 1"}</definedName>
    <definedName name="wrn.H3T1S2." hidden="1">{#N/A,#N/A,FALSE,"H3 Tab 1"}</definedName>
    <definedName name="wrn.H3T2S3." hidden="1">{#N/A,#N/A,FALSE,"H3 Tab 2";#N/A,#N/A,FALSE,"H3 Tab 2"}</definedName>
    <definedName name="wrn.Rate._.Base." hidden="1">{"Rate Base",#N/A,FALSE,"Sheet1"}</definedName>
    <definedName name="wrn.RevProof." hidden="1">{#N/A,#N/A,FALSE,"RevProof"}</definedName>
    <definedName name="YrList1">[1]Rebase!$P$136:$P$151</definedName>
    <definedName name="YrList2">[1]Rebase!$S$136:$S$151</definedName>
    <definedName name="YrList3">[1]Rebase!$W$136:$W$154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J32" i="1" l="1"/>
  <c r="K32" i="1"/>
  <c r="E70" i="1" l="1"/>
  <c r="J61" i="1"/>
  <c r="J60" i="1"/>
  <c r="J59" i="1"/>
  <c r="J55" i="1"/>
  <c r="K55" i="1" s="1"/>
  <c r="L55" i="1" s="1"/>
  <c r="M55" i="1" s="1"/>
  <c r="N55" i="1" s="1"/>
  <c r="O55" i="1" s="1"/>
  <c r="P55" i="1" s="1"/>
  <c r="Q55" i="1" s="1"/>
  <c r="R55" i="1" s="1"/>
  <c r="S55" i="1" s="1"/>
  <c r="T55" i="1" s="1"/>
  <c r="U55" i="1" s="1"/>
  <c r="V55" i="1" s="1"/>
  <c r="W55" i="1" s="1"/>
  <c r="X55" i="1" s="1"/>
  <c r="Y55" i="1" s="1"/>
  <c r="Z55" i="1" s="1"/>
  <c r="AA55" i="1" s="1"/>
  <c r="AB55" i="1" s="1"/>
  <c r="AC55" i="1" s="1"/>
  <c r="AD55" i="1" s="1"/>
  <c r="AE55" i="1" s="1"/>
  <c r="AF55" i="1" s="1"/>
  <c r="AG55" i="1" s="1"/>
  <c r="AH55" i="1" s="1"/>
  <c r="AI55" i="1" s="1"/>
  <c r="AJ55" i="1" s="1"/>
  <c r="AK55" i="1" s="1"/>
  <c r="AL55" i="1" s="1"/>
  <c r="AM55" i="1" s="1"/>
  <c r="AN55" i="1" s="1"/>
  <c r="AO55" i="1" s="1"/>
  <c r="AP55" i="1" s="1"/>
  <c r="AQ55" i="1" s="1"/>
  <c r="AR55" i="1" s="1"/>
  <c r="AS55" i="1" s="1"/>
  <c r="AT55" i="1" s="1"/>
  <c r="AU55" i="1" s="1"/>
  <c r="AV55" i="1" s="1"/>
  <c r="AW55" i="1" s="1"/>
  <c r="AX55" i="1" s="1"/>
  <c r="AY55" i="1" s="1"/>
  <c r="AZ55" i="1" s="1"/>
  <c r="BA55" i="1" s="1"/>
  <c r="BB55" i="1" s="1"/>
  <c r="BC55" i="1" s="1"/>
  <c r="BD55" i="1" s="1"/>
  <c r="BE55" i="1" s="1"/>
  <c r="BF55" i="1" s="1"/>
  <c r="BG55" i="1" s="1"/>
  <c r="BH55" i="1" s="1"/>
  <c r="BI55" i="1" s="1"/>
  <c r="BJ55" i="1" s="1"/>
  <c r="BK55" i="1" s="1"/>
  <c r="BL55" i="1" s="1"/>
  <c r="BM55" i="1" s="1"/>
  <c r="BN55" i="1" s="1"/>
  <c r="BO55" i="1" s="1"/>
  <c r="BP55" i="1" s="1"/>
  <c r="BQ55" i="1" s="1"/>
  <c r="J54" i="1"/>
  <c r="K54" i="1" s="1"/>
  <c r="L54" i="1" s="1"/>
  <c r="M54" i="1" s="1"/>
  <c r="N54" i="1" s="1"/>
  <c r="O54" i="1" s="1"/>
  <c r="P54" i="1" s="1"/>
  <c r="Q54" i="1" s="1"/>
  <c r="R54" i="1" s="1"/>
  <c r="S54" i="1" s="1"/>
  <c r="T54" i="1" s="1"/>
  <c r="U54" i="1" s="1"/>
  <c r="V54" i="1" s="1"/>
  <c r="W54" i="1" s="1"/>
  <c r="X54" i="1" s="1"/>
  <c r="Y54" i="1" s="1"/>
  <c r="Z54" i="1" s="1"/>
  <c r="AA54" i="1" s="1"/>
  <c r="AB54" i="1" s="1"/>
  <c r="AC54" i="1" s="1"/>
  <c r="AD54" i="1" s="1"/>
  <c r="AE54" i="1" s="1"/>
  <c r="AF54" i="1" s="1"/>
  <c r="AG54" i="1" s="1"/>
  <c r="AH54" i="1" s="1"/>
  <c r="AI54" i="1" s="1"/>
  <c r="AJ54" i="1" s="1"/>
  <c r="AK54" i="1" s="1"/>
  <c r="AL54" i="1" s="1"/>
  <c r="AM54" i="1" s="1"/>
  <c r="AN54" i="1" s="1"/>
  <c r="AO54" i="1" s="1"/>
  <c r="AP54" i="1" s="1"/>
  <c r="AQ54" i="1" s="1"/>
  <c r="AR54" i="1" s="1"/>
  <c r="AS54" i="1" s="1"/>
  <c r="AT54" i="1" s="1"/>
  <c r="AU54" i="1" s="1"/>
  <c r="AV54" i="1" s="1"/>
  <c r="AW54" i="1" s="1"/>
  <c r="AX54" i="1" s="1"/>
  <c r="AY54" i="1" s="1"/>
  <c r="AZ54" i="1" s="1"/>
  <c r="BA54" i="1" s="1"/>
  <c r="BB54" i="1" s="1"/>
  <c r="BC54" i="1" s="1"/>
  <c r="BD54" i="1" s="1"/>
  <c r="BE54" i="1" s="1"/>
  <c r="BF54" i="1" s="1"/>
  <c r="BG54" i="1" s="1"/>
  <c r="BH54" i="1" s="1"/>
  <c r="BI54" i="1" s="1"/>
  <c r="BJ54" i="1" s="1"/>
  <c r="BK54" i="1" s="1"/>
  <c r="BL54" i="1" s="1"/>
  <c r="BM54" i="1" s="1"/>
  <c r="BN54" i="1" s="1"/>
  <c r="BO54" i="1" s="1"/>
  <c r="BP54" i="1" s="1"/>
  <c r="BQ54" i="1" s="1"/>
  <c r="BR54" i="1" s="1"/>
  <c r="BS54" i="1" s="1"/>
  <c r="BT54" i="1" s="1"/>
  <c r="BU54" i="1" s="1"/>
  <c r="BV54" i="1" s="1"/>
  <c r="BW54" i="1" s="1"/>
  <c r="BX54" i="1" s="1"/>
  <c r="BY54" i="1" s="1"/>
  <c r="BZ54" i="1" s="1"/>
  <c r="CA54" i="1" s="1"/>
  <c r="CB54" i="1" s="1"/>
  <c r="CC54" i="1" s="1"/>
  <c r="CD54" i="1" s="1"/>
  <c r="CE54" i="1" s="1"/>
  <c r="CF54" i="1" s="1"/>
  <c r="CG54" i="1" s="1"/>
  <c r="CH54" i="1" s="1"/>
  <c r="CI54" i="1" s="1"/>
  <c r="CJ54" i="1" s="1"/>
  <c r="CK54" i="1" s="1"/>
  <c r="CL54" i="1" s="1"/>
  <c r="CM54" i="1" s="1"/>
  <c r="CN54" i="1" s="1"/>
  <c r="CO54" i="1" s="1"/>
  <c r="CP54" i="1" s="1"/>
  <c r="CQ54" i="1" s="1"/>
  <c r="CR54" i="1" s="1"/>
  <c r="CS54" i="1" s="1"/>
  <c r="CT54" i="1" s="1"/>
  <c r="CU54" i="1" s="1"/>
  <c r="CV54" i="1" s="1"/>
  <c r="CW54" i="1" s="1"/>
  <c r="CX54" i="1" s="1"/>
  <c r="CY54" i="1" s="1"/>
  <c r="CZ54" i="1" s="1"/>
  <c r="DA54" i="1" s="1"/>
  <c r="DB54" i="1" s="1"/>
  <c r="DC54" i="1" s="1"/>
  <c r="DD54" i="1" s="1"/>
  <c r="DE54" i="1" s="1"/>
  <c r="DF54" i="1" s="1"/>
  <c r="DG54" i="1" s="1"/>
  <c r="DH54" i="1" s="1"/>
  <c r="DI54" i="1" s="1"/>
  <c r="DJ54" i="1" s="1"/>
  <c r="DK54" i="1" s="1"/>
  <c r="DL54" i="1" s="1"/>
  <c r="DM54" i="1" s="1"/>
  <c r="DN54" i="1" s="1"/>
  <c r="DO54" i="1" s="1"/>
  <c r="DP54" i="1" s="1"/>
  <c r="DQ54" i="1" s="1"/>
  <c r="DR54" i="1" s="1"/>
  <c r="DS54" i="1" s="1"/>
  <c r="DT54" i="1" s="1"/>
  <c r="DU54" i="1" s="1"/>
  <c r="DV54" i="1" s="1"/>
  <c r="DW54" i="1" s="1"/>
  <c r="DX54" i="1" s="1"/>
  <c r="DY54" i="1" s="1"/>
  <c r="DZ54" i="1" s="1"/>
  <c r="EA54" i="1" s="1"/>
  <c r="EB54" i="1" s="1"/>
  <c r="EC54" i="1" s="1"/>
  <c r="ED54" i="1" s="1"/>
  <c r="EE54" i="1" s="1"/>
  <c r="EF54" i="1" s="1"/>
  <c r="EG54" i="1" s="1"/>
  <c r="EH54" i="1" s="1"/>
  <c r="EI54" i="1" s="1"/>
  <c r="EJ54" i="1" s="1"/>
  <c r="EK54" i="1" s="1"/>
  <c r="EL54" i="1" s="1"/>
  <c r="EM54" i="1" s="1"/>
  <c r="EN54" i="1" s="1"/>
  <c r="EO54" i="1" s="1"/>
  <c r="EP54" i="1" s="1"/>
  <c r="EQ54" i="1" s="1"/>
  <c r="ER54" i="1" s="1"/>
  <c r="ES54" i="1" s="1"/>
  <c r="ET54" i="1" s="1"/>
  <c r="EU54" i="1" s="1"/>
  <c r="EV54" i="1" s="1"/>
  <c r="EW54" i="1" s="1"/>
  <c r="EX54" i="1" s="1"/>
  <c r="EY54" i="1" s="1"/>
  <c r="EZ54" i="1" s="1"/>
  <c r="FA54" i="1" s="1"/>
  <c r="FB54" i="1" s="1"/>
  <c r="FC54" i="1" s="1"/>
  <c r="FD54" i="1" s="1"/>
  <c r="FE54" i="1" s="1"/>
  <c r="FF54" i="1" s="1"/>
  <c r="FG54" i="1" s="1"/>
  <c r="FH54" i="1" s="1"/>
  <c r="FI54" i="1" s="1"/>
  <c r="FJ54" i="1" s="1"/>
  <c r="FK54" i="1" s="1"/>
  <c r="FL54" i="1" s="1"/>
  <c r="FM54" i="1" s="1"/>
  <c r="FN54" i="1" s="1"/>
  <c r="FO54" i="1" s="1"/>
  <c r="FP54" i="1" s="1"/>
  <c r="FQ54" i="1" s="1"/>
  <c r="FR54" i="1" s="1"/>
  <c r="FS54" i="1" s="1"/>
  <c r="FT54" i="1" s="1"/>
  <c r="FU54" i="1" s="1"/>
  <c r="FV54" i="1" s="1"/>
  <c r="FW54" i="1" s="1"/>
  <c r="FX54" i="1" s="1"/>
  <c r="FY54" i="1" s="1"/>
  <c r="FZ54" i="1" s="1"/>
  <c r="GA54" i="1" s="1"/>
  <c r="GB54" i="1" s="1"/>
  <c r="GC54" i="1" s="1"/>
  <c r="GD54" i="1" s="1"/>
  <c r="GE54" i="1" s="1"/>
  <c r="GF54" i="1" s="1"/>
  <c r="GG54" i="1" s="1"/>
  <c r="GH54" i="1" s="1"/>
  <c r="GI54" i="1" s="1"/>
  <c r="GJ54" i="1" s="1"/>
  <c r="GK54" i="1" s="1"/>
  <c r="GL54" i="1" s="1"/>
  <c r="GM54" i="1" s="1"/>
  <c r="GN54" i="1" s="1"/>
  <c r="GO54" i="1" s="1"/>
  <c r="GP54" i="1" s="1"/>
  <c r="GQ54" i="1" s="1"/>
  <c r="GR54" i="1" s="1"/>
  <c r="GS54" i="1" s="1"/>
  <c r="GT54" i="1" s="1"/>
  <c r="GU54" i="1" s="1"/>
  <c r="GV54" i="1" s="1"/>
  <c r="GW54" i="1" s="1"/>
  <c r="GX54" i="1" s="1"/>
  <c r="GY54" i="1" s="1"/>
  <c r="GZ54" i="1" s="1"/>
  <c r="HA54" i="1" s="1"/>
  <c r="HB54" i="1" s="1"/>
  <c r="HC54" i="1" s="1"/>
  <c r="HD54" i="1" s="1"/>
  <c r="HE54" i="1" s="1"/>
  <c r="HF54" i="1" s="1"/>
  <c r="HG54" i="1" s="1"/>
  <c r="HH54" i="1" s="1"/>
  <c r="HI54" i="1" s="1"/>
  <c r="HJ54" i="1" s="1"/>
  <c r="HK54" i="1" s="1"/>
  <c r="HL54" i="1" s="1"/>
  <c r="HM54" i="1" s="1"/>
  <c r="HN54" i="1" s="1"/>
  <c r="HO54" i="1" s="1"/>
  <c r="HP54" i="1" s="1"/>
  <c r="HQ54" i="1" s="1"/>
  <c r="HR54" i="1" s="1"/>
  <c r="HS54" i="1" s="1"/>
  <c r="HT54" i="1" s="1"/>
  <c r="HU54" i="1" s="1"/>
  <c r="HV54" i="1" s="1"/>
  <c r="HW54" i="1" s="1"/>
  <c r="HX54" i="1" s="1"/>
  <c r="HY54" i="1" s="1"/>
  <c r="HZ54" i="1" s="1"/>
  <c r="IA54" i="1" s="1"/>
  <c r="IB54" i="1" s="1"/>
  <c r="IC54" i="1" s="1"/>
  <c r="ID54" i="1" s="1"/>
  <c r="IE54" i="1" s="1"/>
  <c r="IF54" i="1" s="1"/>
  <c r="IG54" i="1" s="1"/>
  <c r="IH54" i="1" s="1"/>
  <c r="II54" i="1" s="1"/>
  <c r="IJ54" i="1" s="1"/>
  <c r="IK54" i="1" s="1"/>
  <c r="IL54" i="1" s="1"/>
  <c r="IM54" i="1" s="1"/>
  <c r="IN54" i="1" s="1"/>
  <c r="IO54" i="1" s="1"/>
  <c r="IP54" i="1" s="1"/>
  <c r="IQ54" i="1" s="1"/>
  <c r="IR54" i="1" s="1"/>
  <c r="IS54" i="1" s="1"/>
  <c r="IT54" i="1" s="1"/>
  <c r="IU54" i="1" s="1"/>
  <c r="IV54" i="1" s="1"/>
  <c r="IW54" i="1" s="1"/>
  <c r="IX54" i="1" s="1"/>
  <c r="IY54" i="1" s="1"/>
  <c r="IZ54" i="1" s="1"/>
  <c r="JA54" i="1" s="1"/>
  <c r="JB54" i="1" s="1"/>
  <c r="JC54" i="1" s="1"/>
  <c r="JD54" i="1" s="1"/>
  <c r="JE54" i="1" s="1"/>
  <c r="JF54" i="1" s="1"/>
  <c r="JG54" i="1" s="1"/>
  <c r="JH54" i="1" s="1"/>
  <c r="JI54" i="1" s="1"/>
  <c r="JJ54" i="1" s="1"/>
  <c r="JK54" i="1" s="1"/>
  <c r="JL54" i="1" s="1"/>
  <c r="JM54" i="1" s="1"/>
  <c r="JN54" i="1" s="1"/>
  <c r="JO54" i="1" s="1"/>
  <c r="JP54" i="1" s="1"/>
  <c r="JQ54" i="1" s="1"/>
  <c r="JR54" i="1" s="1"/>
  <c r="JS54" i="1" s="1"/>
  <c r="JT54" i="1" s="1"/>
  <c r="JU54" i="1" s="1"/>
  <c r="JV54" i="1" s="1"/>
  <c r="JW54" i="1" s="1"/>
  <c r="JX54" i="1" s="1"/>
  <c r="JY54" i="1" s="1"/>
  <c r="JZ54" i="1" s="1"/>
  <c r="KA54" i="1" s="1"/>
  <c r="KB54" i="1" s="1"/>
  <c r="KC54" i="1" s="1"/>
  <c r="KD54" i="1" s="1"/>
  <c r="KE54" i="1" s="1"/>
  <c r="KF54" i="1" s="1"/>
  <c r="KG54" i="1" s="1"/>
  <c r="KH54" i="1" s="1"/>
  <c r="KI54" i="1" s="1"/>
  <c r="KJ54" i="1" s="1"/>
  <c r="KK54" i="1" s="1"/>
  <c r="KL54" i="1" s="1"/>
  <c r="KM54" i="1" s="1"/>
  <c r="KN54" i="1" s="1"/>
  <c r="KO54" i="1" s="1"/>
  <c r="KP54" i="1" s="1"/>
  <c r="KQ54" i="1" s="1"/>
  <c r="KR54" i="1" s="1"/>
  <c r="KS54" i="1" s="1"/>
  <c r="KT54" i="1" s="1"/>
  <c r="KU54" i="1" s="1"/>
  <c r="KV54" i="1" s="1"/>
  <c r="KW54" i="1" s="1"/>
  <c r="KX54" i="1" s="1"/>
  <c r="KY54" i="1" s="1"/>
  <c r="KZ54" i="1" s="1"/>
  <c r="LA54" i="1" s="1"/>
  <c r="LB54" i="1" s="1"/>
  <c r="LC54" i="1" s="1"/>
  <c r="LD54" i="1" s="1"/>
  <c r="LE54" i="1" s="1"/>
  <c r="LF54" i="1" s="1"/>
  <c r="LG54" i="1" s="1"/>
  <c r="LH54" i="1" s="1"/>
  <c r="LI54" i="1" s="1"/>
  <c r="LJ54" i="1" s="1"/>
  <c r="LK54" i="1" s="1"/>
  <c r="LL54" i="1" s="1"/>
  <c r="LM54" i="1" s="1"/>
  <c r="LN54" i="1" s="1"/>
  <c r="LO54" i="1" s="1"/>
  <c r="LP54" i="1" s="1"/>
  <c r="LQ54" i="1" s="1"/>
  <c r="LR54" i="1" s="1"/>
  <c r="LS54" i="1" s="1"/>
  <c r="LT54" i="1" s="1"/>
  <c r="LU54" i="1" s="1"/>
  <c r="LV54" i="1" s="1"/>
  <c r="LW54" i="1" s="1"/>
  <c r="LX54" i="1" s="1"/>
  <c r="LY54" i="1" s="1"/>
  <c r="LZ54" i="1" s="1"/>
  <c r="MA54" i="1" s="1"/>
  <c r="MB54" i="1" s="1"/>
  <c r="MC54" i="1" s="1"/>
  <c r="MD54" i="1" s="1"/>
  <c r="ME54" i="1" s="1"/>
  <c r="MF54" i="1" s="1"/>
  <c r="MG54" i="1" s="1"/>
  <c r="MH54" i="1" s="1"/>
  <c r="MI54" i="1" s="1"/>
  <c r="MJ54" i="1" s="1"/>
  <c r="MK54" i="1" s="1"/>
  <c r="ML54" i="1" s="1"/>
  <c r="MM54" i="1" s="1"/>
  <c r="MN54" i="1" s="1"/>
  <c r="MO54" i="1" s="1"/>
  <c r="MP54" i="1" s="1"/>
  <c r="MQ54" i="1" s="1"/>
  <c r="MR54" i="1" s="1"/>
  <c r="MS54" i="1" s="1"/>
  <c r="MT54" i="1" s="1"/>
  <c r="MU54" i="1" s="1"/>
  <c r="MV54" i="1" s="1"/>
  <c r="MW54" i="1" s="1"/>
  <c r="MX54" i="1" s="1"/>
  <c r="MY54" i="1" s="1"/>
  <c r="MZ54" i="1" s="1"/>
  <c r="NA54" i="1" s="1"/>
  <c r="NB54" i="1" s="1"/>
  <c r="NC54" i="1" s="1"/>
  <c r="ND54" i="1" s="1"/>
  <c r="NE54" i="1" s="1"/>
  <c r="NF54" i="1" s="1"/>
  <c r="NG54" i="1" s="1"/>
  <c r="NH54" i="1" s="1"/>
  <c r="NI54" i="1" s="1"/>
  <c r="NJ54" i="1" s="1"/>
  <c r="NK54" i="1" s="1"/>
  <c r="NL54" i="1" s="1"/>
  <c r="NM54" i="1" s="1"/>
  <c r="NN54" i="1" s="1"/>
  <c r="NO54" i="1" s="1"/>
  <c r="NP54" i="1" s="1"/>
  <c r="NQ54" i="1" s="1"/>
  <c r="NR54" i="1" s="1"/>
  <c r="NS54" i="1" s="1"/>
  <c r="NT54" i="1" s="1"/>
  <c r="NU54" i="1" s="1"/>
  <c r="NV54" i="1" s="1"/>
  <c r="NW54" i="1" s="1"/>
  <c r="NX54" i="1" s="1"/>
  <c r="NY54" i="1" s="1"/>
  <c r="NZ54" i="1" s="1"/>
  <c r="OA54" i="1" s="1"/>
  <c r="OB54" i="1" s="1"/>
  <c r="OC54" i="1" s="1"/>
  <c r="OD54" i="1" s="1"/>
  <c r="OE54" i="1" s="1"/>
  <c r="OF54" i="1" s="1"/>
  <c r="OG54" i="1" s="1"/>
  <c r="OH54" i="1" s="1"/>
  <c r="OI54" i="1" s="1"/>
  <c r="OJ54" i="1" s="1"/>
  <c r="OK54" i="1" s="1"/>
  <c r="OL54" i="1" s="1"/>
  <c r="OM54" i="1" s="1"/>
  <c r="ON54" i="1" s="1"/>
  <c r="OO54" i="1" s="1"/>
  <c r="OP54" i="1" s="1"/>
  <c r="OQ54" i="1" s="1"/>
  <c r="OR54" i="1" s="1"/>
  <c r="OS54" i="1" s="1"/>
  <c r="OT54" i="1" s="1"/>
  <c r="OU54" i="1" s="1"/>
  <c r="OV54" i="1" s="1"/>
  <c r="OW54" i="1" s="1"/>
  <c r="OX54" i="1" s="1"/>
  <c r="OY54" i="1" s="1"/>
  <c r="OZ54" i="1" s="1"/>
  <c r="PA54" i="1" s="1"/>
  <c r="PB54" i="1" s="1"/>
  <c r="PC54" i="1" s="1"/>
  <c r="PD54" i="1" s="1"/>
  <c r="PE54" i="1" s="1"/>
  <c r="PF54" i="1" s="1"/>
  <c r="PG54" i="1" s="1"/>
  <c r="PH54" i="1" s="1"/>
  <c r="PI54" i="1" s="1"/>
  <c r="PJ54" i="1" s="1"/>
  <c r="PK54" i="1" s="1"/>
  <c r="PL54" i="1" s="1"/>
  <c r="PM54" i="1" s="1"/>
  <c r="PN54" i="1" s="1"/>
  <c r="PO54" i="1" s="1"/>
  <c r="PP54" i="1" s="1"/>
  <c r="PQ54" i="1" s="1"/>
  <c r="PR54" i="1" s="1"/>
  <c r="PS54" i="1" s="1"/>
  <c r="PT54" i="1" s="1"/>
  <c r="PU54" i="1" s="1"/>
  <c r="PV54" i="1" s="1"/>
  <c r="PW54" i="1" s="1"/>
  <c r="PX54" i="1" s="1"/>
  <c r="PY54" i="1" s="1"/>
  <c r="PZ54" i="1" s="1"/>
  <c r="QA54" i="1" s="1"/>
  <c r="QB54" i="1" s="1"/>
  <c r="QC54" i="1" s="1"/>
  <c r="QD54" i="1" s="1"/>
  <c r="QE54" i="1" s="1"/>
  <c r="QF54" i="1" s="1"/>
  <c r="QG54" i="1" s="1"/>
  <c r="QH54" i="1" s="1"/>
  <c r="QI54" i="1" s="1"/>
  <c r="QJ54" i="1" s="1"/>
  <c r="QK54" i="1" s="1"/>
  <c r="QL54" i="1" s="1"/>
  <c r="QM54" i="1" s="1"/>
  <c r="QN54" i="1" s="1"/>
  <c r="QO54" i="1" s="1"/>
  <c r="QP54" i="1" s="1"/>
  <c r="QQ54" i="1" s="1"/>
  <c r="QR54" i="1" s="1"/>
  <c r="QS54" i="1" s="1"/>
  <c r="QT54" i="1" s="1"/>
  <c r="QU54" i="1" s="1"/>
  <c r="QV54" i="1" s="1"/>
  <c r="QW54" i="1" s="1"/>
  <c r="QX54" i="1" s="1"/>
  <c r="QY54" i="1" s="1"/>
  <c r="QZ54" i="1" s="1"/>
  <c r="RA54" i="1" s="1"/>
  <c r="RB54" i="1" s="1"/>
  <c r="RC54" i="1" s="1"/>
  <c r="RD54" i="1" s="1"/>
  <c r="RE54" i="1" s="1"/>
  <c r="RF54" i="1" s="1"/>
  <c r="RG54" i="1" s="1"/>
  <c r="RH54" i="1" s="1"/>
  <c r="RI54" i="1" s="1"/>
  <c r="RJ54" i="1" s="1"/>
  <c r="RK54" i="1" s="1"/>
  <c r="RL54" i="1" s="1"/>
  <c r="RM54" i="1" s="1"/>
  <c r="RN54" i="1" s="1"/>
  <c r="RO54" i="1" s="1"/>
  <c r="RP54" i="1" s="1"/>
  <c r="RQ54" i="1" s="1"/>
  <c r="RR54" i="1" s="1"/>
  <c r="RS54" i="1" s="1"/>
  <c r="RT54" i="1" s="1"/>
  <c r="RU54" i="1" s="1"/>
  <c r="RV54" i="1" s="1"/>
  <c r="RW54" i="1" s="1"/>
  <c r="RX54" i="1" s="1"/>
  <c r="RY54" i="1" s="1"/>
  <c r="RZ54" i="1" s="1"/>
  <c r="SA54" i="1" s="1"/>
  <c r="SB54" i="1" s="1"/>
  <c r="SC54" i="1" s="1"/>
  <c r="SD54" i="1" s="1"/>
  <c r="SE54" i="1" s="1"/>
  <c r="SF54" i="1" s="1"/>
  <c r="SG54" i="1" s="1"/>
  <c r="SH54" i="1" s="1"/>
  <c r="SI54" i="1" s="1"/>
  <c r="SJ54" i="1" s="1"/>
  <c r="SK54" i="1" s="1"/>
  <c r="SL54" i="1" s="1"/>
  <c r="SM54" i="1" s="1"/>
  <c r="SN54" i="1" s="1"/>
  <c r="SO54" i="1" s="1"/>
  <c r="SP54" i="1" s="1"/>
  <c r="SQ54" i="1" s="1"/>
  <c r="SR54" i="1" s="1"/>
  <c r="SS54" i="1" s="1"/>
  <c r="ST54" i="1" s="1"/>
  <c r="SU54" i="1" s="1"/>
  <c r="SV54" i="1" s="1"/>
  <c r="SW54" i="1" s="1"/>
  <c r="SX54" i="1" s="1"/>
  <c r="SY54" i="1" s="1"/>
  <c r="SZ54" i="1" s="1"/>
  <c r="TA54" i="1" s="1"/>
  <c r="TB54" i="1" s="1"/>
  <c r="TC54" i="1" s="1"/>
  <c r="TD54" i="1" s="1"/>
  <c r="TE54" i="1" s="1"/>
  <c r="TF54" i="1" s="1"/>
  <c r="TG54" i="1" s="1"/>
  <c r="TH54" i="1" s="1"/>
  <c r="TI54" i="1" s="1"/>
  <c r="TJ54" i="1" s="1"/>
  <c r="TK54" i="1" s="1"/>
  <c r="TL54" i="1" s="1"/>
  <c r="TM54" i="1" s="1"/>
  <c r="TN54" i="1" s="1"/>
  <c r="TO54" i="1" s="1"/>
  <c r="TP54" i="1" s="1"/>
  <c r="TQ54" i="1" s="1"/>
  <c r="TR54" i="1" s="1"/>
  <c r="TS54" i="1" s="1"/>
  <c r="TT54" i="1" s="1"/>
  <c r="TU54" i="1" s="1"/>
  <c r="TV54" i="1" s="1"/>
  <c r="TW54" i="1" s="1"/>
  <c r="TX54" i="1" s="1"/>
  <c r="TY54" i="1" s="1"/>
  <c r="TZ54" i="1" s="1"/>
  <c r="UA54" i="1" s="1"/>
  <c r="UB54" i="1" s="1"/>
  <c r="UC54" i="1" s="1"/>
  <c r="UD54" i="1" s="1"/>
  <c r="UE54" i="1" s="1"/>
  <c r="UF54" i="1" s="1"/>
  <c r="UG54" i="1" s="1"/>
  <c r="UH54" i="1" s="1"/>
  <c r="UI54" i="1" s="1"/>
  <c r="UJ54" i="1" s="1"/>
  <c r="UK54" i="1" s="1"/>
  <c r="UL54" i="1" s="1"/>
  <c r="UM54" i="1" s="1"/>
  <c r="UN54" i="1" s="1"/>
  <c r="UO54" i="1" s="1"/>
  <c r="UP54" i="1" s="1"/>
  <c r="UQ54" i="1" s="1"/>
  <c r="UR54" i="1" s="1"/>
  <c r="US54" i="1" s="1"/>
  <c r="UT54" i="1" s="1"/>
  <c r="UU54" i="1" s="1"/>
  <c r="UV54" i="1" s="1"/>
  <c r="UW54" i="1" s="1"/>
  <c r="UX54" i="1" s="1"/>
  <c r="UY54" i="1" s="1"/>
  <c r="UZ54" i="1" s="1"/>
  <c r="VA54" i="1" s="1"/>
  <c r="VB54" i="1" s="1"/>
  <c r="VC54" i="1" s="1"/>
  <c r="VD54" i="1" s="1"/>
  <c r="VE54" i="1" s="1"/>
  <c r="VF54" i="1" s="1"/>
  <c r="VG54" i="1" s="1"/>
  <c r="VH54" i="1" s="1"/>
  <c r="VI54" i="1" s="1"/>
  <c r="VJ54" i="1" s="1"/>
  <c r="VK54" i="1" s="1"/>
  <c r="VL54" i="1" s="1"/>
  <c r="VM54" i="1" s="1"/>
  <c r="VN54" i="1" s="1"/>
  <c r="VO54" i="1" s="1"/>
  <c r="VP54" i="1" s="1"/>
  <c r="VQ54" i="1" s="1"/>
  <c r="VR54" i="1" s="1"/>
  <c r="VS54" i="1" s="1"/>
  <c r="VT54" i="1" s="1"/>
  <c r="VU54" i="1" s="1"/>
  <c r="VV54" i="1" s="1"/>
  <c r="VW54" i="1" s="1"/>
  <c r="VX54" i="1" s="1"/>
  <c r="VY54" i="1" s="1"/>
  <c r="VZ54" i="1" s="1"/>
  <c r="WA54" i="1" s="1"/>
  <c r="WB54" i="1" s="1"/>
  <c r="WC54" i="1" s="1"/>
  <c r="WD54" i="1" s="1"/>
  <c r="WE54" i="1" s="1"/>
  <c r="WF54" i="1" s="1"/>
  <c r="WG54" i="1" s="1"/>
  <c r="WH54" i="1" s="1"/>
  <c r="WI54" i="1" s="1"/>
  <c r="WJ54" i="1" s="1"/>
  <c r="WK54" i="1" s="1"/>
  <c r="WL54" i="1" s="1"/>
  <c r="WM54" i="1" s="1"/>
  <c r="WN54" i="1" s="1"/>
  <c r="WO54" i="1" s="1"/>
  <c r="WP54" i="1" s="1"/>
  <c r="WQ54" i="1" s="1"/>
  <c r="WR54" i="1" s="1"/>
  <c r="WS54" i="1" s="1"/>
  <c r="WT54" i="1" s="1"/>
  <c r="WU54" i="1" s="1"/>
  <c r="WV54" i="1" s="1"/>
  <c r="WW54" i="1" s="1"/>
  <c r="WX54" i="1" s="1"/>
  <c r="WY54" i="1" s="1"/>
  <c r="WZ54" i="1" s="1"/>
  <c r="XA54" i="1" s="1"/>
  <c r="XB54" i="1" s="1"/>
  <c r="XC54" i="1" s="1"/>
  <c r="XD54" i="1" s="1"/>
  <c r="XE54" i="1" s="1"/>
  <c r="XF54" i="1" s="1"/>
  <c r="XG54" i="1" s="1"/>
  <c r="XH54" i="1" s="1"/>
  <c r="XI54" i="1" s="1"/>
  <c r="XJ54" i="1" s="1"/>
  <c r="XK54" i="1" s="1"/>
  <c r="XL54" i="1" s="1"/>
  <c r="XM54" i="1" s="1"/>
  <c r="XN54" i="1" s="1"/>
  <c r="XO54" i="1" s="1"/>
  <c r="XP54" i="1" s="1"/>
  <c r="XQ54" i="1" s="1"/>
  <c r="XR54" i="1" s="1"/>
  <c r="XS54" i="1" s="1"/>
  <c r="XT54" i="1" s="1"/>
  <c r="XU54" i="1" s="1"/>
  <c r="XV54" i="1" s="1"/>
  <c r="XW54" i="1" s="1"/>
  <c r="XX54" i="1" s="1"/>
  <c r="XY54" i="1" s="1"/>
  <c r="XZ54" i="1" s="1"/>
  <c r="YA54" i="1" s="1"/>
  <c r="YB54" i="1" s="1"/>
  <c r="YC54" i="1" s="1"/>
  <c r="YD54" i="1" s="1"/>
  <c r="YE54" i="1" s="1"/>
  <c r="YF54" i="1" s="1"/>
  <c r="YG54" i="1" s="1"/>
  <c r="YH54" i="1" s="1"/>
  <c r="YI54" i="1" s="1"/>
  <c r="YJ54" i="1" s="1"/>
  <c r="YK54" i="1" s="1"/>
  <c r="YL54" i="1" s="1"/>
  <c r="YM54" i="1" s="1"/>
  <c r="YN54" i="1" s="1"/>
  <c r="YO54" i="1" s="1"/>
  <c r="YP54" i="1" s="1"/>
  <c r="YQ54" i="1" s="1"/>
  <c r="YR54" i="1" s="1"/>
  <c r="YS54" i="1" s="1"/>
  <c r="YT54" i="1" s="1"/>
  <c r="YU54" i="1" s="1"/>
  <c r="YV54" i="1" s="1"/>
  <c r="YW54" i="1" s="1"/>
  <c r="YX54" i="1" s="1"/>
  <c r="YY54" i="1" s="1"/>
  <c r="YZ54" i="1" s="1"/>
  <c r="ZA54" i="1" s="1"/>
  <c r="ZB54" i="1" s="1"/>
  <c r="ZC54" i="1" s="1"/>
  <c r="ZD54" i="1" s="1"/>
  <c r="ZE54" i="1" s="1"/>
  <c r="ZF54" i="1" s="1"/>
  <c r="ZG54" i="1" s="1"/>
  <c r="ZH54" i="1" s="1"/>
  <c r="ZI54" i="1" s="1"/>
  <c r="ZJ54" i="1" s="1"/>
  <c r="ZK54" i="1" s="1"/>
  <c r="ZL54" i="1" s="1"/>
  <c r="ZM54" i="1" s="1"/>
  <c r="ZN54" i="1" s="1"/>
  <c r="ZO54" i="1" s="1"/>
  <c r="ZP54" i="1" s="1"/>
  <c r="ZQ54" i="1" s="1"/>
  <c r="ZR54" i="1" s="1"/>
  <c r="ZS54" i="1" s="1"/>
  <c r="ZT54" i="1" s="1"/>
  <c r="ZU54" i="1" s="1"/>
  <c r="ZV54" i="1" s="1"/>
  <c r="ZW54" i="1" s="1"/>
  <c r="ZX54" i="1" s="1"/>
  <c r="ZY54" i="1" s="1"/>
  <c r="ZZ54" i="1" s="1"/>
  <c r="AAA54" i="1" s="1"/>
  <c r="AAB54" i="1" s="1"/>
  <c r="AAC54" i="1" s="1"/>
  <c r="AAD54" i="1" s="1"/>
  <c r="AAE54" i="1" s="1"/>
  <c r="AAF54" i="1" s="1"/>
  <c r="AAG54" i="1" s="1"/>
  <c r="AAH54" i="1" s="1"/>
  <c r="AAI54" i="1" s="1"/>
  <c r="AAJ54" i="1" s="1"/>
  <c r="AAK54" i="1" s="1"/>
  <c r="AAL54" i="1" s="1"/>
  <c r="AAM54" i="1" s="1"/>
  <c r="AAN54" i="1" s="1"/>
  <c r="AAO54" i="1" s="1"/>
  <c r="AAP54" i="1" s="1"/>
  <c r="AAQ54" i="1" s="1"/>
  <c r="AAR54" i="1" s="1"/>
  <c r="AAS54" i="1" s="1"/>
  <c r="AAT54" i="1" s="1"/>
  <c r="AAU54" i="1" s="1"/>
  <c r="AAV54" i="1" s="1"/>
  <c r="AAW54" i="1" s="1"/>
  <c r="AAX54" i="1" s="1"/>
  <c r="AAY54" i="1" s="1"/>
  <c r="AAZ54" i="1" s="1"/>
  <c r="ABA54" i="1" s="1"/>
  <c r="ABB54" i="1" s="1"/>
  <c r="ABC54" i="1" s="1"/>
  <c r="ABD54" i="1" s="1"/>
  <c r="ABE54" i="1" s="1"/>
  <c r="ABF54" i="1" s="1"/>
  <c r="ABG54" i="1" s="1"/>
  <c r="ABH54" i="1" s="1"/>
  <c r="ABI54" i="1" s="1"/>
  <c r="ABJ54" i="1" s="1"/>
  <c r="ABK54" i="1" s="1"/>
  <c r="ABL54" i="1" s="1"/>
  <c r="ABM54" i="1" s="1"/>
  <c r="ABN54" i="1" s="1"/>
  <c r="ABO54" i="1" s="1"/>
  <c r="ABP54" i="1" s="1"/>
  <c r="ABQ54" i="1" s="1"/>
  <c r="ABR54" i="1" s="1"/>
  <c r="ABS54" i="1" s="1"/>
  <c r="ABT54" i="1" s="1"/>
  <c r="ABU54" i="1" s="1"/>
  <c r="ABV54" i="1" s="1"/>
  <c r="ABW54" i="1" s="1"/>
  <c r="ABX54" i="1" s="1"/>
  <c r="ABY54" i="1" s="1"/>
  <c r="ABZ54" i="1" s="1"/>
  <c r="ACA54" i="1" s="1"/>
  <c r="ACB54" i="1" s="1"/>
  <c r="ACC54" i="1" s="1"/>
  <c r="ACD54" i="1" s="1"/>
  <c r="ACE54" i="1" s="1"/>
  <c r="ACF54" i="1" s="1"/>
  <c r="ACG54" i="1" s="1"/>
  <c r="ACH54" i="1" s="1"/>
  <c r="ACI54" i="1" s="1"/>
  <c r="ACJ54" i="1" s="1"/>
  <c r="ACK54" i="1" s="1"/>
  <c r="ACL54" i="1" s="1"/>
  <c r="ACM54" i="1" s="1"/>
  <c r="ACN54" i="1" s="1"/>
  <c r="ACO54" i="1" s="1"/>
  <c r="ACP54" i="1" s="1"/>
  <c r="ACQ54" i="1" s="1"/>
  <c r="ACR54" i="1" s="1"/>
  <c r="ACS54" i="1" s="1"/>
  <c r="ACT54" i="1" s="1"/>
  <c r="ACU54" i="1" s="1"/>
  <c r="ACV54" i="1" s="1"/>
  <c r="ACW54" i="1" s="1"/>
  <c r="ACX54" i="1" s="1"/>
  <c r="ACY54" i="1" s="1"/>
  <c r="ACZ54" i="1" s="1"/>
  <c r="ADA54" i="1" s="1"/>
  <c r="ADB54" i="1" s="1"/>
  <c r="ADC54" i="1" s="1"/>
  <c r="ADD54" i="1" s="1"/>
  <c r="ADE54" i="1" s="1"/>
  <c r="ADF54" i="1" s="1"/>
  <c r="ADG54" i="1" s="1"/>
  <c r="ADH54" i="1" s="1"/>
  <c r="ADI54" i="1" s="1"/>
  <c r="ADJ54" i="1" s="1"/>
  <c r="ADK54" i="1" s="1"/>
  <c r="ADL54" i="1" s="1"/>
  <c r="ADM54" i="1" s="1"/>
  <c r="ADN54" i="1" s="1"/>
  <c r="ADO54" i="1" s="1"/>
  <c r="ADP54" i="1" s="1"/>
  <c r="ADQ54" i="1" s="1"/>
  <c r="ADR54" i="1" s="1"/>
  <c r="ADS54" i="1" s="1"/>
  <c r="ADT54" i="1" s="1"/>
  <c r="ADU54" i="1" s="1"/>
  <c r="ADV54" i="1" s="1"/>
  <c r="ADW54" i="1" s="1"/>
  <c r="ADX54" i="1" s="1"/>
  <c r="ADY54" i="1" s="1"/>
  <c r="ADZ54" i="1" s="1"/>
  <c r="AEA54" i="1" s="1"/>
  <c r="AEB54" i="1" s="1"/>
  <c r="AEC54" i="1" s="1"/>
  <c r="AED54" i="1" s="1"/>
  <c r="AEE54" i="1" s="1"/>
  <c r="AEF54" i="1" s="1"/>
  <c r="AEG54" i="1" s="1"/>
  <c r="AEH54" i="1" s="1"/>
  <c r="AEI54" i="1" s="1"/>
  <c r="AEJ54" i="1" s="1"/>
  <c r="AEK54" i="1" s="1"/>
  <c r="AEL54" i="1" s="1"/>
  <c r="AEM54" i="1" s="1"/>
  <c r="AEN54" i="1" s="1"/>
  <c r="AEO54" i="1" s="1"/>
  <c r="AEP54" i="1" s="1"/>
  <c r="AEQ54" i="1" s="1"/>
  <c r="AER54" i="1" s="1"/>
  <c r="AES54" i="1" s="1"/>
  <c r="AET54" i="1" s="1"/>
  <c r="AEU54" i="1" s="1"/>
  <c r="AEV54" i="1" s="1"/>
  <c r="AEW54" i="1" s="1"/>
  <c r="AEX54" i="1" s="1"/>
  <c r="AEY54" i="1" s="1"/>
  <c r="AEZ54" i="1" s="1"/>
  <c r="AFA54" i="1" s="1"/>
  <c r="AFB54" i="1" s="1"/>
  <c r="AFC54" i="1" s="1"/>
  <c r="AFD54" i="1" s="1"/>
  <c r="AFE54" i="1" s="1"/>
  <c r="AFF54" i="1" s="1"/>
  <c r="AFG54" i="1" s="1"/>
  <c r="AFH54" i="1" s="1"/>
  <c r="AFI54" i="1" s="1"/>
  <c r="AFJ54" i="1" s="1"/>
  <c r="AFK54" i="1" s="1"/>
  <c r="AFL54" i="1" s="1"/>
  <c r="AFM54" i="1" s="1"/>
  <c r="AFN54" i="1" s="1"/>
  <c r="AFO54" i="1" s="1"/>
  <c r="AFP54" i="1" s="1"/>
  <c r="AFQ54" i="1" s="1"/>
  <c r="AFR54" i="1" s="1"/>
  <c r="AFS54" i="1" s="1"/>
  <c r="AFT54" i="1" s="1"/>
  <c r="AFU54" i="1" s="1"/>
  <c r="AFV54" i="1" s="1"/>
  <c r="AFW54" i="1" s="1"/>
  <c r="AFX54" i="1" s="1"/>
  <c r="AFY54" i="1" s="1"/>
  <c r="AFZ54" i="1" s="1"/>
  <c r="AGA54" i="1" s="1"/>
  <c r="AGB54" i="1" s="1"/>
  <c r="AGC54" i="1" s="1"/>
  <c r="AGD54" i="1" s="1"/>
  <c r="AGE54" i="1" s="1"/>
  <c r="AGF54" i="1" s="1"/>
  <c r="AGG54" i="1" s="1"/>
  <c r="AGH54" i="1" s="1"/>
  <c r="AGI54" i="1" s="1"/>
  <c r="AGJ54" i="1" s="1"/>
  <c r="AGK54" i="1" s="1"/>
  <c r="AGL54" i="1" s="1"/>
  <c r="AGM54" i="1" s="1"/>
  <c r="AGN54" i="1" s="1"/>
  <c r="AGO54" i="1" s="1"/>
  <c r="AGP54" i="1" s="1"/>
  <c r="AGQ54" i="1" s="1"/>
  <c r="AGR54" i="1" s="1"/>
  <c r="AGS54" i="1" s="1"/>
  <c r="AGT54" i="1" s="1"/>
  <c r="AGU54" i="1" s="1"/>
  <c r="AGV54" i="1" s="1"/>
  <c r="AGW54" i="1" s="1"/>
  <c r="AGX54" i="1" s="1"/>
  <c r="AGY54" i="1" s="1"/>
  <c r="AGZ54" i="1" s="1"/>
  <c r="AHA54" i="1" s="1"/>
  <c r="AHB54" i="1" s="1"/>
  <c r="AHC54" i="1" s="1"/>
  <c r="AHD54" i="1" s="1"/>
  <c r="AHE54" i="1" s="1"/>
  <c r="AHF54" i="1" s="1"/>
  <c r="AHG54" i="1" s="1"/>
  <c r="AHH54" i="1" s="1"/>
  <c r="AHI54" i="1" s="1"/>
  <c r="AHJ54" i="1" s="1"/>
  <c r="AHK54" i="1" s="1"/>
  <c r="AHL54" i="1" s="1"/>
  <c r="AHM54" i="1" s="1"/>
  <c r="AHN54" i="1" s="1"/>
  <c r="AHO54" i="1" s="1"/>
  <c r="AHP54" i="1" s="1"/>
  <c r="AHQ54" i="1" s="1"/>
  <c r="AHR54" i="1" s="1"/>
  <c r="AHS54" i="1" s="1"/>
  <c r="AHT54" i="1" s="1"/>
  <c r="AHU54" i="1" s="1"/>
  <c r="AHV54" i="1" s="1"/>
  <c r="AHW54" i="1" s="1"/>
  <c r="AHX54" i="1" s="1"/>
  <c r="AHY54" i="1" s="1"/>
  <c r="AHZ54" i="1" s="1"/>
  <c r="AIA54" i="1" s="1"/>
  <c r="AIB54" i="1" s="1"/>
  <c r="AIC54" i="1" s="1"/>
  <c r="AID54" i="1" s="1"/>
  <c r="AIE54" i="1" s="1"/>
  <c r="AIF54" i="1" s="1"/>
  <c r="AIG54" i="1" s="1"/>
  <c r="AIH54" i="1" s="1"/>
  <c r="AII54" i="1" s="1"/>
  <c r="AIJ54" i="1" s="1"/>
  <c r="AIK54" i="1" s="1"/>
  <c r="AIL54" i="1" s="1"/>
  <c r="AIM54" i="1" s="1"/>
  <c r="AIN54" i="1" s="1"/>
  <c r="AIO54" i="1" s="1"/>
  <c r="AIP54" i="1" s="1"/>
  <c r="AIQ54" i="1" s="1"/>
  <c r="AIR54" i="1" s="1"/>
  <c r="AIS54" i="1" s="1"/>
  <c r="AIT54" i="1" s="1"/>
  <c r="AIU54" i="1" s="1"/>
  <c r="AIV54" i="1" s="1"/>
  <c r="AIW54" i="1" s="1"/>
  <c r="AIX54" i="1" s="1"/>
  <c r="AIY54" i="1" s="1"/>
  <c r="AIZ54" i="1" s="1"/>
  <c r="AJA54" i="1" s="1"/>
  <c r="AJB54" i="1" s="1"/>
  <c r="AJC54" i="1" s="1"/>
  <c r="AJD54" i="1" s="1"/>
  <c r="AJE54" i="1" s="1"/>
  <c r="AJF54" i="1" s="1"/>
  <c r="AJG54" i="1" s="1"/>
  <c r="AJH54" i="1" s="1"/>
  <c r="AJI54" i="1" s="1"/>
  <c r="AJJ54" i="1" s="1"/>
  <c r="AJK54" i="1" s="1"/>
  <c r="AJL54" i="1" s="1"/>
  <c r="AJM54" i="1" s="1"/>
  <c r="AJN54" i="1" s="1"/>
  <c r="AJO54" i="1" s="1"/>
  <c r="AJP54" i="1" s="1"/>
  <c r="AJQ54" i="1" s="1"/>
  <c r="AJR54" i="1" s="1"/>
  <c r="AJS54" i="1" s="1"/>
  <c r="AJT54" i="1" s="1"/>
  <c r="AJU54" i="1" s="1"/>
  <c r="AJV54" i="1" s="1"/>
  <c r="AJW54" i="1" s="1"/>
  <c r="AJX54" i="1" s="1"/>
  <c r="AJY54" i="1" s="1"/>
  <c r="AJZ54" i="1" s="1"/>
  <c r="AKA54" i="1" s="1"/>
  <c r="AKB54" i="1" s="1"/>
  <c r="AKC54" i="1" s="1"/>
  <c r="AKD54" i="1" s="1"/>
  <c r="AKE54" i="1" s="1"/>
  <c r="AKF54" i="1" s="1"/>
  <c r="AKG54" i="1" s="1"/>
  <c r="AKH54" i="1" s="1"/>
  <c r="AKI54" i="1" s="1"/>
  <c r="AKJ54" i="1" s="1"/>
  <c r="AKK54" i="1" s="1"/>
  <c r="AKL54" i="1" s="1"/>
  <c r="AKM54" i="1" s="1"/>
  <c r="AKN54" i="1" s="1"/>
  <c r="AKO54" i="1" s="1"/>
  <c r="AKP54" i="1" s="1"/>
  <c r="AKQ54" i="1" s="1"/>
  <c r="AKR54" i="1" s="1"/>
  <c r="AKS54" i="1" s="1"/>
  <c r="AKT54" i="1" s="1"/>
  <c r="AKU54" i="1" s="1"/>
  <c r="AKV54" i="1" s="1"/>
  <c r="AKW54" i="1" s="1"/>
  <c r="AKX54" i="1" s="1"/>
  <c r="AKY54" i="1" s="1"/>
  <c r="AKZ54" i="1" s="1"/>
  <c r="ALA54" i="1" s="1"/>
  <c r="ALB54" i="1" s="1"/>
  <c r="ALC54" i="1" s="1"/>
  <c r="ALD54" i="1" s="1"/>
  <c r="ALE54" i="1" s="1"/>
  <c r="ALF54" i="1" s="1"/>
  <c r="ALG54" i="1" s="1"/>
  <c r="ALH54" i="1" s="1"/>
  <c r="ALI54" i="1" s="1"/>
  <c r="ALJ54" i="1" s="1"/>
  <c r="ALK54" i="1" s="1"/>
  <c r="ALL54" i="1" s="1"/>
  <c r="ALM54" i="1" s="1"/>
  <c r="ALN54" i="1" s="1"/>
  <c r="ALO54" i="1" s="1"/>
  <c r="ALP54" i="1" s="1"/>
  <c r="ALQ54" i="1" s="1"/>
  <c r="ALR54" i="1" s="1"/>
  <c r="ALS54" i="1" s="1"/>
  <c r="ALT54" i="1" s="1"/>
  <c r="ALU54" i="1" s="1"/>
  <c r="ALV54" i="1" s="1"/>
  <c r="ALW54" i="1" s="1"/>
  <c r="ALX54" i="1" s="1"/>
  <c r="ALY54" i="1" s="1"/>
  <c r="ALZ54" i="1" s="1"/>
  <c r="AMA54" i="1" s="1"/>
  <c r="AMB54" i="1" s="1"/>
  <c r="AMC54" i="1" s="1"/>
  <c r="AMD54" i="1" s="1"/>
  <c r="AME54" i="1" s="1"/>
  <c r="AMF54" i="1" s="1"/>
  <c r="AMG54" i="1" s="1"/>
  <c r="AMH54" i="1" s="1"/>
  <c r="AMI54" i="1" s="1"/>
  <c r="AMJ54" i="1" s="1"/>
  <c r="AMK54" i="1" s="1"/>
  <c r="AML54" i="1" s="1"/>
  <c r="AMM54" i="1" s="1"/>
  <c r="AMN54" i="1" s="1"/>
  <c r="AMO54" i="1" s="1"/>
  <c r="AMP54" i="1" s="1"/>
  <c r="AMQ54" i="1" s="1"/>
  <c r="AMR54" i="1" s="1"/>
  <c r="AMS54" i="1" s="1"/>
  <c r="AMT54" i="1" s="1"/>
  <c r="AMU54" i="1" s="1"/>
  <c r="AMV54" i="1" s="1"/>
  <c r="AMW54" i="1" s="1"/>
  <c r="AMX54" i="1" s="1"/>
  <c r="AMY54" i="1" s="1"/>
  <c r="AMZ54" i="1" s="1"/>
  <c r="ANA54" i="1" s="1"/>
  <c r="ANB54" i="1" s="1"/>
  <c r="ANC54" i="1" s="1"/>
  <c r="AND54" i="1" s="1"/>
  <c r="ANE54" i="1" s="1"/>
  <c r="ANF54" i="1" s="1"/>
  <c r="ANG54" i="1" s="1"/>
  <c r="ANH54" i="1" s="1"/>
  <c r="ANI54" i="1" s="1"/>
  <c r="ANJ54" i="1" s="1"/>
  <c r="ANK54" i="1" s="1"/>
  <c r="ANL54" i="1" s="1"/>
  <c r="ANM54" i="1" s="1"/>
  <c r="ANN54" i="1" s="1"/>
  <c r="ANO54" i="1" s="1"/>
  <c r="ANP54" i="1" s="1"/>
  <c r="ANQ54" i="1" s="1"/>
  <c r="ANR54" i="1" s="1"/>
  <c r="ANS54" i="1" s="1"/>
  <c r="ANT54" i="1" s="1"/>
  <c r="ANU54" i="1" s="1"/>
  <c r="ANV54" i="1" s="1"/>
  <c r="ANW54" i="1" s="1"/>
  <c r="ANX54" i="1" s="1"/>
  <c r="ANY54" i="1" s="1"/>
  <c r="ANZ54" i="1" s="1"/>
  <c r="AOA54" i="1" s="1"/>
  <c r="AOB54" i="1" s="1"/>
  <c r="AOC54" i="1" s="1"/>
  <c r="AOD54" i="1" s="1"/>
  <c r="AOE54" i="1" s="1"/>
  <c r="AOF54" i="1" s="1"/>
  <c r="AOG54" i="1" s="1"/>
  <c r="AOH54" i="1" s="1"/>
  <c r="AOI54" i="1" s="1"/>
  <c r="AOJ54" i="1" s="1"/>
  <c r="AOK54" i="1" s="1"/>
  <c r="AOL54" i="1" s="1"/>
  <c r="AOM54" i="1" s="1"/>
  <c r="AON54" i="1" s="1"/>
  <c r="AOO54" i="1" s="1"/>
  <c r="AOP54" i="1" s="1"/>
  <c r="AOQ54" i="1" s="1"/>
  <c r="AOR54" i="1" s="1"/>
  <c r="AOS54" i="1" s="1"/>
  <c r="AOT54" i="1" s="1"/>
  <c r="AOU54" i="1" s="1"/>
  <c r="AOV54" i="1" s="1"/>
  <c r="AOW54" i="1" s="1"/>
  <c r="AOX54" i="1" s="1"/>
  <c r="AOY54" i="1" s="1"/>
  <c r="AOZ54" i="1" s="1"/>
  <c r="APA54" i="1" s="1"/>
  <c r="APB54" i="1" s="1"/>
  <c r="APC54" i="1" s="1"/>
  <c r="APD54" i="1" s="1"/>
  <c r="APE54" i="1" s="1"/>
  <c r="APF54" i="1" s="1"/>
  <c r="APG54" i="1" s="1"/>
  <c r="APH54" i="1" s="1"/>
  <c r="API54" i="1" s="1"/>
  <c r="APJ54" i="1" s="1"/>
  <c r="APK54" i="1" s="1"/>
  <c r="APL54" i="1" s="1"/>
  <c r="APM54" i="1" s="1"/>
  <c r="APN54" i="1" s="1"/>
  <c r="APO54" i="1" s="1"/>
  <c r="APP54" i="1" s="1"/>
  <c r="APQ54" i="1" s="1"/>
  <c r="APR54" i="1" s="1"/>
  <c r="APS54" i="1" s="1"/>
  <c r="APT54" i="1" s="1"/>
  <c r="APU54" i="1" s="1"/>
  <c r="APV54" i="1" s="1"/>
  <c r="APW54" i="1" s="1"/>
  <c r="APX54" i="1" s="1"/>
  <c r="APY54" i="1" s="1"/>
  <c r="APZ54" i="1" s="1"/>
  <c r="AQA54" i="1" s="1"/>
  <c r="AQB54" i="1" s="1"/>
  <c r="AQC54" i="1" s="1"/>
  <c r="AQD54" i="1" s="1"/>
  <c r="AQE54" i="1" s="1"/>
  <c r="AQF54" i="1" s="1"/>
  <c r="AQG54" i="1" s="1"/>
  <c r="AQH54" i="1" s="1"/>
  <c r="AQI54" i="1" s="1"/>
  <c r="AQJ54" i="1" s="1"/>
  <c r="AQK54" i="1" s="1"/>
  <c r="AQL54" i="1" s="1"/>
  <c r="AQM54" i="1" s="1"/>
  <c r="AQN54" i="1" s="1"/>
  <c r="AQO54" i="1" s="1"/>
  <c r="AQP54" i="1" s="1"/>
  <c r="AQQ54" i="1" s="1"/>
  <c r="AQR54" i="1" s="1"/>
  <c r="AQS54" i="1" s="1"/>
  <c r="AQT54" i="1" s="1"/>
  <c r="AQU54" i="1" s="1"/>
  <c r="AQV54" i="1" s="1"/>
  <c r="AQW54" i="1" s="1"/>
  <c r="AQX54" i="1" s="1"/>
  <c r="AQY54" i="1" s="1"/>
  <c r="AQZ54" i="1" s="1"/>
  <c r="ARA54" i="1" s="1"/>
  <c r="ARB54" i="1" s="1"/>
  <c r="ARC54" i="1" s="1"/>
  <c r="ARD54" i="1" s="1"/>
  <c r="ARE54" i="1" s="1"/>
  <c r="ARF54" i="1" s="1"/>
  <c r="ARG54" i="1" s="1"/>
  <c r="ARH54" i="1" s="1"/>
  <c r="ARI54" i="1" s="1"/>
  <c r="ARJ54" i="1" s="1"/>
  <c r="ARK54" i="1" s="1"/>
  <c r="ARL54" i="1" s="1"/>
  <c r="ARM54" i="1" s="1"/>
  <c r="ARN54" i="1" s="1"/>
  <c r="ARO54" i="1" s="1"/>
  <c r="ARP54" i="1" s="1"/>
  <c r="ARQ54" i="1" s="1"/>
  <c r="ARR54" i="1" s="1"/>
  <c r="ARS54" i="1" s="1"/>
  <c r="ART54" i="1" s="1"/>
  <c r="ARU54" i="1" s="1"/>
  <c r="ARV54" i="1" s="1"/>
  <c r="ARW54" i="1" s="1"/>
  <c r="ARX54" i="1" s="1"/>
  <c r="ARY54" i="1" s="1"/>
  <c r="ARZ54" i="1" s="1"/>
  <c r="ASA54" i="1" s="1"/>
  <c r="ASB54" i="1" s="1"/>
  <c r="ASC54" i="1" s="1"/>
  <c r="ASD54" i="1" s="1"/>
  <c r="ASE54" i="1" s="1"/>
  <c r="ASF54" i="1" s="1"/>
  <c r="ASG54" i="1" s="1"/>
  <c r="ASH54" i="1" s="1"/>
  <c r="ASI54" i="1" s="1"/>
  <c r="ASJ54" i="1" s="1"/>
  <c r="ASK54" i="1" s="1"/>
  <c r="ASL54" i="1" s="1"/>
  <c r="ASM54" i="1" s="1"/>
  <c r="ASN54" i="1" s="1"/>
  <c r="ASO54" i="1" s="1"/>
  <c r="ASP54" i="1" s="1"/>
  <c r="ASQ54" i="1" s="1"/>
  <c r="ASR54" i="1" s="1"/>
  <c r="ASS54" i="1" s="1"/>
  <c r="AST54" i="1" s="1"/>
  <c r="ASU54" i="1" s="1"/>
  <c r="ASV54" i="1" s="1"/>
  <c r="ASW54" i="1" s="1"/>
  <c r="ASX54" i="1" s="1"/>
  <c r="ASY54" i="1" s="1"/>
  <c r="ASZ54" i="1" s="1"/>
  <c r="ATA54" i="1" s="1"/>
  <c r="ATB54" i="1" s="1"/>
  <c r="ATC54" i="1" s="1"/>
  <c r="ATD54" i="1" s="1"/>
  <c r="ATE54" i="1" s="1"/>
  <c r="ATF54" i="1" s="1"/>
  <c r="ATG54" i="1" s="1"/>
  <c r="ATH54" i="1" s="1"/>
  <c r="ATI54" i="1" s="1"/>
  <c r="ATJ54" i="1" s="1"/>
  <c r="ATK54" i="1" s="1"/>
  <c r="ATL54" i="1" s="1"/>
  <c r="ATM54" i="1" s="1"/>
  <c r="ATN54" i="1" s="1"/>
  <c r="ATO54" i="1" s="1"/>
  <c r="ATP54" i="1" s="1"/>
  <c r="ATQ54" i="1" s="1"/>
  <c r="ATR54" i="1" s="1"/>
  <c r="ATS54" i="1" s="1"/>
  <c r="ATT54" i="1" s="1"/>
  <c r="ATU54" i="1" s="1"/>
  <c r="ATV54" i="1" s="1"/>
  <c r="ATW54" i="1" s="1"/>
  <c r="ATX54" i="1" s="1"/>
  <c r="ATY54" i="1" s="1"/>
  <c r="ATZ54" i="1" s="1"/>
  <c r="AUA54" i="1" s="1"/>
  <c r="AUB54" i="1" s="1"/>
  <c r="AUC54" i="1" s="1"/>
  <c r="AUD54" i="1" s="1"/>
  <c r="AUE54" i="1" s="1"/>
  <c r="AUF54" i="1" s="1"/>
  <c r="AUG54" i="1" s="1"/>
  <c r="AUH54" i="1" s="1"/>
  <c r="AUI54" i="1" s="1"/>
  <c r="AUJ54" i="1" s="1"/>
  <c r="AUK54" i="1" s="1"/>
  <c r="AUL54" i="1" s="1"/>
  <c r="AUM54" i="1" s="1"/>
  <c r="AUN54" i="1" s="1"/>
  <c r="AUO54" i="1" s="1"/>
  <c r="AUP54" i="1" s="1"/>
  <c r="AUQ54" i="1" s="1"/>
  <c r="AUR54" i="1" s="1"/>
  <c r="AUS54" i="1" s="1"/>
  <c r="AUT54" i="1" s="1"/>
  <c r="AUU54" i="1" s="1"/>
  <c r="AUV54" i="1" s="1"/>
  <c r="AUW54" i="1" s="1"/>
  <c r="AUX54" i="1" s="1"/>
  <c r="AUY54" i="1" s="1"/>
  <c r="AUZ54" i="1" s="1"/>
  <c r="AVA54" i="1" s="1"/>
  <c r="AVB54" i="1" s="1"/>
  <c r="AVC54" i="1" s="1"/>
  <c r="AVD54" i="1" s="1"/>
  <c r="AVE54" i="1" s="1"/>
  <c r="AVF54" i="1" s="1"/>
  <c r="AVG54" i="1" s="1"/>
  <c r="AVH54" i="1" s="1"/>
  <c r="AVI54" i="1" s="1"/>
  <c r="AVJ54" i="1" s="1"/>
  <c r="AVK54" i="1" s="1"/>
  <c r="AVL54" i="1" s="1"/>
  <c r="AVM54" i="1" s="1"/>
  <c r="AVN54" i="1" s="1"/>
  <c r="AVO54" i="1" s="1"/>
  <c r="AVP54" i="1" s="1"/>
  <c r="AVQ54" i="1" s="1"/>
  <c r="AVR54" i="1" s="1"/>
  <c r="AVS54" i="1" s="1"/>
  <c r="AVT54" i="1" s="1"/>
  <c r="AVU54" i="1" s="1"/>
  <c r="AVV54" i="1" s="1"/>
  <c r="AVW54" i="1" s="1"/>
  <c r="AVX54" i="1" s="1"/>
  <c r="AVY54" i="1" s="1"/>
  <c r="AVZ54" i="1" s="1"/>
  <c r="AWA54" i="1" s="1"/>
  <c r="AWB54" i="1" s="1"/>
  <c r="AWC54" i="1" s="1"/>
  <c r="AWD54" i="1" s="1"/>
  <c r="AWE54" i="1" s="1"/>
  <c r="AWF54" i="1" s="1"/>
  <c r="AWG54" i="1" s="1"/>
  <c r="AWH54" i="1" s="1"/>
  <c r="AWI54" i="1" s="1"/>
  <c r="AWJ54" i="1" s="1"/>
  <c r="AWK54" i="1" s="1"/>
  <c r="AWL54" i="1" s="1"/>
  <c r="AWM54" i="1" s="1"/>
  <c r="AWN54" i="1" s="1"/>
  <c r="AWO54" i="1" s="1"/>
  <c r="AWP54" i="1" s="1"/>
  <c r="AWQ54" i="1" s="1"/>
  <c r="AWR54" i="1" s="1"/>
  <c r="AWS54" i="1" s="1"/>
  <c r="AWT54" i="1" s="1"/>
  <c r="AWU54" i="1" s="1"/>
  <c r="AWV54" i="1" s="1"/>
  <c r="AWW54" i="1" s="1"/>
  <c r="AWX54" i="1" s="1"/>
  <c r="AWY54" i="1" s="1"/>
  <c r="AWZ54" i="1" s="1"/>
  <c r="AXA54" i="1" s="1"/>
  <c r="AXB54" i="1" s="1"/>
  <c r="AXC54" i="1" s="1"/>
  <c r="AXD54" i="1" s="1"/>
  <c r="AXE54" i="1" s="1"/>
  <c r="AXF54" i="1" s="1"/>
  <c r="AXG54" i="1" s="1"/>
  <c r="AXH54" i="1" s="1"/>
  <c r="AXI54" i="1" s="1"/>
  <c r="AXJ54" i="1" s="1"/>
  <c r="AXK54" i="1" s="1"/>
  <c r="AXL54" i="1" s="1"/>
  <c r="AXM54" i="1" s="1"/>
  <c r="AXN54" i="1" s="1"/>
  <c r="AXO54" i="1" s="1"/>
  <c r="AXP54" i="1" s="1"/>
  <c r="AXQ54" i="1" s="1"/>
  <c r="AXR54" i="1" s="1"/>
  <c r="AXS54" i="1" s="1"/>
  <c r="AXT54" i="1" s="1"/>
  <c r="AXU54" i="1" s="1"/>
  <c r="AXV54" i="1" s="1"/>
  <c r="AXW54" i="1" s="1"/>
  <c r="AXX54" i="1" s="1"/>
  <c r="AXY54" i="1" s="1"/>
  <c r="AXZ54" i="1" s="1"/>
  <c r="AYA54" i="1" s="1"/>
  <c r="AYB54" i="1" s="1"/>
  <c r="AYC54" i="1" s="1"/>
  <c r="AYD54" i="1" s="1"/>
  <c r="AYE54" i="1" s="1"/>
  <c r="AYF54" i="1" s="1"/>
  <c r="AYG54" i="1" s="1"/>
  <c r="AYH54" i="1" s="1"/>
  <c r="AYI54" i="1" s="1"/>
  <c r="AYJ54" i="1" s="1"/>
  <c r="AYK54" i="1" s="1"/>
  <c r="AYL54" i="1" s="1"/>
  <c r="AYM54" i="1" s="1"/>
  <c r="AYN54" i="1" s="1"/>
  <c r="AYO54" i="1" s="1"/>
  <c r="AYP54" i="1" s="1"/>
  <c r="AYQ54" i="1" s="1"/>
  <c r="AYR54" i="1" s="1"/>
  <c r="AYS54" i="1" s="1"/>
  <c r="AYT54" i="1" s="1"/>
  <c r="AYU54" i="1" s="1"/>
  <c r="AYV54" i="1" s="1"/>
  <c r="AYW54" i="1" s="1"/>
  <c r="AYX54" i="1" s="1"/>
  <c r="AYY54" i="1" s="1"/>
  <c r="AYZ54" i="1" s="1"/>
  <c r="AZA54" i="1" s="1"/>
  <c r="AZB54" i="1" s="1"/>
  <c r="AZC54" i="1" s="1"/>
  <c r="AZD54" i="1" s="1"/>
  <c r="AZE54" i="1" s="1"/>
  <c r="AZF54" i="1" s="1"/>
  <c r="AZG54" i="1" s="1"/>
  <c r="AZH54" i="1" s="1"/>
  <c r="AZI54" i="1" s="1"/>
  <c r="AZJ54" i="1" s="1"/>
  <c r="AZK54" i="1" s="1"/>
  <c r="AZL54" i="1" s="1"/>
  <c r="AZM54" i="1" s="1"/>
  <c r="AZN54" i="1" s="1"/>
  <c r="AZO54" i="1" s="1"/>
  <c r="AZP54" i="1" s="1"/>
  <c r="AZQ54" i="1" s="1"/>
  <c r="AZR54" i="1" s="1"/>
  <c r="AZS54" i="1" s="1"/>
  <c r="AZT54" i="1" s="1"/>
  <c r="AZU54" i="1" s="1"/>
  <c r="AZV54" i="1" s="1"/>
  <c r="AZW54" i="1" s="1"/>
  <c r="AZX54" i="1" s="1"/>
  <c r="AZY54" i="1" s="1"/>
  <c r="AZZ54" i="1" s="1"/>
  <c r="BAA54" i="1" s="1"/>
  <c r="BAB54" i="1" s="1"/>
  <c r="BAC54" i="1" s="1"/>
  <c r="BAD54" i="1" s="1"/>
  <c r="BAE54" i="1" s="1"/>
  <c r="BAF54" i="1" s="1"/>
  <c r="BAG54" i="1" s="1"/>
  <c r="BAH54" i="1" s="1"/>
  <c r="BAI54" i="1" s="1"/>
  <c r="BAJ54" i="1" s="1"/>
  <c r="BAK54" i="1" s="1"/>
  <c r="BAL54" i="1" s="1"/>
  <c r="BAM54" i="1" s="1"/>
  <c r="BAN54" i="1" s="1"/>
  <c r="BAO54" i="1" s="1"/>
  <c r="BAP54" i="1" s="1"/>
  <c r="BAQ54" i="1" s="1"/>
  <c r="BAR54" i="1" s="1"/>
  <c r="BAS54" i="1" s="1"/>
  <c r="BAT54" i="1" s="1"/>
  <c r="BAU54" i="1" s="1"/>
  <c r="BAV54" i="1" s="1"/>
  <c r="BAW54" i="1" s="1"/>
  <c r="BAX54" i="1" s="1"/>
  <c r="BAY54" i="1" s="1"/>
  <c r="BAZ54" i="1" s="1"/>
  <c r="BBA54" i="1" s="1"/>
  <c r="BBB54" i="1" s="1"/>
  <c r="BBC54" i="1" s="1"/>
  <c r="BBD54" i="1" s="1"/>
  <c r="BBE54" i="1" s="1"/>
  <c r="BBF54" i="1" s="1"/>
  <c r="BBG54" i="1" s="1"/>
  <c r="BBH54" i="1" s="1"/>
  <c r="BBI54" i="1" s="1"/>
  <c r="BBJ54" i="1" s="1"/>
  <c r="BBK54" i="1" s="1"/>
  <c r="BBL54" i="1" s="1"/>
  <c r="BBM54" i="1" s="1"/>
  <c r="BBN54" i="1" s="1"/>
  <c r="BBO54" i="1" s="1"/>
  <c r="BBP54" i="1" s="1"/>
  <c r="BBQ54" i="1" s="1"/>
  <c r="BBR54" i="1" s="1"/>
  <c r="BBS54" i="1" s="1"/>
  <c r="BBT54" i="1" s="1"/>
  <c r="BBU54" i="1" s="1"/>
  <c r="BBV54" i="1" s="1"/>
  <c r="BBW54" i="1" s="1"/>
  <c r="BBX54" i="1" s="1"/>
  <c r="BBY54" i="1" s="1"/>
  <c r="BBZ54" i="1" s="1"/>
  <c r="BCA54" i="1" s="1"/>
  <c r="BCB54" i="1" s="1"/>
  <c r="BCC54" i="1" s="1"/>
  <c r="BCD54" i="1" s="1"/>
  <c r="BCE54" i="1" s="1"/>
  <c r="BCF54" i="1" s="1"/>
  <c r="BCG54" i="1" s="1"/>
  <c r="BCH54" i="1" s="1"/>
  <c r="BCI54" i="1" s="1"/>
  <c r="BCJ54" i="1" s="1"/>
  <c r="BCK54" i="1" s="1"/>
  <c r="BCL54" i="1" s="1"/>
  <c r="BCM54" i="1" s="1"/>
  <c r="BCN54" i="1" s="1"/>
  <c r="BCO54" i="1" s="1"/>
  <c r="BCP54" i="1" s="1"/>
  <c r="BCQ54" i="1" s="1"/>
  <c r="BCR54" i="1" s="1"/>
  <c r="BCS54" i="1" s="1"/>
  <c r="BCT54" i="1" s="1"/>
  <c r="BCU54" i="1" s="1"/>
  <c r="BCV54" i="1" s="1"/>
  <c r="BCW54" i="1" s="1"/>
  <c r="BCX54" i="1" s="1"/>
  <c r="BCY54" i="1" s="1"/>
  <c r="BCZ54" i="1" s="1"/>
  <c r="BDA54" i="1" s="1"/>
  <c r="BDB54" i="1" s="1"/>
  <c r="BDC54" i="1" s="1"/>
  <c r="BDD54" i="1" s="1"/>
  <c r="BDE54" i="1" s="1"/>
  <c r="BDF54" i="1" s="1"/>
  <c r="BDG54" i="1" s="1"/>
  <c r="BDH54" i="1" s="1"/>
  <c r="BDI54" i="1" s="1"/>
  <c r="BDJ54" i="1" s="1"/>
  <c r="BDK54" i="1" s="1"/>
  <c r="BDL54" i="1" s="1"/>
  <c r="BDM54" i="1" s="1"/>
  <c r="BDN54" i="1" s="1"/>
  <c r="BDO54" i="1" s="1"/>
  <c r="BDP54" i="1" s="1"/>
  <c r="BDQ54" i="1" s="1"/>
  <c r="BDR54" i="1" s="1"/>
  <c r="BDS54" i="1" s="1"/>
  <c r="BDT54" i="1" s="1"/>
  <c r="BDU54" i="1" s="1"/>
  <c r="BDV54" i="1" s="1"/>
  <c r="BDW54" i="1" s="1"/>
  <c r="BDX54" i="1" s="1"/>
  <c r="BDY54" i="1" s="1"/>
  <c r="BDZ54" i="1" s="1"/>
  <c r="BEA54" i="1" s="1"/>
  <c r="BEB54" i="1" s="1"/>
  <c r="BEC54" i="1" s="1"/>
  <c r="BED54" i="1" s="1"/>
  <c r="BEE54" i="1" s="1"/>
  <c r="BEF54" i="1" s="1"/>
  <c r="BEG54" i="1" s="1"/>
  <c r="BEH54" i="1" s="1"/>
  <c r="BEI54" i="1" s="1"/>
  <c r="BEJ54" i="1" s="1"/>
  <c r="BEK54" i="1" s="1"/>
  <c r="BEL54" i="1" s="1"/>
  <c r="BEM54" i="1" s="1"/>
  <c r="BEN54" i="1" s="1"/>
  <c r="BEO54" i="1" s="1"/>
  <c r="BEP54" i="1" s="1"/>
  <c r="BEQ54" i="1" s="1"/>
  <c r="BER54" i="1" s="1"/>
  <c r="BES54" i="1" s="1"/>
  <c r="BET54" i="1" s="1"/>
  <c r="BEU54" i="1" s="1"/>
  <c r="BEV54" i="1" s="1"/>
  <c r="BEW54" i="1" s="1"/>
  <c r="BEX54" i="1" s="1"/>
  <c r="BEY54" i="1" s="1"/>
  <c r="BEZ54" i="1" s="1"/>
  <c r="BFA54" i="1" s="1"/>
  <c r="BFB54" i="1" s="1"/>
  <c r="BFC54" i="1" s="1"/>
  <c r="BFD54" i="1" s="1"/>
  <c r="BFE54" i="1" s="1"/>
  <c r="BFF54" i="1" s="1"/>
  <c r="BFG54" i="1" s="1"/>
  <c r="BFH54" i="1" s="1"/>
  <c r="BFI54" i="1" s="1"/>
  <c r="BFJ54" i="1" s="1"/>
  <c r="BFK54" i="1" s="1"/>
  <c r="BFL54" i="1" s="1"/>
  <c r="BFM54" i="1" s="1"/>
  <c r="BFN54" i="1" s="1"/>
  <c r="BFO54" i="1" s="1"/>
  <c r="BFP54" i="1" s="1"/>
  <c r="BFQ54" i="1" s="1"/>
  <c r="BFR54" i="1" s="1"/>
  <c r="BFS54" i="1" s="1"/>
  <c r="BFT54" i="1" s="1"/>
  <c r="BFU54" i="1" s="1"/>
  <c r="BFV54" i="1" s="1"/>
  <c r="BFW54" i="1" s="1"/>
  <c r="BFX54" i="1" s="1"/>
  <c r="BFY54" i="1" s="1"/>
  <c r="BFZ54" i="1" s="1"/>
  <c r="BGA54" i="1" s="1"/>
  <c r="BGB54" i="1" s="1"/>
  <c r="BGC54" i="1" s="1"/>
  <c r="BGD54" i="1" s="1"/>
  <c r="BGE54" i="1" s="1"/>
  <c r="BGF54" i="1" s="1"/>
  <c r="BGG54" i="1" s="1"/>
  <c r="BGH54" i="1" s="1"/>
  <c r="BGI54" i="1" s="1"/>
  <c r="BGJ54" i="1" s="1"/>
  <c r="BGK54" i="1" s="1"/>
  <c r="BGL54" i="1" s="1"/>
  <c r="BGM54" i="1" s="1"/>
  <c r="BGN54" i="1" s="1"/>
  <c r="BGO54" i="1" s="1"/>
  <c r="BGP54" i="1" s="1"/>
  <c r="BGQ54" i="1" s="1"/>
  <c r="BGR54" i="1" s="1"/>
  <c r="BGS54" i="1" s="1"/>
  <c r="BGT54" i="1" s="1"/>
  <c r="BGU54" i="1" s="1"/>
  <c r="BGV54" i="1" s="1"/>
  <c r="BGW54" i="1" s="1"/>
  <c r="BGX54" i="1" s="1"/>
  <c r="BGY54" i="1" s="1"/>
  <c r="BGZ54" i="1" s="1"/>
  <c r="BHA54" i="1" s="1"/>
  <c r="BHB54" i="1" s="1"/>
  <c r="BHC54" i="1" s="1"/>
  <c r="BHD54" i="1" s="1"/>
  <c r="BHE54" i="1" s="1"/>
  <c r="BHF54" i="1" s="1"/>
  <c r="BHG54" i="1" s="1"/>
  <c r="BHH54" i="1" s="1"/>
  <c r="BHI54" i="1" s="1"/>
  <c r="BHJ54" i="1" s="1"/>
  <c r="BHK54" i="1" s="1"/>
  <c r="BHL54" i="1" s="1"/>
  <c r="BHM54" i="1" s="1"/>
  <c r="BHN54" i="1" s="1"/>
  <c r="BHO54" i="1" s="1"/>
  <c r="BHP54" i="1" s="1"/>
  <c r="BHQ54" i="1" s="1"/>
  <c r="BHR54" i="1" s="1"/>
  <c r="BHS54" i="1" s="1"/>
  <c r="BHT54" i="1" s="1"/>
  <c r="BHU54" i="1" s="1"/>
  <c r="BHV54" i="1" s="1"/>
  <c r="BHW54" i="1" s="1"/>
  <c r="BHX54" i="1" s="1"/>
  <c r="BHY54" i="1" s="1"/>
  <c r="BHZ54" i="1" s="1"/>
  <c r="BIA54" i="1" s="1"/>
  <c r="BIB54" i="1" s="1"/>
  <c r="BIC54" i="1" s="1"/>
  <c r="BID54" i="1" s="1"/>
  <c r="BIE54" i="1" s="1"/>
  <c r="BIF54" i="1" s="1"/>
  <c r="BIG54" i="1" s="1"/>
  <c r="BIH54" i="1" s="1"/>
  <c r="BII54" i="1" s="1"/>
  <c r="BIJ54" i="1" s="1"/>
  <c r="BIK54" i="1" s="1"/>
  <c r="BIL54" i="1" s="1"/>
  <c r="BIM54" i="1" s="1"/>
  <c r="BIN54" i="1" s="1"/>
  <c r="BIO54" i="1" s="1"/>
  <c r="BIP54" i="1" s="1"/>
  <c r="BIQ54" i="1" s="1"/>
  <c r="BIR54" i="1" s="1"/>
  <c r="BIS54" i="1" s="1"/>
  <c r="BIT54" i="1" s="1"/>
  <c r="BIU54" i="1" s="1"/>
  <c r="BIV54" i="1" s="1"/>
  <c r="BIW54" i="1" s="1"/>
  <c r="BIX54" i="1" s="1"/>
  <c r="BIY54" i="1" s="1"/>
  <c r="BIZ54" i="1" s="1"/>
  <c r="BJA54" i="1" s="1"/>
  <c r="BJB54" i="1" s="1"/>
  <c r="BJC54" i="1" s="1"/>
  <c r="BJD54" i="1" s="1"/>
  <c r="BJE54" i="1" s="1"/>
  <c r="BJF54" i="1" s="1"/>
  <c r="BJG54" i="1" s="1"/>
  <c r="BJH54" i="1" s="1"/>
  <c r="BJI54" i="1" s="1"/>
  <c r="BJJ54" i="1" s="1"/>
  <c r="BJK54" i="1" s="1"/>
  <c r="BJL54" i="1" s="1"/>
  <c r="BJM54" i="1" s="1"/>
  <c r="BJN54" i="1" s="1"/>
  <c r="BJO54" i="1" s="1"/>
  <c r="BJP54" i="1" s="1"/>
  <c r="BJQ54" i="1" s="1"/>
  <c r="BJR54" i="1" s="1"/>
  <c r="BJS54" i="1" s="1"/>
  <c r="BJT54" i="1" s="1"/>
  <c r="BJU54" i="1" s="1"/>
  <c r="BJV54" i="1" s="1"/>
  <c r="BJW54" i="1" s="1"/>
  <c r="BJX54" i="1" s="1"/>
  <c r="BJY54" i="1" s="1"/>
  <c r="BJZ54" i="1" s="1"/>
  <c r="BKA54" i="1" s="1"/>
  <c r="BKB54" i="1" s="1"/>
  <c r="BKC54" i="1" s="1"/>
  <c r="BKD54" i="1" s="1"/>
  <c r="BKE54" i="1" s="1"/>
  <c r="BKF54" i="1" s="1"/>
  <c r="BKG54" i="1" s="1"/>
  <c r="BKH54" i="1" s="1"/>
  <c r="BKI54" i="1" s="1"/>
  <c r="BKJ54" i="1" s="1"/>
  <c r="BKK54" i="1" s="1"/>
  <c r="BKL54" i="1" s="1"/>
  <c r="BKM54" i="1" s="1"/>
  <c r="BKN54" i="1" s="1"/>
  <c r="BKO54" i="1" s="1"/>
  <c r="BKP54" i="1" s="1"/>
  <c r="BKQ54" i="1" s="1"/>
  <c r="BKR54" i="1" s="1"/>
  <c r="BKS54" i="1" s="1"/>
  <c r="BKT54" i="1" s="1"/>
  <c r="BKU54" i="1" s="1"/>
  <c r="BKV54" i="1" s="1"/>
  <c r="BKW54" i="1" s="1"/>
  <c r="BKX54" i="1" s="1"/>
  <c r="BKY54" i="1" s="1"/>
  <c r="BKZ54" i="1" s="1"/>
  <c r="BLA54" i="1" s="1"/>
  <c r="BLB54" i="1" s="1"/>
  <c r="BLC54" i="1" s="1"/>
  <c r="BLD54" i="1" s="1"/>
  <c r="BLE54" i="1" s="1"/>
  <c r="BLF54" i="1" s="1"/>
  <c r="BLG54" i="1" s="1"/>
  <c r="BLH54" i="1" s="1"/>
  <c r="BLI54" i="1" s="1"/>
  <c r="BLJ54" i="1" s="1"/>
  <c r="BLK54" i="1" s="1"/>
  <c r="BLL54" i="1" s="1"/>
  <c r="BLM54" i="1" s="1"/>
  <c r="BLN54" i="1" s="1"/>
  <c r="BLO54" i="1" s="1"/>
  <c r="BLP54" i="1" s="1"/>
  <c r="BLQ54" i="1" s="1"/>
  <c r="BLR54" i="1" s="1"/>
  <c r="BLS54" i="1" s="1"/>
  <c r="BLT54" i="1" s="1"/>
  <c r="BLU54" i="1" s="1"/>
  <c r="BLV54" i="1" s="1"/>
  <c r="BLW54" i="1" s="1"/>
  <c r="BLX54" i="1" s="1"/>
  <c r="BLY54" i="1" s="1"/>
  <c r="BLZ54" i="1" s="1"/>
  <c r="BMA54" i="1" s="1"/>
  <c r="BMB54" i="1" s="1"/>
  <c r="BMC54" i="1" s="1"/>
  <c r="BMD54" i="1" s="1"/>
  <c r="BME54" i="1" s="1"/>
  <c r="BMF54" i="1" s="1"/>
  <c r="BMG54" i="1" s="1"/>
  <c r="BMH54" i="1" s="1"/>
  <c r="BMI54" i="1" s="1"/>
  <c r="BMJ54" i="1" s="1"/>
  <c r="BMK54" i="1" s="1"/>
  <c r="BML54" i="1" s="1"/>
  <c r="BMM54" i="1" s="1"/>
  <c r="BMN54" i="1" s="1"/>
  <c r="BMO54" i="1" s="1"/>
  <c r="BMP54" i="1" s="1"/>
  <c r="BMQ54" i="1" s="1"/>
  <c r="BMR54" i="1" s="1"/>
  <c r="BMS54" i="1" s="1"/>
  <c r="BMT54" i="1" s="1"/>
  <c r="BMU54" i="1" s="1"/>
  <c r="BMV54" i="1" s="1"/>
  <c r="BMW54" i="1" s="1"/>
  <c r="BMX54" i="1" s="1"/>
  <c r="BMY54" i="1" s="1"/>
  <c r="BMZ54" i="1" s="1"/>
  <c r="BNA54" i="1" s="1"/>
  <c r="BNB54" i="1" s="1"/>
  <c r="BNC54" i="1" s="1"/>
  <c r="BND54" i="1" s="1"/>
  <c r="BNE54" i="1" s="1"/>
  <c r="BNF54" i="1" s="1"/>
  <c r="BNG54" i="1" s="1"/>
  <c r="BNH54" i="1" s="1"/>
  <c r="BNI54" i="1" s="1"/>
  <c r="BNJ54" i="1" s="1"/>
  <c r="BNK54" i="1" s="1"/>
  <c r="BNL54" i="1" s="1"/>
  <c r="BNM54" i="1" s="1"/>
  <c r="BNN54" i="1" s="1"/>
  <c r="BNO54" i="1" s="1"/>
  <c r="BNP54" i="1" s="1"/>
  <c r="BNQ54" i="1" s="1"/>
  <c r="BNR54" i="1" s="1"/>
  <c r="BNS54" i="1" s="1"/>
  <c r="BNT54" i="1" s="1"/>
  <c r="BNU54" i="1" s="1"/>
  <c r="BNV54" i="1" s="1"/>
  <c r="BNW54" i="1" s="1"/>
  <c r="BNX54" i="1" s="1"/>
  <c r="BNY54" i="1" s="1"/>
  <c r="BNZ54" i="1" s="1"/>
  <c r="BOA54" i="1" s="1"/>
  <c r="BOB54" i="1" s="1"/>
  <c r="BOC54" i="1" s="1"/>
  <c r="BOD54" i="1" s="1"/>
  <c r="BOE54" i="1" s="1"/>
  <c r="BOF54" i="1" s="1"/>
  <c r="BOG54" i="1" s="1"/>
  <c r="BOH54" i="1" s="1"/>
  <c r="BOI54" i="1" s="1"/>
  <c r="BOJ54" i="1" s="1"/>
  <c r="BOK54" i="1" s="1"/>
  <c r="BOL54" i="1" s="1"/>
  <c r="BOM54" i="1" s="1"/>
  <c r="BON54" i="1" s="1"/>
  <c r="BOO54" i="1" s="1"/>
  <c r="BOP54" i="1" s="1"/>
  <c r="BOQ54" i="1" s="1"/>
  <c r="BOR54" i="1" s="1"/>
  <c r="BOS54" i="1" s="1"/>
  <c r="BOT54" i="1" s="1"/>
  <c r="BOU54" i="1" s="1"/>
  <c r="BOV54" i="1" s="1"/>
  <c r="BOW54" i="1" s="1"/>
  <c r="BOX54" i="1" s="1"/>
  <c r="BOY54" i="1" s="1"/>
  <c r="BOZ54" i="1" s="1"/>
  <c r="BPA54" i="1" s="1"/>
  <c r="BPB54" i="1" s="1"/>
  <c r="BPC54" i="1" s="1"/>
  <c r="BPD54" i="1" s="1"/>
  <c r="BPE54" i="1" s="1"/>
  <c r="BPF54" i="1" s="1"/>
  <c r="BPG54" i="1" s="1"/>
  <c r="BPH54" i="1" s="1"/>
  <c r="BPI54" i="1" s="1"/>
  <c r="BPJ54" i="1" s="1"/>
  <c r="BPK54" i="1" s="1"/>
  <c r="BPL54" i="1" s="1"/>
  <c r="BPM54" i="1" s="1"/>
  <c r="BPN54" i="1" s="1"/>
  <c r="BPO54" i="1" s="1"/>
  <c r="BPP54" i="1" s="1"/>
  <c r="BPQ54" i="1" s="1"/>
  <c r="BPR54" i="1" s="1"/>
  <c r="BPS54" i="1" s="1"/>
  <c r="BPT54" i="1" s="1"/>
  <c r="BPU54" i="1" s="1"/>
  <c r="BPV54" i="1" s="1"/>
  <c r="BPW54" i="1" s="1"/>
  <c r="BPX54" i="1" s="1"/>
  <c r="BPY54" i="1" s="1"/>
  <c r="BPZ54" i="1" s="1"/>
  <c r="BQA54" i="1" s="1"/>
  <c r="BQB54" i="1" s="1"/>
  <c r="BQC54" i="1" s="1"/>
  <c r="BQD54" i="1" s="1"/>
  <c r="BQE54" i="1" s="1"/>
  <c r="BQF54" i="1" s="1"/>
  <c r="BQG54" i="1" s="1"/>
  <c r="BQH54" i="1" s="1"/>
  <c r="BQI54" i="1" s="1"/>
  <c r="BQJ54" i="1" s="1"/>
  <c r="BQK54" i="1" s="1"/>
  <c r="BQL54" i="1" s="1"/>
  <c r="BQM54" i="1" s="1"/>
  <c r="BQN54" i="1" s="1"/>
  <c r="BQO54" i="1" s="1"/>
  <c r="BQP54" i="1" s="1"/>
  <c r="BQQ54" i="1" s="1"/>
  <c r="BQR54" i="1" s="1"/>
  <c r="BQS54" i="1" s="1"/>
  <c r="BQT54" i="1" s="1"/>
  <c r="BQU54" i="1" s="1"/>
  <c r="BQV54" i="1" s="1"/>
  <c r="BQW54" i="1" s="1"/>
  <c r="BQX54" i="1" s="1"/>
  <c r="BQY54" i="1" s="1"/>
  <c r="BQZ54" i="1" s="1"/>
  <c r="BRA54" i="1" s="1"/>
  <c r="BRB54" i="1" s="1"/>
  <c r="BRC54" i="1" s="1"/>
  <c r="BRD54" i="1" s="1"/>
  <c r="BRE54" i="1" s="1"/>
  <c r="BRF54" i="1" s="1"/>
  <c r="BRG54" i="1" s="1"/>
  <c r="BRH54" i="1" s="1"/>
  <c r="BRI54" i="1" s="1"/>
  <c r="BRJ54" i="1" s="1"/>
  <c r="BRK54" i="1" s="1"/>
  <c r="BRL54" i="1" s="1"/>
  <c r="BRM54" i="1" s="1"/>
  <c r="BRN54" i="1" s="1"/>
  <c r="BRO54" i="1" s="1"/>
  <c r="BRP54" i="1" s="1"/>
  <c r="BRQ54" i="1" s="1"/>
  <c r="BRR54" i="1" s="1"/>
  <c r="BRS54" i="1" s="1"/>
  <c r="BRT54" i="1" s="1"/>
  <c r="BRU54" i="1" s="1"/>
  <c r="BRV54" i="1" s="1"/>
  <c r="BRW54" i="1" s="1"/>
  <c r="BRX54" i="1" s="1"/>
  <c r="BRY54" i="1" s="1"/>
  <c r="BRZ54" i="1" s="1"/>
  <c r="BSA54" i="1" s="1"/>
  <c r="BSB54" i="1" s="1"/>
  <c r="BSC54" i="1" s="1"/>
  <c r="BSD54" i="1" s="1"/>
  <c r="BSE54" i="1" s="1"/>
  <c r="BSF54" i="1" s="1"/>
  <c r="BSG54" i="1" s="1"/>
  <c r="BSH54" i="1" s="1"/>
  <c r="BSI54" i="1" s="1"/>
  <c r="BSJ54" i="1" s="1"/>
  <c r="BSK54" i="1" s="1"/>
  <c r="BSL54" i="1" s="1"/>
  <c r="BSM54" i="1" s="1"/>
  <c r="BSN54" i="1" s="1"/>
  <c r="BSO54" i="1" s="1"/>
  <c r="BSP54" i="1" s="1"/>
  <c r="BSQ54" i="1" s="1"/>
  <c r="BSR54" i="1" s="1"/>
  <c r="BSS54" i="1" s="1"/>
  <c r="BST54" i="1" s="1"/>
  <c r="BSU54" i="1" s="1"/>
  <c r="BSV54" i="1" s="1"/>
  <c r="BSW54" i="1" s="1"/>
  <c r="BSX54" i="1" s="1"/>
  <c r="BSY54" i="1" s="1"/>
  <c r="BSZ54" i="1" s="1"/>
  <c r="BTA54" i="1" s="1"/>
  <c r="BTB54" i="1" s="1"/>
  <c r="BTC54" i="1" s="1"/>
  <c r="BTD54" i="1" s="1"/>
  <c r="BTE54" i="1" s="1"/>
  <c r="BTF54" i="1" s="1"/>
  <c r="BTG54" i="1" s="1"/>
  <c r="BTH54" i="1" s="1"/>
  <c r="BTI54" i="1" s="1"/>
  <c r="BTJ54" i="1" s="1"/>
  <c r="BTK54" i="1" s="1"/>
  <c r="BTL54" i="1" s="1"/>
  <c r="BTM54" i="1" s="1"/>
  <c r="BTN54" i="1" s="1"/>
  <c r="BTO54" i="1" s="1"/>
  <c r="BTP54" i="1" s="1"/>
  <c r="BTQ54" i="1" s="1"/>
  <c r="BTR54" i="1" s="1"/>
  <c r="BTS54" i="1" s="1"/>
  <c r="BTT54" i="1" s="1"/>
  <c r="BTU54" i="1" s="1"/>
  <c r="BTV54" i="1" s="1"/>
  <c r="BTW54" i="1" s="1"/>
  <c r="BTX54" i="1" s="1"/>
  <c r="BTY54" i="1" s="1"/>
  <c r="BTZ54" i="1" s="1"/>
  <c r="BUA54" i="1" s="1"/>
  <c r="BUB54" i="1" s="1"/>
  <c r="BUC54" i="1" s="1"/>
  <c r="BUD54" i="1" s="1"/>
  <c r="BUE54" i="1" s="1"/>
  <c r="BUF54" i="1" s="1"/>
  <c r="BUG54" i="1" s="1"/>
  <c r="BUH54" i="1" s="1"/>
  <c r="BUI54" i="1" s="1"/>
  <c r="BUJ54" i="1" s="1"/>
  <c r="BUK54" i="1" s="1"/>
  <c r="BUL54" i="1" s="1"/>
  <c r="BUM54" i="1" s="1"/>
  <c r="BUN54" i="1" s="1"/>
  <c r="BUO54" i="1" s="1"/>
  <c r="BUP54" i="1" s="1"/>
  <c r="BUQ54" i="1" s="1"/>
  <c r="BUR54" i="1" s="1"/>
  <c r="BUS54" i="1" s="1"/>
  <c r="BUT54" i="1" s="1"/>
  <c r="BUU54" i="1" s="1"/>
  <c r="BUV54" i="1" s="1"/>
  <c r="BUW54" i="1" s="1"/>
  <c r="BUX54" i="1" s="1"/>
  <c r="BUY54" i="1" s="1"/>
  <c r="BUZ54" i="1" s="1"/>
  <c r="BVA54" i="1" s="1"/>
  <c r="BVB54" i="1" s="1"/>
  <c r="BVC54" i="1" s="1"/>
  <c r="BVD54" i="1" s="1"/>
  <c r="BVE54" i="1" s="1"/>
  <c r="BVF54" i="1" s="1"/>
  <c r="BVG54" i="1" s="1"/>
  <c r="BVH54" i="1" s="1"/>
  <c r="BVI54" i="1" s="1"/>
  <c r="BVJ54" i="1" s="1"/>
  <c r="BVK54" i="1" s="1"/>
  <c r="BVL54" i="1" s="1"/>
  <c r="BVM54" i="1" s="1"/>
  <c r="BVN54" i="1" s="1"/>
  <c r="BVO54" i="1" s="1"/>
  <c r="BVP54" i="1" s="1"/>
  <c r="BVQ54" i="1" s="1"/>
  <c r="BVR54" i="1" s="1"/>
  <c r="BVS54" i="1" s="1"/>
  <c r="BVT54" i="1" s="1"/>
  <c r="BVU54" i="1" s="1"/>
  <c r="BVV54" i="1" s="1"/>
  <c r="BVW54" i="1" s="1"/>
  <c r="BVX54" i="1" s="1"/>
  <c r="BVY54" i="1" s="1"/>
  <c r="BVZ54" i="1" s="1"/>
  <c r="BWA54" i="1" s="1"/>
  <c r="BWB54" i="1" s="1"/>
  <c r="BWC54" i="1" s="1"/>
  <c r="BWD54" i="1" s="1"/>
  <c r="BWE54" i="1" s="1"/>
  <c r="BWF54" i="1" s="1"/>
  <c r="BWG54" i="1" s="1"/>
  <c r="BWH54" i="1" s="1"/>
  <c r="BWI54" i="1" s="1"/>
  <c r="BWJ54" i="1" s="1"/>
  <c r="BWK54" i="1" s="1"/>
  <c r="BWL54" i="1" s="1"/>
  <c r="BWM54" i="1" s="1"/>
  <c r="BWN54" i="1" s="1"/>
  <c r="BWO54" i="1" s="1"/>
  <c r="BWP54" i="1" s="1"/>
  <c r="BWQ54" i="1" s="1"/>
  <c r="BWR54" i="1" s="1"/>
  <c r="BWS54" i="1" s="1"/>
  <c r="BWT54" i="1" s="1"/>
  <c r="BWU54" i="1" s="1"/>
  <c r="BWV54" i="1" s="1"/>
  <c r="BWW54" i="1" s="1"/>
  <c r="BWX54" i="1" s="1"/>
  <c r="BWY54" i="1" s="1"/>
  <c r="BWZ54" i="1" s="1"/>
  <c r="BXA54" i="1" s="1"/>
  <c r="BXB54" i="1" s="1"/>
  <c r="BXC54" i="1" s="1"/>
  <c r="BXD54" i="1" s="1"/>
  <c r="BXE54" i="1" s="1"/>
  <c r="BXF54" i="1" s="1"/>
  <c r="BXG54" i="1" s="1"/>
  <c r="BXH54" i="1" s="1"/>
  <c r="BXI54" i="1" s="1"/>
  <c r="BXJ54" i="1" s="1"/>
  <c r="BXK54" i="1" s="1"/>
  <c r="BXL54" i="1" s="1"/>
  <c r="BXM54" i="1" s="1"/>
  <c r="BXN54" i="1" s="1"/>
  <c r="BXO54" i="1" s="1"/>
  <c r="BXP54" i="1" s="1"/>
  <c r="BXQ54" i="1" s="1"/>
  <c r="BXR54" i="1" s="1"/>
  <c r="BXS54" i="1" s="1"/>
  <c r="BXT54" i="1" s="1"/>
  <c r="BXU54" i="1" s="1"/>
  <c r="BXV54" i="1" s="1"/>
  <c r="BXW54" i="1" s="1"/>
  <c r="BXX54" i="1" s="1"/>
  <c r="BXY54" i="1" s="1"/>
  <c r="BXZ54" i="1" s="1"/>
  <c r="BYA54" i="1" s="1"/>
  <c r="BYB54" i="1" s="1"/>
  <c r="BYC54" i="1" s="1"/>
  <c r="BYD54" i="1" s="1"/>
  <c r="BYE54" i="1" s="1"/>
  <c r="BYF54" i="1" s="1"/>
  <c r="BYG54" i="1" s="1"/>
  <c r="BYH54" i="1" s="1"/>
  <c r="BYI54" i="1" s="1"/>
  <c r="BYJ54" i="1" s="1"/>
  <c r="BYK54" i="1" s="1"/>
  <c r="BYL54" i="1" s="1"/>
  <c r="BYM54" i="1" s="1"/>
  <c r="BYN54" i="1" s="1"/>
  <c r="BYO54" i="1" s="1"/>
  <c r="BYP54" i="1" s="1"/>
  <c r="BYQ54" i="1" s="1"/>
  <c r="BYR54" i="1" s="1"/>
  <c r="BYS54" i="1" s="1"/>
  <c r="BYT54" i="1" s="1"/>
  <c r="BYU54" i="1" s="1"/>
  <c r="BYV54" i="1" s="1"/>
  <c r="BYW54" i="1" s="1"/>
  <c r="BYX54" i="1" s="1"/>
  <c r="BYY54" i="1" s="1"/>
  <c r="BYZ54" i="1" s="1"/>
  <c r="BZA54" i="1" s="1"/>
  <c r="BZB54" i="1" s="1"/>
  <c r="BZC54" i="1" s="1"/>
  <c r="BZD54" i="1" s="1"/>
  <c r="BZE54" i="1" s="1"/>
  <c r="BZF54" i="1" s="1"/>
  <c r="BZG54" i="1" s="1"/>
  <c r="BZH54" i="1" s="1"/>
  <c r="BZI54" i="1" s="1"/>
  <c r="BZJ54" i="1" s="1"/>
  <c r="BZK54" i="1" s="1"/>
  <c r="BZL54" i="1" s="1"/>
  <c r="BZM54" i="1" s="1"/>
  <c r="BZN54" i="1" s="1"/>
  <c r="BZO54" i="1" s="1"/>
  <c r="BZP54" i="1" s="1"/>
  <c r="BZQ54" i="1" s="1"/>
  <c r="BZR54" i="1" s="1"/>
  <c r="BZS54" i="1" s="1"/>
  <c r="BZT54" i="1" s="1"/>
  <c r="BZU54" i="1" s="1"/>
  <c r="BZV54" i="1" s="1"/>
  <c r="BZW54" i="1" s="1"/>
  <c r="BZX54" i="1" s="1"/>
  <c r="BZY54" i="1" s="1"/>
  <c r="BZZ54" i="1" s="1"/>
  <c r="CAA54" i="1" s="1"/>
  <c r="CAB54" i="1" s="1"/>
  <c r="CAC54" i="1" s="1"/>
  <c r="CAD54" i="1" s="1"/>
  <c r="CAE54" i="1" s="1"/>
  <c r="CAF54" i="1" s="1"/>
  <c r="CAG54" i="1" s="1"/>
  <c r="CAH54" i="1" s="1"/>
  <c r="CAI54" i="1" s="1"/>
  <c r="CAJ54" i="1" s="1"/>
  <c r="CAK54" i="1" s="1"/>
  <c r="CAL54" i="1" s="1"/>
  <c r="CAM54" i="1" s="1"/>
  <c r="CAN54" i="1" s="1"/>
  <c r="CAO54" i="1" s="1"/>
  <c r="CAP54" i="1" s="1"/>
  <c r="CAQ54" i="1" s="1"/>
  <c r="CAR54" i="1" s="1"/>
  <c r="CAS54" i="1" s="1"/>
  <c r="CAT54" i="1" s="1"/>
  <c r="CAU54" i="1" s="1"/>
  <c r="CAV54" i="1" s="1"/>
  <c r="CAW54" i="1" s="1"/>
  <c r="CAX54" i="1" s="1"/>
  <c r="CAY54" i="1" s="1"/>
  <c r="CAZ54" i="1" s="1"/>
  <c r="CBA54" i="1" s="1"/>
  <c r="CBB54" i="1" s="1"/>
  <c r="CBC54" i="1" s="1"/>
  <c r="CBD54" i="1" s="1"/>
  <c r="CBE54" i="1" s="1"/>
  <c r="CBF54" i="1" s="1"/>
  <c r="CBG54" i="1" s="1"/>
  <c r="CBH54" i="1" s="1"/>
  <c r="CBI54" i="1" s="1"/>
  <c r="CBJ54" i="1" s="1"/>
  <c r="CBK54" i="1" s="1"/>
  <c r="CBL54" i="1" s="1"/>
  <c r="CBM54" i="1" s="1"/>
  <c r="CBN54" i="1" s="1"/>
  <c r="CBO54" i="1" s="1"/>
  <c r="CBP54" i="1" s="1"/>
  <c r="CBQ54" i="1" s="1"/>
  <c r="CBR54" i="1" s="1"/>
  <c r="CBS54" i="1" s="1"/>
  <c r="CBT54" i="1" s="1"/>
  <c r="CBU54" i="1" s="1"/>
  <c r="CBV54" i="1" s="1"/>
  <c r="CBW54" i="1" s="1"/>
  <c r="CBX54" i="1" s="1"/>
  <c r="CBY54" i="1" s="1"/>
  <c r="CBZ54" i="1" s="1"/>
  <c r="CCA54" i="1" s="1"/>
  <c r="CCB54" i="1" s="1"/>
  <c r="CCC54" i="1" s="1"/>
  <c r="CCD54" i="1" s="1"/>
  <c r="CCE54" i="1" s="1"/>
  <c r="CCF54" i="1" s="1"/>
  <c r="CCG54" i="1" s="1"/>
  <c r="CCH54" i="1" s="1"/>
  <c r="CCI54" i="1" s="1"/>
  <c r="CCJ54" i="1" s="1"/>
  <c r="CCK54" i="1" s="1"/>
  <c r="CCL54" i="1" s="1"/>
  <c r="CCM54" i="1" s="1"/>
  <c r="CCN54" i="1" s="1"/>
  <c r="CCO54" i="1" s="1"/>
  <c r="CCP54" i="1" s="1"/>
  <c r="CCQ54" i="1" s="1"/>
  <c r="CCR54" i="1" s="1"/>
  <c r="CCS54" i="1" s="1"/>
  <c r="CCT54" i="1" s="1"/>
  <c r="CCU54" i="1" s="1"/>
  <c r="CCV54" i="1" s="1"/>
  <c r="CCW54" i="1" s="1"/>
  <c r="CCX54" i="1" s="1"/>
  <c r="CCY54" i="1" s="1"/>
  <c r="CCZ54" i="1" s="1"/>
  <c r="CDA54" i="1" s="1"/>
  <c r="CDB54" i="1" s="1"/>
  <c r="CDC54" i="1" s="1"/>
  <c r="CDD54" i="1" s="1"/>
  <c r="CDE54" i="1" s="1"/>
  <c r="CDF54" i="1" s="1"/>
  <c r="CDG54" i="1" s="1"/>
  <c r="CDH54" i="1" s="1"/>
  <c r="CDI54" i="1" s="1"/>
  <c r="CDJ54" i="1" s="1"/>
  <c r="CDK54" i="1" s="1"/>
  <c r="CDL54" i="1" s="1"/>
  <c r="CDM54" i="1" s="1"/>
  <c r="CDN54" i="1" s="1"/>
  <c r="CDO54" i="1" s="1"/>
  <c r="CDP54" i="1" s="1"/>
  <c r="CDQ54" i="1" s="1"/>
  <c r="CDR54" i="1" s="1"/>
  <c r="CDS54" i="1" s="1"/>
  <c r="CDT54" i="1" s="1"/>
  <c r="CDU54" i="1" s="1"/>
  <c r="CDV54" i="1" s="1"/>
  <c r="CDW54" i="1" s="1"/>
  <c r="CDX54" i="1" s="1"/>
  <c r="CDY54" i="1" s="1"/>
  <c r="CDZ54" i="1" s="1"/>
  <c r="CEA54" i="1" s="1"/>
  <c r="CEB54" i="1" s="1"/>
  <c r="CEC54" i="1" s="1"/>
  <c r="CED54" i="1" s="1"/>
  <c r="CEE54" i="1" s="1"/>
  <c r="CEF54" i="1" s="1"/>
  <c r="CEG54" i="1" s="1"/>
  <c r="CEH54" i="1" s="1"/>
  <c r="CEI54" i="1" s="1"/>
  <c r="CEJ54" i="1" s="1"/>
  <c r="CEK54" i="1" s="1"/>
  <c r="CEL54" i="1" s="1"/>
  <c r="CEM54" i="1" s="1"/>
  <c r="CEN54" i="1" s="1"/>
  <c r="CEO54" i="1" s="1"/>
  <c r="CEP54" i="1" s="1"/>
  <c r="CEQ54" i="1" s="1"/>
  <c r="CER54" i="1" s="1"/>
  <c r="CES54" i="1" s="1"/>
  <c r="CET54" i="1" s="1"/>
  <c r="CEU54" i="1" s="1"/>
  <c r="CEV54" i="1" s="1"/>
  <c r="CEW54" i="1" s="1"/>
  <c r="CEX54" i="1" s="1"/>
  <c r="CEY54" i="1" s="1"/>
  <c r="CEZ54" i="1" s="1"/>
  <c r="CFA54" i="1" s="1"/>
  <c r="CFB54" i="1" s="1"/>
  <c r="CFC54" i="1" s="1"/>
  <c r="CFD54" i="1" s="1"/>
  <c r="CFE54" i="1" s="1"/>
  <c r="CFF54" i="1" s="1"/>
  <c r="CFG54" i="1" s="1"/>
  <c r="CFH54" i="1" s="1"/>
  <c r="CFI54" i="1" s="1"/>
  <c r="CFJ54" i="1" s="1"/>
  <c r="CFK54" i="1" s="1"/>
  <c r="CFL54" i="1" s="1"/>
  <c r="CFM54" i="1" s="1"/>
  <c r="CFN54" i="1" s="1"/>
  <c r="CFO54" i="1" s="1"/>
  <c r="CFP54" i="1" s="1"/>
  <c r="CFQ54" i="1" s="1"/>
  <c r="CFR54" i="1" s="1"/>
  <c r="CFS54" i="1" s="1"/>
  <c r="CFT54" i="1" s="1"/>
  <c r="CFU54" i="1" s="1"/>
  <c r="CFV54" i="1" s="1"/>
  <c r="CFW54" i="1" s="1"/>
  <c r="CFX54" i="1" s="1"/>
  <c r="CFY54" i="1" s="1"/>
  <c r="CFZ54" i="1" s="1"/>
  <c r="CGA54" i="1" s="1"/>
  <c r="CGB54" i="1" s="1"/>
  <c r="CGC54" i="1" s="1"/>
  <c r="CGD54" i="1" s="1"/>
  <c r="CGE54" i="1" s="1"/>
  <c r="CGF54" i="1" s="1"/>
  <c r="CGG54" i="1" s="1"/>
  <c r="CGH54" i="1" s="1"/>
  <c r="CGI54" i="1" s="1"/>
  <c r="CGJ54" i="1" s="1"/>
  <c r="CGK54" i="1" s="1"/>
  <c r="CGL54" i="1" s="1"/>
  <c r="CGM54" i="1" s="1"/>
  <c r="CGN54" i="1" s="1"/>
  <c r="CGO54" i="1" s="1"/>
  <c r="CGP54" i="1" s="1"/>
  <c r="CGQ54" i="1" s="1"/>
  <c r="CGR54" i="1" s="1"/>
  <c r="CGS54" i="1" s="1"/>
  <c r="CGT54" i="1" s="1"/>
  <c r="CGU54" i="1" s="1"/>
  <c r="CGV54" i="1" s="1"/>
  <c r="CGW54" i="1" s="1"/>
  <c r="CGX54" i="1" s="1"/>
  <c r="CGY54" i="1" s="1"/>
  <c r="CGZ54" i="1" s="1"/>
  <c r="CHA54" i="1" s="1"/>
  <c r="CHB54" i="1" s="1"/>
  <c r="CHC54" i="1" s="1"/>
  <c r="CHD54" i="1" s="1"/>
  <c r="CHE54" i="1" s="1"/>
  <c r="CHF54" i="1" s="1"/>
  <c r="CHG54" i="1" s="1"/>
  <c r="CHH54" i="1" s="1"/>
  <c r="CHI54" i="1" s="1"/>
  <c r="CHJ54" i="1" s="1"/>
  <c r="CHK54" i="1" s="1"/>
  <c r="CHL54" i="1" s="1"/>
  <c r="CHM54" i="1" s="1"/>
  <c r="CHN54" i="1" s="1"/>
  <c r="CHO54" i="1" s="1"/>
  <c r="CHP54" i="1" s="1"/>
  <c r="CHQ54" i="1" s="1"/>
  <c r="CHR54" i="1" s="1"/>
  <c r="CHS54" i="1" s="1"/>
  <c r="CHT54" i="1" s="1"/>
  <c r="CHU54" i="1" s="1"/>
  <c r="CHV54" i="1" s="1"/>
  <c r="CHW54" i="1" s="1"/>
  <c r="CHX54" i="1" s="1"/>
  <c r="CHY54" i="1" s="1"/>
  <c r="CHZ54" i="1" s="1"/>
  <c r="CIA54" i="1" s="1"/>
  <c r="CIB54" i="1" s="1"/>
  <c r="CIC54" i="1" s="1"/>
  <c r="CID54" i="1" s="1"/>
  <c r="CIE54" i="1" s="1"/>
  <c r="CIF54" i="1" s="1"/>
  <c r="CIG54" i="1" s="1"/>
  <c r="CIH54" i="1" s="1"/>
  <c r="CII54" i="1" s="1"/>
  <c r="CIJ54" i="1" s="1"/>
  <c r="CIK54" i="1" s="1"/>
  <c r="CIL54" i="1" s="1"/>
  <c r="CIM54" i="1" s="1"/>
  <c r="CIN54" i="1" s="1"/>
  <c r="CIO54" i="1" s="1"/>
  <c r="CIP54" i="1" s="1"/>
  <c r="CIQ54" i="1" s="1"/>
  <c r="CIR54" i="1" s="1"/>
  <c r="CIS54" i="1" s="1"/>
  <c r="CIT54" i="1" s="1"/>
  <c r="CIU54" i="1" s="1"/>
  <c r="CIV54" i="1" s="1"/>
  <c r="CIW54" i="1" s="1"/>
  <c r="CIX54" i="1" s="1"/>
  <c r="CIY54" i="1" s="1"/>
  <c r="CIZ54" i="1" s="1"/>
  <c r="CJA54" i="1" s="1"/>
  <c r="CJB54" i="1" s="1"/>
  <c r="CJC54" i="1" s="1"/>
  <c r="CJD54" i="1" s="1"/>
  <c r="CJE54" i="1" s="1"/>
  <c r="CJF54" i="1" s="1"/>
  <c r="CJG54" i="1" s="1"/>
  <c r="CJH54" i="1" s="1"/>
  <c r="CJI54" i="1" s="1"/>
  <c r="CJJ54" i="1" s="1"/>
  <c r="CJK54" i="1" s="1"/>
  <c r="CJL54" i="1" s="1"/>
  <c r="CJM54" i="1" s="1"/>
  <c r="CJN54" i="1" s="1"/>
  <c r="CJO54" i="1" s="1"/>
  <c r="CJP54" i="1" s="1"/>
  <c r="CJQ54" i="1" s="1"/>
  <c r="CJR54" i="1" s="1"/>
  <c r="CJS54" i="1" s="1"/>
  <c r="CJT54" i="1" s="1"/>
  <c r="CJU54" i="1" s="1"/>
  <c r="CJV54" i="1" s="1"/>
  <c r="CJW54" i="1" s="1"/>
  <c r="CJX54" i="1" s="1"/>
  <c r="CJY54" i="1" s="1"/>
  <c r="CJZ54" i="1" s="1"/>
  <c r="CKA54" i="1" s="1"/>
  <c r="CKB54" i="1" s="1"/>
  <c r="CKC54" i="1" s="1"/>
  <c r="CKD54" i="1" s="1"/>
  <c r="CKE54" i="1" s="1"/>
  <c r="CKF54" i="1" s="1"/>
  <c r="CKG54" i="1" s="1"/>
  <c r="CKH54" i="1" s="1"/>
  <c r="CKI54" i="1" s="1"/>
  <c r="CKJ54" i="1" s="1"/>
  <c r="CKK54" i="1" s="1"/>
  <c r="CKL54" i="1" s="1"/>
  <c r="CKM54" i="1" s="1"/>
  <c r="CKN54" i="1" s="1"/>
  <c r="CKO54" i="1" s="1"/>
  <c r="CKP54" i="1" s="1"/>
  <c r="CKQ54" i="1" s="1"/>
  <c r="CKR54" i="1" s="1"/>
  <c r="CKS54" i="1" s="1"/>
  <c r="CKT54" i="1" s="1"/>
  <c r="CKU54" i="1" s="1"/>
  <c r="CKV54" i="1" s="1"/>
  <c r="CKW54" i="1" s="1"/>
  <c r="CKX54" i="1" s="1"/>
  <c r="CKY54" i="1" s="1"/>
  <c r="CKZ54" i="1" s="1"/>
  <c r="CLA54" i="1" s="1"/>
  <c r="CLB54" i="1" s="1"/>
  <c r="CLC54" i="1" s="1"/>
  <c r="CLD54" i="1" s="1"/>
  <c r="CLE54" i="1" s="1"/>
  <c r="CLF54" i="1" s="1"/>
  <c r="CLG54" i="1" s="1"/>
  <c r="CLH54" i="1" s="1"/>
  <c r="CLI54" i="1" s="1"/>
  <c r="CLJ54" i="1" s="1"/>
  <c r="CLK54" i="1" s="1"/>
  <c r="CLL54" i="1" s="1"/>
  <c r="CLM54" i="1" s="1"/>
  <c r="CLN54" i="1" s="1"/>
  <c r="CLO54" i="1" s="1"/>
  <c r="CLP54" i="1" s="1"/>
  <c r="CLQ54" i="1" s="1"/>
  <c r="CLR54" i="1" s="1"/>
  <c r="CLS54" i="1" s="1"/>
  <c r="CLT54" i="1" s="1"/>
  <c r="CLU54" i="1" s="1"/>
  <c r="CLV54" i="1" s="1"/>
  <c r="CLW54" i="1" s="1"/>
  <c r="CLX54" i="1" s="1"/>
  <c r="CLY54" i="1" s="1"/>
  <c r="CLZ54" i="1" s="1"/>
  <c r="CMA54" i="1" s="1"/>
  <c r="CMB54" i="1" s="1"/>
  <c r="CMC54" i="1" s="1"/>
  <c r="CMD54" i="1" s="1"/>
  <c r="CME54" i="1" s="1"/>
  <c r="CMF54" i="1" s="1"/>
  <c r="CMG54" i="1" s="1"/>
  <c r="CMH54" i="1" s="1"/>
  <c r="CMI54" i="1" s="1"/>
  <c r="CMJ54" i="1" s="1"/>
  <c r="CMK54" i="1" s="1"/>
  <c r="CML54" i="1" s="1"/>
  <c r="CMM54" i="1" s="1"/>
  <c r="CMN54" i="1" s="1"/>
  <c r="CMO54" i="1" s="1"/>
  <c r="CMP54" i="1" s="1"/>
  <c r="CMQ54" i="1" s="1"/>
  <c r="CMR54" i="1" s="1"/>
  <c r="CMS54" i="1" s="1"/>
  <c r="CMT54" i="1" s="1"/>
  <c r="CMU54" i="1" s="1"/>
  <c r="CMV54" i="1" s="1"/>
  <c r="CMW54" i="1" s="1"/>
  <c r="CMX54" i="1" s="1"/>
  <c r="CMY54" i="1" s="1"/>
  <c r="CMZ54" i="1" s="1"/>
  <c r="CNA54" i="1" s="1"/>
  <c r="CNB54" i="1" s="1"/>
  <c r="CNC54" i="1" s="1"/>
  <c r="CND54" i="1" s="1"/>
  <c r="CNE54" i="1" s="1"/>
  <c r="CNF54" i="1" s="1"/>
  <c r="CNG54" i="1" s="1"/>
  <c r="CNH54" i="1" s="1"/>
  <c r="CNI54" i="1" s="1"/>
  <c r="CNJ54" i="1" s="1"/>
  <c r="CNK54" i="1" s="1"/>
  <c r="CNL54" i="1" s="1"/>
  <c r="CNM54" i="1" s="1"/>
  <c r="CNN54" i="1" s="1"/>
  <c r="CNO54" i="1" s="1"/>
  <c r="CNP54" i="1" s="1"/>
  <c r="CNQ54" i="1" s="1"/>
  <c r="CNR54" i="1" s="1"/>
  <c r="CNS54" i="1" s="1"/>
  <c r="CNT54" i="1" s="1"/>
  <c r="CNU54" i="1" s="1"/>
  <c r="CNV54" i="1" s="1"/>
  <c r="CNW54" i="1" s="1"/>
  <c r="CNX54" i="1" s="1"/>
  <c r="CNY54" i="1" s="1"/>
  <c r="CNZ54" i="1" s="1"/>
  <c r="COA54" i="1" s="1"/>
  <c r="COB54" i="1" s="1"/>
  <c r="COC54" i="1" s="1"/>
  <c r="COD54" i="1" s="1"/>
  <c r="COE54" i="1" s="1"/>
  <c r="COF54" i="1" s="1"/>
  <c r="COG54" i="1" s="1"/>
  <c r="COH54" i="1" s="1"/>
  <c r="COI54" i="1" s="1"/>
  <c r="COJ54" i="1" s="1"/>
  <c r="COK54" i="1" s="1"/>
  <c r="COL54" i="1" s="1"/>
  <c r="COM54" i="1" s="1"/>
  <c r="CON54" i="1" s="1"/>
  <c r="COO54" i="1" s="1"/>
  <c r="COP54" i="1" s="1"/>
  <c r="COQ54" i="1" s="1"/>
  <c r="COR54" i="1" s="1"/>
  <c r="COS54" i="1" s="1"/>
  <c r="COT54" i="1" s="1"/>
  <c r="COU54" i="1" s="1"/>
  <c r="COV54" i="1" s="1"/>
  <c r="COW54" i="1" s="1"/>
  <c r="COX54" i="1" s="1"/>
  <c r="COY54" i="1" s="1"/>
  <c r="COZ54" i="1" s="1"/>
  <c r="CPA54" i="1" s="1"/>
  <c r="CPB54" i="1" s="1"/>
  <c r="CPC54" i="1" s="1"/>
  <c r="CPD54" i="1" s="1"/>
  <c r="CPE54" i="1" s="1"/>
  <c r="CPF54" i="1" s="1"/>
  <c r="CPG54" i="1" s="1"/>
  <c r="CPH54" i="1" s="1"/>
  <c r="CPI54" i="1" s="1"/>
  <c r="CPJ54" i="1" s="1"/>
  <c r="CPK54" i="1" s="1"/>
  <c r="CPL54" i="1" s="1"/>
  <c r="CPM54" i="1" s="1"/>
  <c r="CPN54" i="1" s="1"/>
  <c r="CPO54" i="1" s="1"/>
  <c r="CPP54" i="1" s="1"/>
  <c r="CPQ54" i="1" s="1"/>
  <c r="CPR54" i="1" s="1"/>
  <c r="CPS54" i="1" s="1"/>
  <c r="CPT54" i="1" s="1"/>
  <c r="CPU54" i="1" s="1"/>
  <c r="CPV54" i="1" s="1"/>
  <c r="CPW54" i="1" s="1"/>
  <c r="CPX54" i="1" s="1"/>
  <c r="CPY54" i="1" s="1"/>
  <c r="CPZ54" i="1" s="1"/>
  <c r="CQA54" i="1" s="1"/>
  <c r="CQB54" i="1" s="1"/>
  <c r="CQC54" i="1" s="1"/>
  <c r="CQD54" i="1" s="1"/>
  <c r="CQE54" i="1" s="1"/>
  <c r="CQF54" i="1" s="1"/>
  <c r="CQG54" i="1" s="1"/>
  <c r="CQH54" i="1" s="1"/>
  <c r="CQI54" i="1" s="1"/>
  <c r="CQJ54" i="1" s="1"/>
  <c r="CQK54" i="1" s="1"/>
  <c r="CQL54" i="1" s="1"/>
  <c r="CQM54" i="1" s="1"/>
  <c r="CQN54" i="1" s="1"/>
  <c r="CQO54" i="1" s="1"/>
  <c r="CQP54" i="1" s="1"/>
  <c r="CQQ54" i="1" s="1"/>
  <c r="CQR54" i="1" s="1"/>
  <c r="CQS54" i="1" s="1"/>
  <c r="CQT54" i="1" s="1"/>
  <c r="CQU54" i="1" s="1"/>
  <c r="CQV54" i="1" s="1"/>
  <c r="CQW54" i="1" s="1"/>
  <c r="CQX54" i="1" s="1"/>
  <c r="CQY54" i="1" s="1"/>
  <c r="CQZ54" i="1" s="1"/>
  <c r="CRA54" i="1" s="1"/>
  <c r="CRB54" i="1" s="1"/>
  <c r="CRC54" i="1" s="1"/>
  <c r="CRD54" i="1" s="1"/>
  <c r="CRE54" i="1" s="1"/>
  <c r="CRF54" i="1" s="1"/>
  <c r="CRG54" i="1" s="1"/>
  <c r="CRH54" i="1" s="1"/>
  <c r="CRI54" i="1" s="1"/>
  <c r="CRJ54" i="1" s="1"/>
  <c r="CRK54" i="1" s="1"/>
  <c r="CRL54" i="1" s="1"/>
  <c r="CRM54" i="1" s="1"/>
  <c r="CRN54" i="1" s="1"/>
  <c r="CRO54" i="1" s="1"/>
  <c r="CRP54" i="1" s="1"/>
  <c r="CRQ54" i="1" s="1"/>
  <c r="CRR54" i="1" s="1"/>
  <c r="CRS54" i="1" s="1"/>
  <c r="CRT54" i="1" s="1"/>
  <c r="CRU54" i="1" s="1"/>
  <c r="CRV54" i="1" s="1"/>
  <c r="CRW54" i="1" s="1"/>
  <c r="CRX54" i="1" s="1"/>
  <c r="CRY54" i="1" s="1"/>
  <c r="CRZ54" i="1" s="1"/>
  <c r="CSA54" i="1" s="1"/>
  <c r="CSB54" i="1" s="1"/>
  <c r="CSC54" i="1" s="1"/>
  <c r="CSD54" i="1" s="1"/>
  <c r="CSE54" i="1" s="1"/>
  <c r="CSF54" i="1" s="1"/>
  <c r="CSG54" i="1" s="1"/>
  <c r="CSH54" i="1" s="1"/>
  <c r="CSI54" i="1" s="1"/>
  <c r="CSJ54" i="1" s="1"/>
  <c r="CSK54" i="1" s="1"/>
  <c r="CSL54" i="1" s="1"/>
  <c r="CSM54" i="1" s="1"/>
  <c r="CSN54" i="1" s="1"/>
  <c r="CSO54" i="1" s="1"/>
  <c r="CSP54" i="1" s="1"/>
  <c r="CSQ54" i="1" s="1"/>
  <c r="CSR54" i="1" s="1"/>
  <c r="CSS54" i="1" s="1"/>
  <c r="CST54" i="1" s="1"/>
  <c r="CSU54" i="1" s="1"/>
  <c r="CSV54" i="1" s="1"/>
  <c r="CSW54" i="1" s="1"/>
  <c r="CSX54" i="1" s="1"/>
  <c r="CSY54" i="1" s="1"/>
  <c r="CSZ54" i="1" s="1"/>
  <c r="CTA54" i="1" s="1"/>
  <c r="CTB54" i="1" s="1"/>
  <c r="CTC54" i="1" s="1"/>
  <c r="CTD54" i="1" s="1"/>
  <c r="CTE54" i="1" s="1"/>
  <c r="CTF54" i="1" s="1"/>
  <c r="CTG54" i="1" s="1"/>
  <c r="CTH54" i="1" s="1"/>
  <c r="CTI54" i="1" s="1"/>
  <c r="CTJ54" i="1" s="1"/>
  <c r="CTK54" i="1" s="1"/>
  <c r="CTL54" i="1" s="1"/>
  <c r="CTM54" i="1" s="1"/>
  <c r="CTN54" i="1" s="1"/>
  <c r="CTO54" i="1" s="1"/>
  <c r="CTP54" i="1" s="1"/>
  <c r="CTQ54" i="1" s="1"/>
  <c r="CTR54" i="1" s="1"/>
  <c r="CTS54" i="1" s="1"/>
  <c r="CTT54" i="1" s="1"/>
  <c r="CTU54" i="1" s="1"/>
  <c r="CTV54" i="1" s="1"/>
  <c r="CTW54" i="1" s="1"/>
  <c r="CTX54" i="1" s="1"/>
  <c r="CTY54" i="1" s="1"/>
  <c r="CTZ54" i="1" s="1"/>
  <c r="CUA54" i="1" s="1"/>
  <c r="CUB54" i="1" s="1"/>
  <c r="CUC54" i="1" s="1"/>
  <c r="CUD54" i="1" s="1"/>
  <c r="CUE54" i="1" s="1"/>
  <c r="CUF54" i="1" s="1"/>
  <c r="CUG54" i="1" s="1"/>
  <c r="CUH54" i="1" s="1"/>
  <c r="CUI54" i="1" s="1"/>
  <c r="CUJ54" i="1" s="1"/>
  <c r="CUK54" i="1" s="1"/>
  <c r="CUL54" i="1" s="1"/>
  <c r="CUM54" i="1" s="1"/>
  <c r="CUN54" i="1" s="1"/>
  <c r="CUO54" i="1" s="1"/>
  <c r="CUP54" i="1" s="1"/>
  <c r="CUQ54" i="1" s="1"/>
  <c r="CUR54" i="1" s="1"/>
  <c r="CUS54" i="1" s="1"/>
  <c r="CUT54" i="1" s="1"/>
  <c r="CUU54" i="1" s="1"/>
  <c r="CUV54" i="1" s="1"/>
  <c r="CUW54" i="1" s="1"/>
  <c r="CUX54" i="1" s="1"/>
  <c r="CUY54" i="1" s="1"/>
  <c r="CUZ54" i="1" s="1"/>
  <c r="CVA54" i="1" s="1"/>
  <c r="CVB54" i="1" s="1"/>
  <c r="CVC54" i="1" s="1"/>
  <c r="CVD54" i="1" s="1"/>
  <c r="CVE54" i="1" s="1"/>
  <c r="CVF54" i="1" s="1"/>
  <c r="CVG54" i="1" s="1"/>
  <c r="CVH54" i="1" s="1"/>
  <c r="CVI54" i="1" s="1"/>
  <c r="CVJ54" i="1" s="1"/>
  <c r="CVK54" i="1" s="1"/>
  <c r="CVL54" i="1" s="1"/>
  <c r="CVM54" i="1" s="1"/>
  <c r="CVN54" i="1" s="1"/>
  <c r="CVO54" i="1" s="1"/>
  <c r="CVP54" i="1" s="1"/>
  <c r="CVQ54" i="1" s="1"/>
  <c r="CVR54" i="1" s="1"/>
  <c r="CVS54" i="1" s="1"/>
  <c r="CVT54" i="1" s="1"/>
  <c r="CVU54" i="1" s="1"/>
  <c r="CVV54" i="1" s="1"/>
  <c r="CVW54" i="1" s="1"/>
  <c r="CVX54" i="1" s="1"/>
  <c r="CVY54" i="1" s="1"/>
  <c r="CVZ54" i="1" s="1"/>
  <c r="CWA54" i="1" s="1"/>
  <c r="CWB54" i="1" s="1"/>
  <c r="CWC54" i="1" s="1"/>
  <c r="CWD54" i="1" s="1"/>
  <c r="CWE54" i="1" s="1"/>
  <c r="CWF54" i="1" s="1"/>
  <c r="CWG54" i="1" s="1"/>
  <c r="CWH54" i="1" s="1"/>
  <c r="CWI54" i="1" s="1"/>
  <c r="CWJ54" i="1" s="1"/>
  <c r="CWK54" i="1" s="1"/>
  <c r="CWL54" i="1" s="1"/>
  <c r="CWM54" i="1" s="1"/>
  <c r="CWN54" i="1" s="1"/>
  <c r="CWO54" i="1" s="1"/>
  <c r="CWP54" i="1" s="1"/>
  <c r="CWQ54" i="1" s="1"/>
  <c r="CWR54" i="1" s="1"/>
  <c r="CWS54" i="1" s="1"/>
  <c r="CWT54" i="1" s="1"/>
  <c r="CWU54" i="1" s="1"/>
  <c r="CWV54" i="1" s="1"/>
  <c r="CWW54" i="1" s="1"/>
  <c r="CWX54" i="1" s="1"/>
  <c r="CWY54" i="1" s="1"/>
  <c r="CWZ54" i="1" s="1"/>
  <c r="CXA54" i="1" s="1"/>
  <c r="CXB54" i="1" s="1"/>
  <c r="CXC54" i="1" s="1"/>
  <c r="CXD54" i="1" s="1"/>
  <c r="CXE54" i="1" s="1"/>
  <c r="CXF54" i="1" s="1"/>
  <c r="CXG54" i="1" s="1"/>
  <c r="CXH54" i="1" s="1"/>
  <c r="CXI54" i="1" s="1"/>
  <c r="CXJ54" i="1" s="1"/>
  <c r="CXK54" i="1" s="1"/>
  <c r="CXL54" i="1" s="1"/>
  <c r="CXM54" i="1" s="1"/>
  <c r="CXN54" i="1" s="1"/>
  <c r="CXO54" i="1" s="1"/>
  <c r="CXP54" i="1" s="1"/>
  <c r="CXQ54" i="1" s="1"/>
  <c r="CXR54" i="1" s="1"/>
  <c r="CXS54" i="1" s="1"/>
  <c r="CXT54" i="1" s="1"/>
  <c r="CXU54" i="1" s="1"/>
  <c r="CXV54" i="1" s="1"/>
  <c r="CXW54" i="1" s="1"/>
  <c r="CXX54" i="1" s="1"/>
  <c r="CXY54" i="1" s="1"/>
  <c r="CXZ54" i="1" s="1"/>
  <c r="CYA54" i="1" s="1"/>
  <c r="CYB54" i="1" s="1"/>
  <c r="CYC54" i="1" s="1"/>
  <c r="CYD54" i="1" s="1"/>
  <c r="CYE54" i="1" s="1"/>
  <c r="CYF54" i="1" s="1"/>
  <c r="CYG54" i="1" s="1"/>
  <c r="CYH54" i="1" s="1"/>
  <c r="CYI54" i="1" s="1"/>
  <c r="CYJ54" i="1" s="1"/>
  <c r="CYK54" i="1" s="1"/>
  <c r="CYL54" i="1" s="1"/>
  <c r="CYM54" i="1" s="1"/>
  <c r="CYN54" i="1" s="1"/>
  <c r="CYO54" i="1" s="1"/>
  <c r="CYP54" i="1" s="1"/>
  <c r="CYQ54" i="1" s="1"/>
  <c r="CYR54" i="1" s="1"/>
  <c r="CYS54" i="1" s="1"/>
  <c r="CYT54" i="1" s="1"/>
  <c r="CYU54" i="1" s="1"/>
  <c r="CYV54" i="1" s="1"/>
  <c r="CYW54" i="1" s="1"/>
  <c r="CYX54" i="1" s="1"/>
  <c r="CYY54" i="1" s="1"/>
  <c r="CYZ54" i="1" s="1"/>
  <c r="CZA54" i="1" s="1"/>
  <c r="CZB54" i="1" s="1"/>
  <c r="CZC54" i="1" s="1"/>
  <c r="CZD54" i="1" s="1"/>
  <c r="CZE54" i="1" s="1"/>
  <c r="CZF54" i="1" s="1"/>
  <c r="CZG54" i="1" s="1"/>
  <c r="CZH54" i="1" s="1"/>
  <c r="CZI54" i="1" s="1"/>
  <c r="CZJ54" i="1" s="1"/>
  <c r="CZK54" i="1" s="1"/>
  <c r="CZL54" i="1" s="1"/>
  <c r="CZM54" i="1" s="1"/>
  <c r="CZN54" i="1" s="1"/>
  <c r="CZO54" i="1" s="1"/>
  <c r="CZP54" i="1" s="1"/>
  <c r="CZQ54" i="1" s="1"/>
  <c r="CZR54" i="1" s="1"/>
  <c r="CZS54" i="1" s="1"/>
  <c r="CZT54" i="1" s="1"/>
  <c r="CZU54" i="1" s="1"/>
  <c r="CZV54" i="1" s="1"/>
  <c r="CZW54" i="1" s="1"/>
  <c r="CZX54" i="1" s="1"/>
  <c r="CZY54" i="1" s="1"/>
  <c r="CZZ54" i="1" s="1"/>
  <c r="DAA54" i="1" s="1"/>
  <c r="DAB54" i="1" s="1"/>
  <c r="DAC54" i="1" s="1"/>
  <c r="DAD54" i="1" s="1"/>
  <c r="DAE54" i="1" s="1"/>
  <c r="DAF54" i="1" s="1"/>
  <c r="DAG54" i="1" s="1"/>
  <c r="DAH54" i="1" s="1"/>
  <c r="DAI54" i="1" s="1"/>
  <c r="DAJ54" i="1" s="1"/>
  <c r="DAK54" i="1" s="1"/>
  <c r="DAL54" i="1" s="1"/>
  <c r="DAM54" i="1" s="1"/>
  <c r="DAN54" i="1" s="1"/>
  <c r="DAO54" i="1" s="1"/>
  <c r="DAP54" i="1" s="1"/>
  <c r="DAQ54" i="1" s="1"/>
  <c r="DAR54" i="1" s="1"/>
  <c r="DAS54" i="1" s="1"/>
  <c r="DAT54" i="1" s="1"/>
  <c r="DAU54" i="1" s="1"/>
  <c r="DAV54" i="1" s="1"/>
  <c r="DAW54" i="1" s="1"/>
  <c r="DAX54" i="1" s="1"/>
  <c r="DAY54" i="1" s="1"/>
  <c r="DAZ54" i="1" s="1"/>
  <c r="DBA54" i="1" s="1"/>
  <c r="DBB54" i="1" s="1"/>
  <c r="DBC54" i="1" s="1"/>
  <c r="DBD54" i="1" s="1"/>
  <c r="DBE54" i="1" s="1"/>
  <c r="DBF54" i="1" s="1"/>
  <c r="DBG54" i="1" s="1"/>
  <c r="DBH54" i="1" s="1"/>
  <c r="DBI54" i="1" s="1"/>
  <c r="DBJ54" i="1" s="1"/>
  <c r="DBK54" i="1" s="1"/>
  <c r="DBL54" i="1" s="1"/>
  <c r="DBM54" i="1" s="1"/>
  <c r="DBN54" i="1" s="1"/>
  <c r="DBO54" i="1" s="1"/>
  <c r="DBP54" i="1" s="1"/>
  <c r="DBQ54" i="1" s="1"/>
  <c r="DBR54" i="1" s="1"/>
  <c r="DBS54" i="1" s="1"/>
  <c r="DBT54" i="1" s="1"/>
  <c r="DBU54" i="1" s="1"/>
  <c r="DBV54" i="1" s="1"/>
  <c r="DBW54" i="1" s="1"/>
  <c r="DBX54" i="1" s="1"/>
  <c r="DBY54" i="1" s="1"/>
  <c r="DBZ54" i="1" s="1"/>
  <c r="DCA54" i="1" s="1"/>
  <c r="DCB54" i="1" s="1"/>
  <c r="DCC54" i="1" s="1"/>
  <c r="DCD54" i="1" s="1"/>
  <c r="DCE54" i="1" s="1"/>
  <c r="DCF54" i="1" s="1"/>
  <c r="DCG54" i="1" s="1"/>
  <c r="DCH54" i="1" s="1"/>
  <c r="DCI54" i="1" s="1"/>
  <c r="DCJ54" i="1" s="1"/>
  <c r="DCK54" i="1" s="1"/>
  <c r="DCL54" i="1" s="1"/>
  <c r="DCM54" i="1" s="1"/>
  <c r="DCN54" i="1" s="1"/>
  <c r="DCO54" i="1" s="1"/>
  <c r="DCP54" i="1" s="1"/>
  <c r="DCQ54" i="1" s="1"/>
  <c r="DCR54" i="1" s="1"/>
  <c r="DCS54" i="1" s="1"/>
  <c r="DCT54" i="1" s="1"/>
  <c r="DCU54" i="1" s="1"/>
  <c r="DCV54" i="1" s="1"/>
  <c r="DCW54" i="1" s="1"/>
  <c r="DCX54" i="1" s="1"/>
  <c r="DCY54" i="1" s="1"/>
  <c r="DCZ54" i="1" s="1"/>
  <c r="DDA54" i="1" s="1"/>
  <c r="DDB54" i="1" s="1"/>
  <c r="DDC54" i="1" s="1"/>
  <c r="DDD54" i="1" s="1"/>
  <c r="DDE54" i="1" s="1"/>
  <c r="DDF54" i="1" s="1"/>
  <c r="DDG54" i="1" s="1"/>
  <c r="DDH54" i="1" s="1"/>
  <c r="DDI54" i="1" s="1"/>
  <c r="DDJ54" i="1" s="1"/>
  <c r="DDK54" i="1" s="1"/>
  <c r="DDL54" i="1" s="1"/>
  <c r="DDM54" i="1" s="1"/>
  <c r="DDN54" i="1" s="1"/>
  <c r="DDO54" i="1" s="1"/>
  <c r="DDP54" i="1" s="1"/>
  <c r="DDQ54" i="1" s="1"/>
  <c r="DDR54" i="1" s="1"/>
  <c r="DDS54" i="1" s="1"/>
  <c r="DDT54" i="1" s="1"/>
  <c r="DDU54" i="1" s="1"/>
  <c r="DDV54" i="1" s="1"/>
  <c r="DDW54" i="1" s="1"/>
  <c r="DDX54" i="1" s="1"/>
  <c r="DDY54" i="1" s="1"/>
  <c r="DDZ54" i="1" s="1"/>
  <c r="DEA54" i="1" s="1"/>
  <c r="DEB54" i="1" s="1"/>
  <c r="DEC54" i="1" s="1"/>
  <c r="DED54" i="1" s="1"/>
  <c r="DEE54" i="1" s="1"/>
  <c r="DEF54" i="1" s="1"/>
  <c r="DEG54" i="1" s="1"/>
  <c r="DEH54" i="1" s="1"/>
  <c r="DEI54" i="1" s="1"/>
  <c r="DEJ54" i="1" s="1"/>
  <c r="DEK54" i="1" s="1"/>
  <c r="DEL54" i="1" s="1"/>
  <c r="DEM54" i="1" s="1"/>
  <c r="DEN54" i="1" s="1"/>
  <c r="DEO54" i="1" s="1"/>
  <c r="DEP54" i="1" s="1"/>
  <c r="DEQ54" i="1" s="1"/>
  <c r="DER54" i="1" s="1"/>
  <c r="DES54" i="1" s="1"/>
  <c r="DET54" i="1" s="1"/>
  <c r="DEU54" i="1" s="1"/>
  <c r="DEV54" i="1" s="1"/>
  <c r="DEW54" i="1" s="1"/>
  <c r="DEX54" i="1" s="1"/>
  <c r="DEY54" i="1" s="1"/>
  <c r="DEZ54" i="1" s="1"/>
  <c r="DFA54" i="1" s="1"/>
  <c r="DFB54" i="1" s="1"/>
  <c r="DFC54" i="1" s="1"/>
  <c r="DFD54" i="1" s="1"/>
  <c r="DFE54" i="1" s="1"/>
  <c r="DFF54" i="1" s="1"/>
  <c r="DFG54" i="1" s="1"/>
  <c r="DFH54" i="1" s="1"/>
  <c r="DFI54" i="1" s="1"/>
  <c r="DFJ54" i="1" s="1"/>
  <c r="DFK54" i="1" s="1"/>
  <c r="DFL54" i="1" s="1"/>
  <c r="DFM54" i="1" s="1"/>
  <c r="DFN54" i="1" s="1"/>
  <c r="DFO54" i="1" s="1"/>
  <c r="DFP54" i="1" s="1"/>
  <c r="DFQ54" i="1" s="1"/>
  <c r="DFR54" i="1" s="1"/>
  <c r="DFS54" i="1" s="1"/>
  <c r="DFT54" i="1" s="1"/>
  <c r="DFU54" i="1" s="1"/>
  <c r="DFV54" i="1" s="1"/>
  <c r="DFW54" i="1" s="1"/>
  <c r="DFX54" i="1" s="1"/>
  <c r="DFY54" i="1" s="1"/>
  <c r="DFZ54" i="1" s="1"/>
  <c r="DGA54" i="1" s="1"/>
  <c r="DGB54" i="1" s="1"/>
  <c r="DGC54" i="1" s="1"/>
  <c r="DGD54" i="1" s="1"/>
  <c r="DGE54" i="1" s="1"/>
  <c r="DGF54" i="1" s="1"/>
  <c r="DGG54" i="1" s="1"/>
  <c r="DGH54" i="1" s="1"/>
  <c r="DGI54" i="1" s="1"/>
  <c r="DGJ54" i="1" s="1"/>
  <c r="DGK54" i="1" s="1"/>
  <c r="DGL54" i="1" s="1"/>
  <c r="DGM54" i="1" s="1"/>
  <c r="DGN54" i="1" s="1"/>
  <c r="DGO54" i="1" s="1"/>
  <c r="DGP54" i="1" s="1"/>
  <c r="DGQ54" i="1" s="1"/>
  <c r="DGR54" i="1" s="1"/>
  <c r="DGS54" i="1" s="1"/>
  <c r="DGT54" i="1" s="1"/>
  <c r="DGU54" i="1" s="1"/>
  <c r="DGV54" i="1" s="1"/>
  <c r="DGW54" i="1" s="1"/>
  <c r="DGX54" i="1" s="1"/>
  <c r="DGY54" i="1" s="1"/>
  <c r="DGZ54" i="1" s="1"/>
  <c r="DHA54" i="1" s="1"/>
  <c r="DHB54" i="1" s="1"/>
  <c r="DHC54" i="1" s="1"/>
  <c r="DHD54" i="1" s="1"/>
  <c r="DHE54" i="1" s="1"/>
  <c r="DHF54" i="1" s="1"/>
  <c r="DHG54" i="1" s="1"/>
  <c r="DHH54" i="1" s="1"/>
  <c r="DHI54" i="1" s="1"/>
  <c r="DHJ54" i="1" s="1"/>
  <c r="DHK54" i="1" s="1"/>
  <c r="DHL54" i="1" s="1"/>
  <c r="DHM54" i="1" s="1"/>
  <c r="DHN54" i="1" s="1"/>
  <c r="DHO54" i="1" s="1"/>
  <c r="DHP54" i="1" s="1"/>
  <c r="DHQ54" i="1" s="1"/>
  <c r="DHR54" i="1" s="1"/>
  <c r="DHS54" i="1" s="1"/>
  <c r="DHT54" i="1" s="1"/>
  <c r="DHU54" i="1" s="1"/>
  <c r="DHV54" i="1" s="1"/>
  <c r="DHW54" i="1" s="1"/>
  <c r="DHX54" i="1" s="1"/>
  <c r="DHY54" i="1" s="1"/>
  <c r="DHZ54" i="1" s="1"/>
  <c r="DIA54" i="1" s="1"/>
  <c r="DIB54" i="1" s="1"/>
  <c r="DIC54" i="1" s="1"/>
  <c r="DID54" i="1" s="1"/>
  <c r="DIE54" i="1" s="1"/>
  <c r="DIF54" i="1" s="1"/>
  <c r="DIG54" i="1" s="1"/>
  <c r="DIH54" i="1" s="1"/>
  <c r="DII54" i="1" s="1"/>
  <c r="DIJ54" i="1" s="1"/>
  <c r="DIK54" i="1" s="1"/>
  <c r="DIL54" i="1" s="1"/>
  <c r="DIM54" i="1" s="1"/>
  <c r="DIN54" i="1" s="1"/>
  <c r="DIO54" i="1" s="1"/>
  <c r="DIP54" i="1" s="1"/>
  <c r="DIQ54" i="1" s="1"/>
  <c r="DIR54" i="1" s="1"/>
  <c r="DIS54" i="1" s="1"/>
  <c r="DIT54" i="1" s="1"/>
  <c r="DIU54" i="1" s="1"/>
  <c r="DIV54" i="1" s="1"/>
  <c r="DIW54" i="1" s="1"/>
  <c r="DIX54" i="1" s="1"/>
  <c r="DIY54" i="1" s="1"/>
  <c r="DIZ54" i="1" s="1"/>
  <c r="DJA54" i="1" s="1"/>
  <c r="DJB54" i="1" s="1"/>
  <c r="DJC54" i="1" s="1"/>
  <c r="DJD54" i="1" s="1"/>
  <c r="DJE54" i="1" s="1"/>
  <c r="DJF54" i="1" s="1"/>
  <c r="DJG54" i="1" s="1"/>
  <c r="DJH54" i="1" s="1"/>
  <c r="DJI54" i="1" s="1"/>
  <c r="DJJ54" i="1" s="1"/>
  <c r="DJK54" i="1" s="1"/>
  <c r="DJL54" i="1" s="1"/>
  <c r="DJM54" i="1" s="1"/>
  <c r="DJN54" i="1" s="1"/>
  <c r="DJO54" i="1" s="1"/>
  <c r="DJP54" i="1" s="1"/>
  <c r="DJQ54" i="1" s="1"/>
  <c r="DJR54" i="1" s="1"/>
  <c r="DJS54" i="1" s="1"/>
  <c r="DJT54" i="1" s="1"/>
  <c r="DJU54" i="1" s="1"/>
  <c r="DJV54" i="1" s="1"/>
  <c r="DJW54" i="1" s="1"/>
  <c r="DJX54" i="1" s="1"/>
  <c r="DJY54" i="1" s="1"/>
  <c r="DJZ54" i="1" s="1"/>
  <c r="DKA54" i="1" s="1"/>
  <c r="DKB54" i="1" s="1"/>
  <c r="DKC54" i="1" s="1"/>
  <c r="DKD54" i="1" s="1"/>
  <c r="DKE54" i="1" s="1"/>
  <c r="DKF54" i="1" s="1"/>
  <c r="DKG54" i="1" s="1"/>
  <c r="DKH54" i="1" s="1"/>
  <c r="DKI54" i="1" s="1"/>
  <c r="DKJ54" i="1" s="1"/>
  <c r="DKK54" i="1" s="1"/>
  <c r="DKL54" i="1" s="1"/>
  <c r="DKM54" i="1" s="1"/>
  <c r="DKN54" i="1" s="1"/>
  <c r="DKO54" i="1" s="1"/>
  <c r="DKP54" i="1" s="1"/>
  <c r="DKQ54" i="1" s="1"/>
  <c r="DKR54" i="1" s="1"/>
  <c r="DKS54" i="1" s="1"/>
  <c r="DKT54" i="1" s="1"/>
  <c r="DKU54" i="1" s="1"/>
  <c r="DKV54" i="1" s="1"/>
  <c r="DKW54" i="1" s="1"/>
  <c r="DKX54" i="1" s="1"/>
  <c r="DKY54" i="1" s="1"/>
  <c r="DKZ54" i="1" s="1"/>
  <c r="DLA54" i="1" s="1"/>
  <c r="DLB54" i="1" s="1"/>
  <c r="DLC54" i="1" s="1"/>
  <c r="DLD54" i="1" s="1"/>
  <c r="DLE54" i="1" s="1"/>
  <c r="DLF54" i="1" s="1"/>
  <c r="DLG54" i="1" s="1"/>
  <c r="DLH54" i="1" s="1"/>
  <c r="DLI54" i="1" s="1"/>
  <c r="DLJ54" i="1" s="1"/>
  <c r="DLK54" i="1" s="1"/>
  <c r="DLL54" i="1" s="1"/>
  <c r="DLM54" i="1" s="1"/>
  <c r="DLN54" i="1" s="1"/>
  <c r="DLO54" i="1" s="1"/>
  <c r="DLP54" i="1" s="1"/>
  <c r="DLQ54" i="1" s="1"/>
  <c r="DLR54" i="1" s="1"/>
  <c r="DLS54" i="1" s="1"/>
  <c r="DLT54" i="1" s="1"/>
  <c r="DLU54" i="1" s="1"/>
  <c r="DLV54" i="1" s="1"/>
  <c r="DLW54" i="1" s="1"/>
  <c r="DLX54" i="1" s="1"/>
  <c r="DLY54" i="1" s="1"/>
  <c r="DLZ54" i="1" s="1"/>
  <c r="DMA54" i="1" s="1"/>
  <c r="DMB54" i="1" s="1"/>
  <c r="DMC54" i="1" s="1"/>
  <c r="DMD54" i="1" s="1"/>
  <c r="DME54" i="1" s="1"/>
  <c r="DMF54" i="1" s="1"/>
  <c r="DMG54" i="1" s="1"/>
  <c r="DMH54" i="1" s="1"/>
  <c r="DMI54" i="1" s="1"/>
  <c r="DMJ54" i="1" s="1"/>
  <c r="DMK54" i="1" s="1"/>
  <c r="DML54" i="1" s="1"/>
  <c r="DMM54" i="1" s="1"/>
  <c r="DMN54" i="1" s="1"/>
  <c r="DMO54" i="1" s="1"/>
  <c r="DMP54" i="1" s="1"/>
  <c r="DMQ54" i="1" s="1"/>
  <c r="DMR54" i="1" s="1"/>
  <c r="DMS54" i="1" s="1"/>
  <c r="DMT54" i="1" s="1"/>
  <c r="DMU54" i="1" s="1"/>
  <c r="DMV54" i="1" s="1"/>
  <c r="DMW54" i="1" s="1"/>
  <c r="DMX54" i="1" s="1"/>
  <c r="DMY54" i="1" s="1"/>
  <c r="DMZ54" i="1" s="1"/>
  <c r="DNA54" i="1" s="1"/>
  <c r="DNB54" i="1" s="1"/>
  <c r="DNC54" i="1" s="1"/>
  <c r="DND54" i="1" s="1"/>
  <c r="DNE54" i="1" s="1"/>
  <c r="DNF54" i="1" s="1"/>
  <c r="DNG54" i="1" s="1"/>
  <c r="DNH54" i="1" s="1"/>
  <c r="DNI54" i="1" s="1"/>
  <c r="DNJ54" i="1" s="1"/>
  <c r="DNK54" i="1" s="1"/>
  <c r="DNL54" i="1" s="1"/>
  <c r="DNM54" i="1" s="1"/>
  <c r="DNN54" i="1" s="1"/>
  <c r="DNO54" i="1" s="1"/>
  <c r="DNP54" i="1" s="1"/>
  <c r="DNQ54" i="1" s="1"/>
  <c r="DNR54" i="1" s="1"/>
  <c r="DNS54" i="1" s="1"/>
  <c r="DNT54" i="1" s="1"/>
  <c r="DNU54" i="1" s="1"/>
  <c r="DNV54" i="1" s="1"/>
  <c r="DNW54" i="1" s="1"/>
  <c r="DNX54" i="1" s="1"/>
  <c r="DNY54" i="1" s="1"/>
  <c r="DNZ54" i="1" s="1"/>
  <c r="DOA54" i="1" s="1"/>
  <c r="DOB54" i="1" s="1"/>
  <c r="DOC54" i="1" s="1"/>
  <c r="DOD54" i="1" s="1"/>
  <c r="DOE54" i="1" s="1"/>
  <c r="DOF54" i="1" s="1"/>
  <c r="DOG54" i="1" s="1"/>
  <c r="DOH54" i="1" s="1"/>
  <c r="DOI54" i="1" s="1"/>
  <c r="DOJ54" i="1" s="1"/>
  <c r="DOK54" i="1" s="1"/>
  <c r="DOL54" i="1" s="1"/>
  <c r="DOM54" i="1" s="1"/>
  <c r="DON54" i="1" s="1"/>
  <c r="DOO54" i="1" s="1"/>
  <c r="DOP54" i="1" s="1"/>
  <c r="DOQ54" i="1" s="1"/>
  <c r="DOR54" i="1" s="1"/>
  <c r="DOS54" i="1" s="1"/>
  <c r="DOT54" i="1" s="1"/>
  <c r="DOU54" i="1" s="1"/>
  <c r="DOV54" i="1" s="1"/>
  <c r="DOW54" i="1" s="1"/>
  <c r="DOX54" i="1" s="1"/>
  <c r="DOY54" i="1" s="1"/>
  <c r="DOZ54" i="1" s="1"/>
  <c r="DPA54" i="1" s="1"/>
  <c r="DPB54" i="1" s="1"/>
  <c r="DPC54" i="1" s="1"/>
  <c r="DPD54" i="1" s="1"/>
  <c r="DPE54" i="1" s="1"/>
  <c r="DPF54" i="1" s="1"/>
  <c r="DPG54" i="1" s="1"/>
  <c r="DPH54" i="1" s="1"/>
  <c r="DPI54" i="1" s="1"/>
  <c r="DPJ54" i="1" s="1"/>
  <c r="DPK54" i="1" s="1"/>
  <c r="DPL54" i="1" s="1"/>
  <c r="DPM54" i="1" s="1"/>
  <c r="DPN54" i="1" s="1"/>
  <c r="DPO54" i="1" s="1"/>
  <c r="DPP54" i="1" s="1"/>
  <c r="DPQ54" i="1" s="1"/>
  <c r="DPR54" i="1" s="1"/>
  <c r="DPS54" i="1" s="1"/>
  <c r="DPT54" i="1" s="1"/>
  <c r="DPU54" i="1" s="1"/>
  <c r="DPV54" i="1" s="1"/>
  <c r="DPW54" i="1" s="1"/>
  <c r="DPX54" i="1" s="1"/>
  <c r="DPY54" i="1" s="1"/>
  <c r="DPZ54" i="1" s="1"/>
  <c r="DQA54" i="1" s="1"/>
  <c r="DQB54" i="1" s="1"/>
  <c r="DQC54" i="1" s="1"/>
  <c r="DQD54" i="1" s="1"/>
  <c r="DQE54" i="1" s="1"/>
  <c r="DQF54" i="1" s="1"/>
  <c r="DQG54" i="1" s="1"/>
  <c r="DQH54" i="1" s="1"/>
  <c r="DQI54" i="1" s="1"/>
  <c r="DQJ54" i="1" s="1"/>
  <c r="DQK54" i="1" s="1"/>
  <c r="DQL54" i="1" s="1"/>
  <c r="DQM54" i="1" s="1"/>
  <c r="DQN54" i="1" s="1"/>
  <c r="DQO54" i="1" s="1"/>
  <c r="DQP54" i="1" s="1"/>
  <c r="DQQ54" i="1" s="1"/>
  <c r="DQR54" i="1" s="1"/>
  <c r="DQS54" i="1" s="1"/>
  <c r="DQT54" i="1" s="1"/>
  <c r="DQU54" i="1" s="1"/>
  <c r="DQV54" i="1" s="1"/>
  <c r="DQW54" i="1" s="1"/>
  <c r="DQX54" i="1" s="1"/>
  <c r="DQY54" i="1" s="1"/>
  <c r="DQZ54" i="1" s="1"/>
  <c r="DRA54" i="1" s="1"/>
  <c r="DRB54" i="1" s="1"/>
  <c r="DRC54" i="1" s="1"/>
  <c r="DRD54" i="1" s="1"/>
  <c r="DRE54" i="1" s="1"/>
  <c r="DRF54" i="1" s="1"/>
  <c r="DRG54" i="1" s="1"/>
  <c r="DRH54" i="1" s="1"/>
  <c r="DRI54" i="1" s="1"/>
  <c r="DRJ54" i="1" s="1"/>
  <c r="DRK54" i="1" s="1"/>
  <c r="DRL54" i="1" s="1"/>
  <c r="DRM54" i="1" s="1"/>
  <c r="DRN54" i="1" s="1"/>
  <c r="DRO54" i="1" s="1"/>
  <c r="DRP54" i="1" s="1"/>
  <c r="DRQ54" i="1" s="1"/>
  <c r="DRR54" i="1" s="1"/>
  <c r="DRS54" i="1" s="1"/>
  <c r="DRT54" i="1" s="1"/>
  <c r="DRU54" i="1" s="1"/>
  <c r="DRV54" i="1" s="1"/>
  <c r="DRW54" i="1" s="1"/>
  <c r="DRX54" i="1" s="1"/>
  <c r="DRY54" i="1" s="1"/>
  <c r="DRZ54" i="1" s="1"/>
  <c r="DSA54" i="1" s="1"/>
  <c r="DSB54" i="1" s="1"/>
  <c r="DSC54" i="1" s="1"/>
  <c r="DSD54" i="1" s="1"/>
  <c r="DSE54" i="1" s="1"/>
  <c r="DSF54" i="1" s="1"/>
  <c r="DSG54" i="1" s="1"/>
  <c r="DSH54" i="1" s="1"/>
  <c r="DSI54" i="1" s="1"/>
  <c r="DSJ54" i="1" s="1"/>
  <c r="DSK54" i="1" s="1"/>
  <c r="DSL54" i="1" s="1"/>
  <c r="DSM54" i="1" s="1"/>
  <c r="DSN54" i="1" s="1"/>
  <c r="DSO54" i="1" s="1"/>
  <c r="DSP54" i="1" s="1"/>
  <c r="DSQ54" i="1" s="1"/>
  <c r="DSR54" i="1" s="1"/>
  <c r="DSS54" i="1" s="1"/>
  <c r="DST54" i="1" s="1"/>
  <c r="DSU54" i="1" s="1"/>
  <c r="DSV54" i="1" s="1"/>
  <c r="DSW54" i="1" s="1"/>
  <c r="DSX54" i="1" s="1"/>
  <c r="DSY54" i="1" s="1"/>
  <c r="DSZ54" i="1" s="1"/>
  <c r="DTA54" i="1" s="1"/>
  <c r="DTB54" i="1" s="1"/>
  <c r="DTC54" i="1" s="1"/>
  <c r="DTD54" i="1" s="1"/>
  <c r="DTE54" i="1" s="1"/>
  <c r="DTF54" i="1" s="1"/>
  <c r="DTG54" i="1" s="1"/>
  <c r="DTH54" i="1" s="1"/>
  <c r="DTI54" i="1" s="1"/>
  <c r="DTJ54" i="1" s="1"/>
  <c r="DTK54" i="1" s="1"/>
  <c r="DTL54" i="1" s="1"/>
  <c r="DTM54" i="1" s="1"/>
  <c r="DTN54" i="1" s="1"/>
  <c r="DTO54" i="1" s="1"/>
  <c r="DTP54" i="1" s="1"/>
  <c r="DTQ54" i="1" s="1"/>
  <c r="DTR54" i="1" s="1"/>
  <c r="DTS54" i="1" s="1"/>
  <c r="DTT54" i="1" s="1"/>
  <c r="DTU54" i="1" s="1"/>
  <c r="DTV54" i="1" s="1"/>
  <c r="DTW54" i="1" s="1"/>
  <c r="DTX54" i="1" s="1"/>
  <c r="DTY54" i="1" s="1"/>
  <c r="DTZ54" i="1" s="1"/>
  <c r="DUA54" i="1" s="1"/>
  <c r="DUB54" i="1" s="1"/>
  <c r="DUC54" i="1" s="1"/>
  <c r="DUD54" i="1" s="1"/>
  <c r="DUE54" i="1" s="1"/>
  <c r="DUF54" i="1" s="1"/>
  <c r="DUG54" i="1" s="1"/>
  <c r="DUH54" i="1" s="1"/>
  <c r="DUI54" i="1" s="1"/>
  <c r="DUJ54" i="1" s="1"/>
  <c r="DUK54" i="1" s="1"/>
  <c r="DUL54" i="1" s="1"/>
  <c r="DUM54" i="1" s="1"/>
  <c r="DUN54" i="1" s="1"/>
  <c r="DUO54" i="1" s="1"/>
  <c r="DUP54" i="1" s="1"/>
  <c r="DUQ54" i="1" s="1"/>
  <c r="DUR54" i="1" s="1"/>
  <c r="DUS54" i="1" s="1"/>
  <c r="DUT54" i="1" s="1"/>
  <c r="DUU54" i="1" s="1"/>
  <c r="DUV54" i="1" s="1"/>
  <c r="DUW54" i="1" s="1"/>
  <c r="DUX54" i="1" s="1"/>
  <c r="DUY54" i="1" s="1"/>
  <c r="DUZ54" i="1" s="1"/>
  <c r="DVA54" i="1" s="1"/>
  <c r="DVB54" i="1" s="1"/>
  <c r="DVC54" i="1" s="1"/>
  <c r="DVD54" i="1" s="1"/>
  <c r="DVE54" i="1" s="1"/>
  <c r="DVF54" i="1" s="1"/>
  <c r="DVG54" i="1" s="1"/>
  <c r="DVH54" i="1" s="1"/>
  <c r="DVI54" i="1" s="1"/>
  <c r="DVJ54" i="1" s="1"/>
  <c r="DVK54" i="1" s="1"/>
  <c r="DVL54" i="1" s="1"/>
  <c r="DVM54" i="1" s="1"/>
  <c r="DVN54" i="1" s="1"/>
  <c r="DVO54" i="1" s="1"/>
  <c r="DVP54" i="1" s="1"/>
  <c r="DVQ54" i="1" s="1"/>
  <c r="DVR54" i="1" s="1"/>
  <c r="DVS54" i="1" s="1"/>
  <c r="DVT54" i="1" s="1"/>
  <c r="DVU54" i="1" s="1"/>
  <c r="DVV54" i="1" s="1"/>
  <c r="DVW54" i="1" s="1"/>
  <c r="DVX54" i="1" s="1"/>
  <c r="DVY54" i="1" s="1"/>
  <c r="DVZ54" i="1" s="1"/>
  <c r="DWA54" i="1" s="1"/>
  <c r="DWB54" i="1" s="1"/>
  <c r="DWC54" i="1" s="1"/>
  <c r="DWD54" i="1" s="1"/>
  <c r="DWE54" i="1" s="1"/>
  <c r="DWF54" i="1" s="1"/>
  <c r="DWG54" i="1" s="1"/>
  <c r="DWH54" i="1" s="1"/>
  <c r="DWI54" i="1" s="1"/>
  <c r="DWJ54" i="1" s="1"/>
  <c r="DWK54" i="1" s="1"/>
  <c r="DWL54" i="1" s="1"/>
  <c r="DWM54" i="1" s="1"/>
  <c r="DWN54" i="1" s="1"/>
  <c r="DWO54" i="1" s="1"/>
  <c r="DWP54" i="1" s="1"/>
  <c r="DWQ54" i="1" s="1"/>
  <c r="DWR54" i="1" s="1"/>
  <c r="DWS54" i="1" s="1"/>
  <c r="DWT54" i="1" s="1"/>
  <c r="DWU54" i="1" s="1"/>
  <c r="DWV54" i="1" s="1"/>
  <c r="DWW54" i="1" s="1"/>
  <c r="DWX54" i="1" s="1"/>
  <c r="DWY54" i="1" s="1"/>
  <c r="DWZ54" i="1" s="1"/>
  <c r="DXA54" i="1" s="1"/>
  <c r="DXB54" i="1" s="1"/>
  <c r="DXC54" i="1" s="1"/>
  <c r="DXD54" i="1" s="1"/>
  <c r="DXE54" i="1" s="1"/>
  <c r="DXF54" i="1" s="1"/>
  <c r="DXG54" i="1" s="1"/>
  <c r="DXH54" i="1" s="1"/>
  <c r="DXI54" i="1" s="1"/>
  <c r="DXJ54" i="1" s="1"/>
  <c r="DXK54" i="1" s="1"/>
  <c r="DXL54" i="1" s="1"/>
  <c r="DXM54" i="1" s="1"/>
  <c r="DXN54" i="1" s="1"/>
  <c r="DXO54" i="1" s="1"/>
  <c r="DXP54" i="1" s="1"/>
  <c r="DXQ54" i="1" s="1"/>
  <c r="DXR54" i="1" s="1"/>
  <c r="DXS54" i="1" s="1"/>
  <c r="DXT54" i="1" s="1"/>
  <c r="DXU54" i="1" s="1"/>
  <c r="DXV54" i="1" s="1"/>
  <c r="DXW54" i="1" s="1"/>
  <c r="DXX54" i="1" s="1"/>
  <c r="DXY54" i="1" s="1"/>
  <c r="DXZ54" i="1" s="1"/>
  <c r="DYA54" i="1" s="1"/>
  <c r="DYB54" i="1" s="1"/>
  <c r="DYC54" i="1" s="1"/>
  <c r="DYD54" i="1" s="1"/>
  <c r="DYE54" i="1" s="1"/>
  <c r="DYF54" i="1" s="1"/>
  <c r="DYG54" i="1" s="1"/>
  <c r="DYH54" i="1" s="1"/>
  <c r="DYI54" i="1" s="1"/>
  <c r="DYJ54" i="1" s="1"/>
  <c r="DYK54" i="1" s="1"/>
  <c r="DYL54" i="1" s="1"/>
  <c r="DYM54" i="1" s="1"/>
  <c r="DYN54" i="1" s="1"/>
  <c r="DYO54" i="1" s="1"/>
  <c r="DYP54" i="1" s="1"/>
  <c r="DYQ54" i="1" s="1"/>
  <c r="DYR54" i="1" s="1"/>
  <c r="DYS54" i="1" s="1"/>
  <c r="DYT54" i="1" s="1"/>
  <c r="DYU54" i="1" s="1"/>
  <c r="DYV54" i="1" s="1"/>
  <c r="DYW54" i="1" s="1"/>
  <c r="DYX54" i="1" s="1"/>
  <c r="DYY54" i="1" s="1"/>
  <c r="DYZ54" i="1" s="1"/>
  <c r="DZA54" i="1" s="1"/>
  <c r="DZB54" i="1" s="1"/>
  <c r="DZC54" i="1" s="1"/>
  <c r="DZD54" i="1" s="1"/>
  <c r="DZE54" i="1" s="1"/>
  <c r="DZF54" i="1" s="1"/>
  <c r="DZG54" i="1" s="1"/>
  <c r="DZH54" i="1" s="1"/>
  <c r="DZI54" i="1" s="1"/>
  <c r="DZJ54" i="1" s="1"/>
  <c r="DZK54" i="1" s="1"/>
  <c r="DZL54" i="1" s="1"/>
  <c r="DZM54" i="1" s="1"/>
  <c r="DZN54" i="1" s="1"/>
  <c r="DZO54" i="1" s="1"/>
  <c r="DZP54" i="1" s="1"/>
  <c r="DZQ54" i="1" s="1"/>
  <c r="DZR54" i="1" s="1"/>
  <c r="DZS54" i="1" s="1"/>
  <c r="DZT54" i="1" s="1"/>
  <c r="DZU54" i="1" s="1"/>
  <c r="DZV54" i="1" s="1"/>
  <c r="DZW54" i="1" s="1"/>
  <c r="DZX54" i="1" s="1"/>
  <c r="DZY54" i="1" s="1"/>
  <c r="DZZ54" i="1" s="1"/>
  <c r="EAA54" i="1" s="1"/>
  <c r="EAB54" i="1" s="1"/>
  <c r="EAC54" i="1" s="1"/>
  <c r="EAD54" i="1" s="1"/>
  <c r="EAE54" i="1" s="1"/>
  <c r="EAF54" i="1" s="1"/>
  <c r="EAG54" i="1" s="1"/>
  <c r="EAH54" i="1" s="1"/>
  <c r="EAI54" i="1" s="1"/>
  <c r="EAJ54" i="1" s="1"/>
  <c r="EAK54" i="1" s="1"/>
  <c r="EAL54" i="1" s="1"/>
  <c r="EAM54" i="1" s="1"/>
  <c r="EAN54" i="1" s="1"/>
  <c r="EAO54" i="1" s="1"/>
  <c r="EAP54" i="1" s="1"/>
  <c r="EAQ54" i="1" s="1"/>
  <c r="EAR54" i="1" s="1"/>
  <c r="EAS54" i="1" s="1"/>
  <c r="EAT54" i="1" s="1"/>
  <c r="EAU54" i="1" s="1"/>
  <c r="EAV54" i="1" s="1"/>
  <c r="EAW54" i="1" s="1"/>
  <c r="EAX54" i="1" s="1"/>
  <c r="EAY54" i="1" s="1"/>
  <c r="EAZ54" i="1" s="1"/>
  <c r="EBA54" i="1" s="1"/>
  <c r="EBB54" i="1" s="1"/>
  <c r="EBC54" i="1" s="1"/>
  <c r="EBD54" i="1" s="1"/>
  <c r="EBE54" i="1" s="1"/>
  <c r="EBF54" i="1" s="1"/>
  <c r="EBG54" i="1" s="1"/>
  <c r="EBH54" i="1" s="1"/>
  <c r="EBI54" i="1" s="1"/>
  <c r="EBJ54" i="1" s="1"/>
  <c r="EBK54" i="1" s="1"/>
  <c r="EBL54" i="1" s="1"/>
  <c r="EBM54" i="1" s="1"/>
  <c r="EBN54" i="1" s="1"/>
  <c r="EBO54" i="1" s="1"/>
  <c r="EBP54" i="1" s="1"/>
  <c r="EBQ54" i="1" s="1"/>
  <c r="EBR54" i="1" s="1"/>
  <c r="EBS54" i="1" s="1"/>
  <c r="EBT54" i="1" s="1"/>
  <c r="EBU54" i="1" s="1"/>
  <c r="EBV54" i="1" s="1"/>
  <c r="EBW54" i="1" s="1"/>
  <c r="EBX54" i="1" s="1"/>
  <c r="EBY54" i="1" s="1"/>
  <c r="EBZ54" i="1" s="1"/>
  <c r="ECA54" i="1" s="1"/>
  <c r="ECB54" i="1" s="1"/>
  <c r="ECC54" i="1" s="1"/>
  <c r="ECD54" i="1" s="1"/>
  <c r="ECE54" i="1" s="1"/>
  <c r="ECF54" i="1" s="1"/>
  <c r="ECG54" i="1" s="1"/>
  <c r="ECH54" i="1" s="1"/>
  <c r="ECI54" i="1" s="1"/>
  <c r="ECJ54" i="1" s="1"/>
  <c r="ECK54" i="1" s="1"/>
  <c r="ECL54" i="1" s="1"/>
  <c r="ECM54" i="1" s="1"/>
  <c r="ECN54" i="1" s="1"/>
  <c r="ECO54" i="1" s="1"/>
  <c r="ECP54" i="1" s="1"/>
  <c r="ECQ54" i="1" s="1"/>
  <c r="ECR54" i="1" s="1"/>
  <c r="ECS54" i="1" s="1"/>
  <c r="ECT54" i="1" s="1"/>
  <c r="ECU54" i="1" s="1"/>
  <c r="ECV54" i="1" s="1"/>
  <c r="ECW54" i="1" s="1"/>
  <c r="ECX54" i="1" s="1"/>
  <c r="ECY54" i="1" s="1"/>
  <c r="ECZ54" i="1" s="1"/>
  <c r="EDA54" i="1" s="1"/>
  <c r="EDB54" i="1" s="1"/>
  <c r="EDC54" i="1" s="1"/>
  <c r="EDD54" i="1" s="1"/>
  <c r="EDE54" i="1" s="1"/>
  <c r="EDF54" i="1" s="1"/>
  <c r="EDG54" i="1" s="1"/>
  <c r="EDH54" i="1" s="1"/>
  <c r="EDI54" i="1" s="1"/>
  <c r="EDJ54" i="1" s="1"/>
  <c r="EDK54" i="1" s="1"/>
  <c r="EDL54" i="1" s="1"/>
  <c r="EDM54" i="1" s="1"/>
  <c r="EDN54" i="1" s="1"/>
  <c r="EDO54" i="1" s="1"/>
  <c r="EDP54" i="1" s="1"/>
  <c r="EDQ54" i="1" s="1"/>
  <c r="EDR54" i="1" s="1"/>
  <c r="EDS54" i="1" s="1"/>
  <c r="EDT54" i="1" s="1"/>
  <c r="EDU54" i="1" s="1"/>
  <c r="EDV54" i="1" s="1"/>
  <c r="EDW54" i="1" s="1"/>
  <c r="EDX54" i="1" s="1"/>
  <c r="EDY54" i="1" s="1"/>
  <c r="EDZ54" i="1" s="1"/>
  <c r="EEA54" i="1" s="1"/>
  <c r="EEB54" i="1" s="1"/>
  <c r="EEC54" i="1" s="1"/>
  <c r="EED54" i="1" s="1"/>
  <c r="EEE54" i="1" s="1"/>
  <c r="EEF54" i="1" s="1"/>
  <c r="EEG54" i="1" s="1"/>
  <c r="EEH54" i="1" s="1"/>
  <c r="EEI54" i="1" s="1"/>
  <c r="EEJ54" i="1" s="1"/>
  <c r="EEK54" i="1" s="1"/>
  <c r="EEL54" i="1" s="1"/>
  <c r="EEM54" i="1" s="1"/>
  <c r="EEN54" i="1" s="1"/>
  <c r="EEO54" i="1" s="1"/>
  <c r="EEP54" i="1" s="1"/>
  <c r="EEQ54" i="1" s="1"/>
  <c r="EER54" i="1" s="1"/>
  <c r="EES54" i="1" s="1"/>
  <c r="EET54" i="1" s="1"/>
  <c r="EEU54" i="1" s="1"/>
  <c r="EEV54" i="1" s="1"/>
  <c r="EEW54" i="1" s="1"/>
  <c r="EEX54" i="1" s="1"/>
  <c r="EEY54" i="1" s="1"/>
  <c r="EEZ54" i="1" s="1"/>
  <c r="EFA54" i="1" s="1"/>
  <c r="EFB54" i="1" s="1"/>
  <c r="EFC54" i="1" s="1"/>
  <c r="EFD54" i="1" s="1"/>
  <c r="EFE54" i="1" s="1"/>
  <c r="EFF54" i="1" s="1"/>
  <c r="EFG54" i="1" s="1"/>
  <c r="EFH54" i="1" s="1"/>
  <c r="EFI54" i="1" s="1"/>
  <c r="EFJ54" i="1" s="1"/>
  <c r="EFK54" i="1" s="1"/>
  <c r="EFL54" i="1" s="1"/>
  <c r="EFM54" i="1" s="1"/>
  <c r="EFN54" i="1" s="1"/>
  <c r="EFO54" i="1" s="1"/>
  <c r="EFP54" i="1" s="1"/>
  <c r="EFQ54" i="1" s="1"/>
  <c r="EFR54" i="1" s="1"/>
  <c r="EFS54" i="1" s="1"/>
  <c r="EFT54" i="1" s="1"/>
  <c r="EFU54" i="1" s="1"/>
  <c r="EFV54" i="1" s="1"/>
  <c r="EFW54" i="1" s="1"/>
  <c r="EFX54" i="1" s="1"/>
  <c r="EFY54" i="1" s="1"/>
  <c r="EFZ54" i="1" s="1"/>
  <c r="EGA54" i="1" s="1"/>
  <c r="EGB54" i="1" s="1"/>
  <c r="EGC54" i="1" s="1"/>
  <c r="EGD54" i="1" s="1"/>
  <c r="EGE54" i="1" s="1"/>
  <c r="EGF54" i="1" s="1"/>
  <c r="EGG54" i="1" s="1"/>
  <c r="EGH54" i="1" s="1"/>
  <c r="EGI54" i="1" s="1"/>
  <c r="EGJ54" i="1" s="1"/>
  <c r="EGK54" i="1" s="1"/>
  <c r="EGL54" i="1" s="1"/>
  <c r="EGM54" i="1" s="1"/>
  <c r="EGN54" i="1" s="1"/>
  <c r="EGO54" i="1" s="1"/>
  <c r="EGP54" i="1" s="1"/>
  <c r="EGQ54" i="1" s="1"/>
  <c r="EGR54" i="1" s="1"/>
  <c r="EGS54" i="1" s="1"/>
  <c r="EGT54" i="1" s="1"/>
  <c r="EGU54" i="1" s="1"/>
  <c r="EGV54" i="1" s="1"/>
  <c r="EGW54" i="1" s="1"/>
  <c r="EGX54" i="1" s="1"/>
  <c r="EGY54" i="1" s="1"/>
  <c r="EGZ54" i="1" s="1"/>
  <c r="EHA54" i="1" s="1"/>
  <c r="EHB54" i="1" s="1"/>
  <c r="EHC54" i="1" s="1"/>
  <c r="EHD54" i="1" s="1"/>
  <c r="EHE54" i="1" s="1"/>
  <c r="EHF54" i="1" s="1"/>
  <c r="EHG54" i="1" s="1"/>
  <c r="EHH54" i="1" s="1"/>
  <c r="EHI54" i="1" s="1"/>
  <c r="EHJ54" i="1" s="1"/>
  <c r="EHK54" i="1" s="1"/>
  <c r="EHL54" i="1" s="1"/>
  <c r="EHM54" i="1" s="1"/>
  <c r="EHN54" i="1" s="1"/>
  <c r="EHO54" i="1" s="1"/>
  <c r="EHP54" i="1" s="1"/>
  <c r="EHQ54" i="1" s="1"/>
  <c r="EHR54" i="1" s="1"/>
  <c r="EHS54" i="1" s="1"/>
  <c r="EHT54" i="1" s="1"/>
  <c r="EHU54" i="1" s="1"/>
  <c r="EHV54" i="1" s="1"/>
  <c r="EHW54" i="1" s="1"/>
  <c r="EHX54" i="1" s="1"/>
  <c r="EHY54" i="1" s="1"/>
  <c r="EHZ54" i="1" s="1"/>
  <c r="EIA54" i="1" s="1"/>
  <c r="EIB54" i="1" s="1"/>
  <c r="EIC54" i="1" s="1"/>
  <c r="EID54" i="1" s="1"/>
  <c r="EIE54" i="1" s="1"/>
  <c r="EIF54" i="1" s="1"/>
  <c r="EIG54" i="1" s="1"/>
  <c r="EIH54" i="1" s="1"/>
  <c r="EII54" i="1" s="1"/>
  <c r="EIJ54" i="1" s="1"/>
  <c r="EIK54" i="1" s="1"/>
  <c r="EIL54" i="1" s="1"/>
  <c r="EIM54" i="1" s="1"/>
  <c r="EIN54" i="1" s="1"/>
  <c r="EIO54" i="1" s="1"/>
  <c r="EIP54" i="1" s="1"/>
  <c r="EIQ54" i="1" s="1"/>
  <c r="EIR54" i="1" s="1"/>
  <c r="EIS54" i="1" s="1"/>
  <c r="EIT54" i="1" s="1"/>
  <c r="EIU54" i="1" s="1"/>
  <c r="EIV54" i="1" s="1"/>
  <c r="EIW54" i="1" s="1"/>
  <c r="EIX54" i="1" s="1"/>
  <c r="EIY54" i="1" s="1"/>
  <c r="EIZ54" i="1" s="1"/>
  <c r="EJA54" i="1" s="1"/>
  <c r="EJB54" i="1" s="1"/>
  <c r="EJC54" i="1" s="1"/>
  <c r="EJD54" i="1" s="1"/>
  <c r="EJE54" i="1" s="1"/>
  <c r="EJF54" i="1" s="1"/>
  <c r="EJG54" i="1" s="1"/>
  <c r="EJH54" i="1" s="1"/>
  <c r="EJI54" i="1" s="1"/>
  <c r="EJJ54" i="1" s="1"/>
  <c r="EJK54" i="1" s="1"/>
  <c r="EJL54" i="1" s="1"/>
  <c r="EJM54" i="1" s="1"/>
  <c r="EJN54" i="1" s="1"/>
  <c r="EJO54" i="1" s="1"/>
  <c r="EJP54" i="1" s="1"/>
  <c r="EJQ54" i="1" s="1"/>
  <c r="EJR54" i="1" s="1"/>
  <c r="EJS54" i="1" s="1"/>
  <c r="EJT54" i="1" s="1"/>
  <c r="EJU54" i="1" s="1"/>
  <c r="EJV54" i="1" s="1"/>
  <c r="EJW54" i="1" s="1"/>
  <c r="EJX54" i="1" s="1"/>
  <c r="EJY54" i="1" s="1"/>
  <c r="EJZ54" i="1" s="1"/>
  <c r="EKA54" i="1" s="1"/>
  <c r="EKB54" i="1" s="1"/>
  <c r="EKC54" i="1" s="1"/>
  <c r="EKD54" i="1" s="1"/>
  <c r="EKE54" i="1" s="1"/>
  <c r="EKF54" i="1" s="1"/>
  <c r="EKG54" i="1" s="1"/>
  <c r="EKH54" i="1" s="1"/>
  <c r="EKI54" i="1" s="1"/>
  <c r="EKJ54" i="1" s="1"/>
  <c r="EKK54" i="1" s="1"/>
  <c r="EKL54" i="1" s="1"/>
  <c r="EKM54" i="1" s="1"/>
  <c r="EKN54" i="1" s="1"/>
  <c r="EKO54" i="1" s="1"/>
  <c r="EKP54" i="1" s="1"/>
  <c r="EKQ54" i="1" s="1"/>
  <c r="EKR54" i="1" s="1"/>
  <c r="EKS54" i="1" s="1"/>
  <c r="EKT54" i="1" s="1"/>
  <c r="EKU54" i="1" s="1"/>
  <c r="EKV54" i="1" s="1"/>
  <c r="EKW54" i="1" s="1"/>
  <c r="EKX54" i="1" s="1"/>
  <c r="EKY54" i="1" s="1"/>
  <c r="EKZ54" i="1" s="1"/>
  <c r="ELA54" i="1" s="1"/>
  <c r="ELB54" i="1" s="1"/>
  <c r="ELC54" i="1" s="1"/>
  <c r="ELD54" i="1" s="1"/>
  <c r="ELE54" i="1" s="1"/>
  <c r="ELF54" i="1" s="1"/>
  <c r="ELG54" i="1" s="1"/>
  <c r="ELH54" i="1" s="1"/>
  <c r="ELI54" i="1" s="1"/>
  <c r="ELJ54" i="1" s="1"/>
  <c r="ELK54" i="1" s="1"/>
  <c r="ELL54" i="1" s="1"/>
  <c r="ELM54" i="1" s="1"/>
  <c r="ELN54" i="1" s="1"/>
  <c r="ELO54" i="1" s="1"/>
  <c r="ELP54" i="1" s="1"/>
  <c r="ELQ54" i="1" s="1"/>
  <c r="ELR54" i="1" s="1"/>
  <c r="ELS54" i="1" s="1"/>
  <c r="ELT54" i="1" s="1"/>
  <c r="ELU54" i="1" s="1"/>
  <c r="ELV54" i="1" s="1"/>
  <c r="ELW54" i="1" s="1"/>
  <c r="ELX54" i="1" s="1"/>
  <c r="ELY54" i="1" s="1"/>
  <c r="ELZ54" i="1" s="1"/>
  <c r="EMA54" i="1" s="1"/>
  <c r="EMB54" i="1" s="1"/>
  <c r="EMC54" i="1" s="1"/>
  <c r="EMD54" i="1" s="1"/>
  <c r="EME54" i="1" s="1"/>
  <c r="EMF54" i="1" s="1"/>
  <c r="EMG54" i="1" s="1"/>
  <c r="EMH54" i="1" s="1"/>
  <c r="EMI54" i="1" s="1"/>
  <c r="EMJ54" i="1" s="1"/>
  <c r="EMK54" i="1" s="1"/>
  <c r="EML54" i="1" s="1"/>
  <c r="EMM54" i="1" s="1"/>
  <c r="EMN54" i="1" s="1"/>
  <c r="EMO54" i="1" s="1"/>
  <c r="EMP54" i="1" s="1"/>
  <c r="EMQ54" i="1" s="1"/>
  <c r="EMR54" i="1" s="1"/>
  <c r="EMS54" i="1" s="1"/>
  <c r="EMT54" i="1" s="1"/>
  <c r="EMU54" i="1" s="1"/>
  <c r="EMV54" i="1" s="1"/>
  <c r="EMW54" i="1" s="1"/>
  <c r="EMX54" i="1" s="1"/>
  <c r="EMY54" i="1" s="1"/>
  <c r="EMZ54" i="1" s="1"/>
  <c r="ENA54" i="1" s="1"/>
  <c r="ENB54" i="1" s="1"/>
  <c r="ENC54" i="1" s="1"/>
  <c r="END54" i="1" s="1"/>
  <c r="ENE54" i="1" s="1"/>
  <c r="ENF54" i="1" s="1"/>
  <c r="ENG54" i="1" s="1"/>
  <c r="ENH54" i="1" s="1"/>
  <c r="ENI54" i="1" s="1"/>
  <c r="ENJ54" i="1" s="1"/>
  <c r="ENK54" i="1" s="1"/>
  <c r="ENL54" i="1" s="1"/>
  <c r="ENM54" i="1" s="1"/>
  <c r="ENN54" i="1" s="1"/>
  <c r="ENO54" i="1" s="1"/>
  <c r="ENP54" i="1" s="1"/>
  <c r="ENQ54" i="1" s="1"/>
  <c r="ENR54" i="1" s="1"/>
  <c r="ENS54" i="1" s="1"/>
  <c r="ENT54" i="1" s="1"/>
  <c r="ENU54" i="1" s="1"/>
  <c r="ENV54" i="1" s="1"/>
  <c r="ENW54" i="1" s="1"/>
  <c r="ENX54" i="1" s="1"/>
  <c r="ENY54" i="1" s="1"/>
  <c r="ENZ54" i="1" s="1"/>
  <c r="EOA54" i="1" s="1"/>
  <c r="EOB54" i="1" s="1"/>
  <c r="EOC54" i="1" s="1"/>
  <c r="EOD54" i="1" s="1"/>
  <c r="EOE54" i="1" s="1"/>
  <c r="EOF54" i="1" s="1"/>
  <c r="EOG54" i="1" s="1"/>
  <c r="EOH54" i="1" s="1"/>
  <c r="EOI54" i="1" s="1"/>
  <c r="EOJ54" i="1" s="1"/>
  <c r="EOK54" i="1" s="1"/>
  <c r="EOL54" i="1" s="1"/>
  <c r="EOM54" i="1" s="1"/>
  <c r="EON54" i="1" s="1"/>
  <c r="EOO54" i="1" s="1"/>
  <c r="EOP54" i="1" s="1"/>
  <c r="EOQ54" i="1" s="1"/>
  <c r="EOR54" i="1" s="1"/>
  <c r="EOS54" i="1" s="1"/>
  <c r="EOT54" i="1" s="1"/>
  <c r="EOU54" i="1" s="1"/>
  <c r="EOV54" i="1" s="1"/>
  <c r="EOW54" i="1" s="1"/>
  <c r="EOX54" i="1" s="1"/>
  <c r="EOY54" i="1" s="1"/>
  <c r="EOZ54" i="1" s="1"/>
  <c r="EPA54" i="1" s="1"/>
  <c r="EPB54" i="1" s="1"/>
  <c r="EPC54" i="1" s="1"/>
  <c r="EPD54" i="1" s="1"/>
  <c r="EPE54" i="1" s="1"/>
  <c r="EPF54" i="1" s="1"/>
  <c r="EPG54" i="1" s="1"/>
  <c r="EPH54" i="1" s="1"/>
  <c r="EPI54" i="1" s="1"/>
  <c r="EPJ54" i="1" s="1"/>
  <c r="EPK54" i="1" s="1"/>
  <c r="EPL54" i="1" s="1"/>
  <c r="EPM54" i="1" s="1"/>
  <c r="EPN54" i="1" s="1"/>
  <c r="EPO54" i="1" s="1"/>
  <c r="EPP54" i="1" s="1"/>
  <c r="EPQ54" i="1" s="1"/>
  <c r="EPR54" i="1" s="1"/>
  <c r="EPS54" i="1" s="1"/>
  <c r="EPT54" i="1" s="1"/>
  <c r="EPU54" i="1" s="1"/>
  <c r="EPV54" i="1" s="1"/>
  <c r="EPW54" i="1" s="1"/>
  <c r="EPX54" i="1" s="1"/>
  <c r="EPY54" i="1" s="1"/>
  <c r="EPZ54" i="1" s="1"/>
  <c r="EQA54" i="1" s="1"/>
  <c r="EQB54" i="1" s="1"/>
  <c r="EQC54" i="1" s="1"/>
  <c r="EQD54" i="1" s="1"/>
  <c r="EQE54" i="1" s="1"/>
  <c r="EQF54" i="1" s="1"/>
  <c r="EQG54" i="1" s="1"/>
  <c r="EQH54" i="1" s="1"/>
  <c r="EQI54" i="1" s="1"/>
  <c r="EQJ54" i="1" s="1"/>
  <c r="EQK54" i="1" s="1"/>
  <c r="EQL54" i="1" s="1"/>
  <c r="EQM54" i="1" s="1"/>
  <c r="EQN54" i="1" s="1"/>
  <c r="EQO54" i="1" s="1"/>
  <c r="EQP54" i="1" s="1"/>
  <c r="EQQ54" i="1" s="1"/>
  <c r="EQR54" i="1" s="1"/>
  <c r="EQS54" i="1" s="1"/>
  <c r="EQT54" i="1" s="1"/>
  <c r="EQU54" i="1" s="1"/>
  <c r="EQV54" i="1" s="1"/>
  <c r="EQW54" i="1" s="1"/>
  <c r="EQX54" i="1" s="1"/>
  <c r="EQY54" i="1" s="1"/>
  <c r="EQZ54" i="1" s="1"/>
  <c r="ERA54" i="1" s="1"/>
  <c r="ERB54" i="1" s="1"/>
  <c r="ERC54" i="1" s="1"/>
  <c r="ERD54" i="1" s="1"/>
  <c r="ERE54" i="1" s="1"/>
  <c r="ERF54" i="1" s="1"/>
  <c r="ERG54" i="1" s="1"/>
  <c r="ERH54" i="1" s="1"/>
  <c r="ERI54" i="1" s="1"/>
  <c r="ERJ54" i="1" s="1"/>
  <c r="ERK54" i="1" s="1"/>
  <c r="ERL54" i="1" s="1"/>
  <c r="ERM54" i="1" s="1"/>
  <c r="ERN54" i="1" s="1"/>
  <c r="ERO54" i="1" s="1"/>
  <c r="ERP54" i="1" s="1"/>
  <c r="ERQ54" i="1" s="1"/>
  <c r="ERR54" i="1" s="1"/>
  <c r="ERS54" i="1" s="1"/>
  <c r="ERT54" i="1" s="1"/>
  <c r="ERU54" i="1" s="1"/>
  <c r="ERV54" i="1" s="1"/>
  <c r="ERW54" i="1" s="1"/>
  <c r="ERX54" i="1" s="1"/>
  <c r="ERY54" i="1" s="1"/>
  <c r="ERZ54" i="1" s="1"/>
  <c r="ESA54" i="1" s="1"/>
  <c r="ESB54" i="1" s="1"/>
  <c r="ESC54" i="1" s="1"/>
  <c r="ESD54" i="1" s="1"/>
  <c r="ESE54" i="1" s="1"/>
  <c r="ESF54" i="1" s="1"/>
  <c r="ESG54" i="1" s="1"/>
  <c r="ESH54" i="1" s="1"/>
  <c r="ESI54" i="1" s="1"/>
  <c r="ESJ54" i="1" s="1"/>
  <c r="ESK54" i="1" s="1"/>
  <c r="ESL54" i="1" s="1"/>
  <c r="ESM54" i="1" s="1"/>
  <c r="ESN54" i="1" s="1"/>
  <c r="ESO54" i="1" s="1"/>
  <c r="ESP54" i="1" s="1"/>
  <c r="ESQ54" i="1" s="1"/>
  <c r="ESR54" i="1" s="1"/>
  <c r="ESS54" i="1" s="1"/>
  <c r="EST54" i="1" s="1"/>
  <c r="ESU54" i="1" s="1"/>
  <c r="ESV54" i="1" s="1"/>
  <c r="ESW54" i="1" s="1"/>
  <c r="ESX54" i="1" s="1"/>
  <c r="ESY54" i="1" s="1"/>
  <c r="ESZ54" i="1" s="1"/>
  <c r="ETA54" i="1" s="1"/>
  <c r="ETB54" i="1" s="1"/>
  <c r="ETC54" i="1" s="1"/>
  <c r="ETD54" i="1" s="1"/>
  <c r="ETE54" i="1" s="1"/>
  <c r="ETF54" i="1" s="1"/>
  <c r="ETG54" i="1" s="1"/>
  <c r="ETH54" i="1" s="1"/>
  <c r="ETI54" i="1" s="1"/>
  <c r="ETJ54" i="1" s="1"/>
  <c r="ETK54" i="1" s="1"/>
  <c r="ETL54" i="1" s="1"/>
  <c r="ETM54" i="1" s="1"/>
  <c r="ETN54" i="1" s="1"/>
  <c r="ETO54" i="1" s="1"/>
  <c r="ETP54" i="1" s="1"/>
  <c r="ETQ54" i="1" s="1"/>
  <c r="ETR54" i="1" s="1"/>
  <c r="ETS54" i="1" s="1"/>
  <c r="ETT54" i="1" s="1"/>
  <c r="ETU54" i="1" s="1"/>
  <c r="ETV54" i="1" s="1"/>
  <c r="ETW54" i="1" s="1"/>
  <c r="ETX54" i="1" s="1"/>
  <c r="ETY54" i="1" s="1"/>
  <c r="ETZ54" i="1" s="1"/>
  <c r="EUA54" i="1" s="1"/>
  <c r="EUB54" i="1" s="1"/>
  <c r="EUC54" i="1" s="1"/>
  <c r="EUD54" i="1" s="1"/>
  <c r="EUE54" i="1" s="1"/>
  <c r="EUF54" i="1" s="1"/>
  <c r="EUG54" i="1" s="1"/>
  <c r="EUH54" i="1" s="1"/>
  <c r="EUI54" i="1" s="1"/>
  <c r="EUJ54" i="1" s="1"/>
  <c r="EUK54" i="1" s="1"/>
  <c r="EUL54" i="1" s="1"/>
  <c r="EUM54" i="1" s="1"/>
  <c r="EUN54" i="1" s="1"/>
  <c r="EUO54" i="1" s="1"/>
  <c r="EUP54" i="1" s="1"/>
  <c r="EUQ54" i="1" s="1"/>
  <c r="EUR54" i="1" s="1"/>
  <c r="EUS54" i="1" s="1"/>
  <c r="EUT54" i="1" s="1"/>
  <c r="EUU54" i="1" s="1"/>
  <c r="EUV54" i="1" s="1"/>
  <c r="EUW54" i="1" s="1"/>
  <c r="EUX54" i="1" s="1"/>
  <c r="EUY54" i="1" s="1"/>
  <c r="EUZ54" i="1" s="1"/>
  <c r="EVA54" i="1" s="1"/>
  <c r="EVB54" i="1" s="1"/>
  <c r="EVC54" i="1" s="1"/>
  <c r="EVD54" i="1" s="1"/>
  <c r="EVE54" i="1" s="1"/>
  <c r="EVF54" i="1" s="1"/>
  <c r="EVG54" i="1" s="1"/>
  <c r="EVH54" i="1" s="1"/>
  <c r="EVI54" i="1" s="1"/>
  <c r="EVJ54" i="1" s="1"/>
  <c r="EVK54" i="1" s="1"/>
  <c r="EVL54" i="1" s="1"/>
  <c r="EVM54" i="1" s="1"/>
  <c r="EVN54" i="1" s="1"/>
  <c r="EVO54" i="1" s="1"/>
  <c r="EVP54" i="1" s="1"/>
  <c r="EVQ54" i="1" s="1"/>
  <c r="EVR54" i="1" s="1"/>
  <c r="EVS54" i="1" s="1"/>
  <c r="EVT54" i="1" s="1"/>
  <c r="EVU54" i="1" s="1"/>
  <c r="EVV54" i="1" s="1"/>
  <c r="EVW54" i="1" s="1"/>
  <c r="EVX54" i="1" s="1"/>
  <c r="EVY54" i="1" s="1"/>
  <c r="EVZ54" i="1" s="1"/>
  <c r="EWA54" i="1" s="1"/>
  <c r="EWB54" i="1" s="1"/>
  <c r="EWC54" i="1" s="1"/>
  <c r="EWD54" i="1" s="1"/>
  <c r="EWE54" i="1" s="1"/>
  <c r="EWF54" i="1" s="1"/>
  <c r="EWG54" i="1" s="1"/>
  <c r="EWH54" i="1" s="1"/>
  <c r="EWI54" i="1" s="1"/>
  <c r="EWJ54" i="1" s="1"/>
  <c r="EWK54" i="1" s="1"/>
  <c r="EWL54" i="1" s="1"/>
  <c r="EWM54" i="1" s="1"/>
  <c r="EWN54" i="1" s="1"/>
  <c r="EWO54" i="1" s="1"/>
  <c r="EWP54" i="1" s="1"/>
  <c r="EWQ54" i="1" s="1"/>
  <c r="EWR54" i="1" s="1"/>
  <c r="EWS54" i="1" s="1"/>
  <c r="EWT54" i="1" s="1"/>
  <c r="EWU54" i="1" s="1"/>
  <c r="EWV54" i="1" s="1"/>
  <c r="EWW54" i="1" s="1"/>
  <c r="EWX54" i="1" s="1"/>
  <c r="EWY54" i="1" s="1"/>
  <c r="EWZ54" i="1" s="1"/>
  <c r="EXA54" i="1" s="1"/>
  <c r="EXB54" i="1" s="1"/>
  <c r="EXC54" i="1" s="1"/>
  <c r="EXD54" i="1" s="1"/>
  <c r="EXE54" i="1" s="1"/>
  <c r="EXF54" i="1" s="1"/>
  <c r="EXG54" i="1" s="1"/>
  <c r="EXH54" i="1" s="1"/>
  <c r="EXI54" i="1" s="1"/>
  <c r="EXJ54" i="1" s="1"/>
  <c r="EXK54" i="1" s="1"/>
  <c r="EXL54" i="1" s="1"/>
  <c r="EXM54" i="1" s="1"/>
  <c r="EXN54" i="1" s="1"/>
  <c r="EXO54" i="1" s="1"/>
  <c r="EXP54" i="1" s="1"/>
  <c r="EXQ54" i="1" s="1"/>
  <c r="EXR54" i="1" s="1"/>
  <c r="EXS54" i="1" s="1"/>
  <c r="EXT54" i="1" s="1"/>
  <c r="EXU54" i="1" s="1"/>
  <c r="EXV54" i="1" s="1"/>
  <c r="EXW54" i="1" s="1"/>
  <c r="EXX54" i="1" s="1"/>
  <c r="EXY54" i="1" s="1"/>
  <c r="EXZ54" i="1" s="1"/>
  <c r="EYA54" i="1" s="1"/>
  <c r="EYB54" i="1" s="1"/>
  <c r="EYC54" i="1" s="1"/>
  <c r="EYD54" i="1" s="1"/>
  <c r="EYE54" i="1" s="1"/>
  <c r="EYF54" i="1" s="1"/>
  <c r="EYG54" i="1" s="1"/>
  <c r="EYH54" i="1" s="1"/>
  <c r="EYI54" i="1" s="1"/>
  <c r="EYJ54" i="1" s="1"/>
  <c r="EYK54" i="1" s="1"/>
  <c r="EYL54" i="1" s="1"/>
  <c r="EYM54" i="1" s="1"/>
  <c r="EYN54" i="1" s="1"/>
  <c r="EYO54" i="1" s="1"/>
  <c r="EYP54" i="1" s="1"/>
  <c r="EYQ54" i="1" s="1"/>
  <c r="EYR54" i="1" s="1"/>
  <c r="EYS54" i="1" s="1"/>
  <c r="EYT54" i="1" s="1"/>
  <c r="EYU54" i="1" s="1"/>
  <c r="EYV54" i="1" s="1"/>
  <c r="EYW54" i="1" s="1"/>
  <c r="EYX54" i="1" s="1"/>
  <c r="EYY54" i="1" s="1"/>
  <c r="EYZ54" i="1" s="1"/>
  <c r="EZA54" i="1" s="1"/>
  <c r="EZB54" i="1" s="1"/>
  <c r="EZC54" i="1" s="1"/>
  <c r="EZD54" i="1" s="1"/>
  <c r="EZE54" i="1" s="1"/>
  <c r="EZF54" i="1" s="1"/>
  <c r="EZG54" i="1" s="1"/>
  <c r="EZH54" i="1" s="1"/>
  <c r="EZI54" i="1" s="1"/>
  <c r="EZJ54" i="1" s="1"/>
  <c r="EZK54" i="1" s="1"/>
  <c r="EZL54" i="1" s="1"/>
  <c r="EZM54" i="1" s="1"/>
  <c r="EZN54" i="1" s="1"/>
  <c r="EZO54" i="1" s="1"/>
  <c r="EZP54" i="1" s="1"/>
  <c r="EZQ54" i="1" s="1"/>
  <c r="EZR54" i="1" s="1"/>
  <c r="EZS54" i="1" s="1"/>
  <c r="EZT54" i="1" s="1"/>
  <c r="EZU54" i="1" s="1"/>
  <c r="EZV54" i="1" s="1"/>
  <c r="EZW54" i="1" s="1"/>
  <c r="EZX54" i="1" s="1"/>
  <c r="EZY54" i="1" s="1"/>
  <c r="EZZ54" i="1" s="1"/>
  <c r="FAA54" i="1" s="1"/>
  <c r="FAB54" i="1" s="1"/>
  <c r="FAC54" i="1" s="1"/>
  <c r="FAD54" i="1" s="1"/>
  <c r="FAE54" i="1" s="1"/>
  <c r="FAF54" i="1" s="1"/>
  <c r="FAG54" i="1" s="1"/>
  <c r="FAH54" i="1" s="1"/>
  <c r="FAI54" i="1" s="1"/>
  <c r="FAJ54" i="1" s="1"/>
  <c r="FAK54" i="1" s="1"/>
  <c r="FAL54" i="1" s="1"/>
  <c r="FAM54" i="1" s="1"/>
  <c r="FAN54" i="1" s="1"/>
  <c r="FAO54" i="1" s="1"/>
  <c r="FAP54" i="1" s="1"/>
  <c r="FAQ54" i="1" s="1"/>
  <c r="FAR54" i="1" s="1"/>
  <c r="FAS54" i="1" s="1"/>
  <c r="FAT54" i="1" s="1"/>
  <c r="FAU54" i="1" s="1"/>
  <c r="FAV54" i="1" s="1"/>
  <c r="FAW54" i="1" s="1"/>
  <c r="FAX54" i="1" s="1"/>
  <c r="FAY54" i="1" s="1"/>
  <c r="FAZ54" i="1" s="1"/>
  <c r="FBA54" i="1" s="1"/>
  <c r="FBB54" i="1" s="1"/>
  <c r="FBC54" i="1" s="1"/>
  <c r="FBD54" i="1" s="1"/>
  <c r="FBE54" i="1" s="1"/>
  <c r="FBF54" i="1" s="1"/>
  <c r="FBG54" i="1" s="1"/>
  <c r="FBH54" i="1" s="1"/>
  <c r="FBI54" i="1" s="1"/>
  <c r="FBJ54" i="1" s="1"/>
  <c r="FBK54" i="1" s="1"/>
  <c r="FBL54" i="1" s="1"/>
  <c r="FBM54" i="1" s="1"/>
  <c r="FBN54" i="1" s="1"/>
  <c r="FBO54" i="1" s="1"/>
  <c r="FBP54" i="1" s="1"/>
  <c r="FBQ54" i="1" s="1"/>
  <c r="FBR54" i="1" s="1"/>
  <c r="FBS54" i="1" s="1"/>
  <c r="FBT54" i="1" s="1"/>
  <c r="FBU54" i="1" s="1"/>
  <c r="FBV54" i="1" s="1"/>
  <c r="FBW54" i="1" s="1"/>
  <c r="FBX54" i="1" s="1"/>
  <c r="FBY54" i="1" s="1"/>
  <c r="FBZ54" i="1" s="1"/>
  <c r="FCA54" i="1" s="1"/>
  <c r="FCB54" i="1" s="1"/>
  <c r="FCC54" i="1" s="1"/>
  <c r="FCD54" i="1" s="1"/>
  <c r="FCE54" i="1" s="1"/>
  <c r="FCF54" i="1" s="1"/>
  <c r="FCG54" i="1" s="1"/>
  <c r="FCH54" i="1" s="1"/>
  <c r="FCI54" i="1" s="1"/>
  <c r="FCJ54" i="1" s="1"/>
  <c r="FCK54" i="1" s="1"/>
  <c r="FCL54" i="1" s="1"/>
  <c r="FCM54" i="1" s="1"/>
  <c r="FCN54" i="1" s="1"/>
  <c r="FCO54" i="1" s="1"/>
  <c r="FCP54" i="1" s="1"/>
  <c r="FCQ54" i="1" s="1"/>
  <c r="FCR54" i="1" s="1"/>
  <c r="FCS54" i="1" s="1"/>
  <c r="FCT54" i="1" s="1"/>
  <c r="FCU54" i="1" s="1"/>
  <c r="FCV54" i="1" s="1"/>
  <c r="FCW54" i="1" s="1"/>
  <c r="FCX54" i="1" s="1"/>
  <c r="FCY54" i="1" s="1"/>
  <c r="FCZ54" i="1" s="1"/>
  <c r="FDA54" i="1" s="1"/>
  <c r="FDB54" i="1" s="1"/>
  <c r="FDC54" i="1" s="1"/>
  <c r="FDD54" i="1" s="1"/>
  <c r="FDE54" i="1" s="1"/>
  <c r="FDF54" i="1" s="1"/>
  <c r="FDG54" i="1" s="1"/>
  <c r="FDH54" i="1" s="1"/>
  <c r="FDI54" i="1" s="1"/>
  <c r="FDJ54" i="1" s="1"/>
  <c r="FDK54" i="1" s="1"/>
  <c r="FDL54" i="1" s="1"/>
  <c r="FDM54" i="1" s="1"/>
  <c r="FDN54" i="1" s="1"/>
  <c r="FDO54" i="1" s="1"/>
  <c r="FDP54" i="1" s="1"/>
  <c r="FDQ54" i="1" s="1"/>
  <c r="FDR54" i="1" s="1"/>
  <c r="FDS54" i="1" s="1"/>
  <c r="FDT54" i="1" s="1"/>
  <c r="FDU54" i="1" s="1"/>
  <c r="FDV54" i="1" s="1"/>
  <c r="FDW54" i="1" s="1"/>
  <c r="FDX54" i="1" s="1"/>
  <c r="FDY54" i="1" s="1"/>
  <c r="FDZ54" i="1" s="1"/>
  <c r="FEA54" i="1" s="1"/>
  <c r="FEB54" i="1" s="1"/>
  <c r="FEC54" i="1" s="1"/>
  <c r="FED54" i="1" s="1"/>
  <c r="FEE54" i="1" s="1"/>
  <c r="FEF54" i="1" s="1"/>
  <c r="FEG54" i="1" s="1"/>
  <c r="FEH54" i="1" s="1"/>
  <c r="FEI54" i="1" s="1"/>
  <c r="FEJ54" i="1" s="1"/>
  <c r="FEK54" i="1" s="1"/>
  <c r="FEL54" i="1" s="1"/>
  <c r="FEM54" i="1" s="1"/>
  <c r="FEN54" i="1" s="1"/>
  <c r="FEO54" i="1" s="1"/>
  <c r="FEP54" i="1" s="1"/>
  <c r="FEQ54" i="1" s="1"/>
  <c r="FER54" i="1" s="1"/>
  <c r="FES54" i="1" s="1"/>
  <c r="FET54" i="1" s="1"/>
  <c r="FEU54" i="1" s="1"/>
  <c r="FEV54" i="1" s="1"/>
  <c r="FEW54" i="1" s="1"/>
  <c r="FEX54" i="1" s="1"/>
  <c r="FEY54" i="1" s="1"/>
  <c r="FEZ54" i="1" s="1"/>
  <c r="FFA54" i="1" s="1"/>
  <c r="FFB54" i="1" s="1"/>
  <c r="FFC54" i="1" s="1"/>
  <c r="FFD54" i="1" s="1"/>
  <c r="FFE54" i="1" s="1"/>
  <c r="FFF54" i="1" s="1"/>
  <c r="FFG54" i="1" s="1"/>
  <c r="FFH54" i="1" s="1"/>
  <c r="FFI54" i="1" s="1"/>
  <c r="FFJ54" i="1" s="1"/>
  <c r="FFK54" i="1" s="1"/>
  <c r="FFL54" i="1" s="1"/>
  <c r="FFM54" i="1" s="1"/>
  <c r="FFN54" i="1" s="1"/>
  <c r="FFO54" i="1" s="1"/>
  <c r="FFP54" i="1" s="1"/>
  <c r="FFQ54" i="1" s="1"/>
  <c r="FFR54" i="1" s="1"/>
  <c r="FFS54" i="1" s="1"/>
  <c r="FFT54" i="1" s="1"/>
  <c r="FFU54" i="1" s="1"/>
  <c r="FFV54" i="1" s="1"/>
  <c r="FFW54" i="1" s="1"/>
  <c r="FFX54" i="1" s="1"/>
  <c r="FFY54" i="1" s="1"/>
  <c r="FFZ54" i="1" s="1"/>
  <c r="FGA54" i="1" s="1"/>
  <c r="FGB54" i="1" s="1"/>
  <c r="FGC54" i="1" s="1"/>
  <c r="FGD54" i="1" s="1"/>
  <c r="FGE54" i="1" s="1"/>
  <c r="FGF54" i="1" s="1"/>
  <c r="FGG54" i="1" s="1"/>
  <c r="FGH54" i="1" s="1"/>
  <c r="FGI54" i="1" s="1"/>
  <c r="FGJ54" i="1" s="1"/>
  <c r="FGK54" i="1" s="1"/>
  <c r="FGL54" i="1" s="1"/>
  <c r="FGM54" i="1" s="1"/>
  <c r="FGN54" i="1" s="1"/>
  <c r="FGO54" i="1" s="1"/>
  <c r="FGP54" i="1" s="1"/>
  <c r="FGQ54" i="1" s="1"/>
  <c r="FGR54" i="1" s="1"/>
  <c r="FGS54" i="1" s="1"/>
  <c r="FGT54" i="1" s="1"/>
  <c r="FGU54" i="1" s="1"/>
  <c r="FGV54" i="1" s="1"/>
  <c r="FGW54" i="1" s="1"/>
  <c r="FGX54" i="1" s="1"/>
  <c r="FGY54" i="1" s="1"/>
  <c r="FGZ54" i="1" s="1"/>
  <c r="FHA54" i="1" s="1"/>
  <c r="FHB54" i="1" s="1"/>
  <c r="FHC54" i="1" s="1"/>
  <c r="FHD54" i="1" s="1"/>
  <c r="FHE54" i="1" s="1"/>
  <c r="FHF54" i="1" s="1"/>
  <c r="FHG54" i="1" s="1"/>
  <c r="FHH54" i="1" s="1"/>
  <c r="FHI54" i="1" s="1"/>
  <c r="FHJ54" i="1" s="1"/>
  <c r="FHK54" i="1" s="1"/>
  <c r="FHL54" i="1" s="1"/>
  <c r="FHM54" i="1" s="1"/>
  <c r="FHN54" i="1" s="1"/>
  <c r="FHO54" i="1" s="1"/>
  <c r="FHP54" i="1" s="1"/>
  <c r="FHQ54" i="1" s="1"/>
  <c r="FHR54" i="1" s="1"/>
  <c r="FHS54" i="1" s="1"/>
  <c r="FHT54" i="1" s="1"/>
  <c r="FHU54" i="1" s="1"/>
  <c r="FHV54" i="1" s="1"/>
  <c r="FHW54" i="1" s="1"/>
  <c r="FHX54" i="1" s="1"/>
  <c r="FHY54" i="1" s="1"/>
  <c r="FHZ54" i="1" s="1"/>
  <c r="FIA54" i="1" s="1"/>
  <c r="FIB54" i="1" s="1"/>
  <c r="FIC54" i="1" s="1"/>
  <c r="FID54" i="1" s="1"/>
  <c r="FIE54" i="1" s="1"/>
  <c r="FIF54" i="1" s="1"/>
  <c r="FIG54" i="1" s="1"/>
  <c r="FIH54" i="1" s="1"/>
  <c r="FII54" i="1" s="1"/>
  <c r="FIJ54" i="1" s="1"/>
  <c r="FIK54" i="1" s="1"/>
  <c r="FIL54" i="1" s="1"/>
  <c r="FIM54" i="1" s="1"/>
  <c r="FIN54" i="1" s="1"/>
  <c r="FIO54" i="1" s="1"/>
  <c r="FIP54" i="1" s="1"/>
  <c r="FIQ54" i="1" s="1"/>
  <c r="FIR54" i="1" s="1"/>
  <c r="FIS54" i="1" s="1"/>
  <c r="FIT54" i="1" s="1"/>
  <c r="FIU54" i="1" s="1"/>
  <c r="FIV54" i="1" s="1"/>
  <c r="FIW54" i="1" s="1"/>
  <c r="FIX54" i="1" s="1"/>
  <c r="FIY54" i="1" s="1"/>
  <c r="FIZ54" i="1" s="1"/>
  <c r="FJA54" i="1" s="1"/>
  <c r="FJB54" i="1" s="1"/>
  <c r="FJC54" i="1" s="1"/>
  <c r="FJD54" i="1" s="1"/>
  <c r="FJE54" i="1" s="1"/>
  <c r="FJF54" i="1" s="1"/>
  <c r="FJG54" i="1" s="1"/>
  <c r="FJH54" i="1" s="1"/>
  <c r="FJI54" i="1" s="1"/>
  <c r="FJJ54" i="1" s="1"/>
  <c r="FJK54" i="1" s="1"/>
  <c r="FJL54" i="1" s="1"/>
  <c r="FJM54" i="1" s="1"/>
  <c r="FJN54" i="1" s="1"/>
  <c r="FJO54" i="1" s="1"/>
  <c r="FJP54" i="1" s="1"/>
  <c r="FJQ54" i="1" s="1"/>
  <c r="FJR54" i="1" s="1"/>
  <c r="FJS54" i="1" s="1"/>
  <c r="FJT54" i="1" s="1"/>
  <c r="FJU54" i="1" s="1"/>
  <c r="FJV54" i="1" s="1"/>
  <c r="FJW54" i="1" s="1"/>
  <c r="FJX54" i="1" s="1"/>
  <c r="FJY54" i="1" s="1"/>
  <c r="FJZ54" i="1" s="1"/>
  <c r="FKA54" i="1" s="1"/>
  <c r="FKB54" i="1" s="1"/>
  <c r="FKC54" i="1" s="1"/>
  <c r="FKD54" i="1" s="1"/>
  <c r="FKE54" i="1" s="1"/>
  <c r="FKF54" i="1" s="1"/>
  <c r="FKG54" i="1" s="1"/>
  <c r="FKH54" i="1" s="1"/>
  <c r="FKI54" i="1" s="1"/>
  <c r="FKJ54" i="1" s="1"/>
  <c r="FKK54" i="1" s="1"/>
  <c r="FKL54" i="1" s="1"/>
  <c r="FKM54" i="1" s="1"/>
  <c r="FKN54" i="1" s="1"/>
  <c r="FKO54" i="1" s="1"/>
  <c r="FKP54" i="1" s="1"/>
  <c r="FKQ54" i="1" s="1"/>
  <c r="FKR54" i="1" s="1"/>
  <c r="FKS54" i="1" s="1"/>
  <c r="FKT54" i="1" s="1"/>
  <c r="FKU54" i="1" s="1"/>
  <c r="FKV54" i="1" s="1"/>
  <c r="FKW54" i="1" s="1"/>
  <c r="FKX54" i="1" s="1"/>
  <c r="FKY54" i="1" s="1"/>
  <c r="FKZ54" i="1" s="1"/>
  <c r="FLA54" i="1" s="1"/>
  <c r="FLB54" i="1" s="1"/>
  <c r="FLC54" i="1" s="1"/>
  <c r="FLD54" i="1" s="1"/>
  <c r="FLE54" i="1" s="1"/>
  <c r="FLF54" i="1" s="1"/>
  <c r="FLG54" i="1" s="1"/>
  <c r="FLH54" i="1" s="1"/>
  <c r="FLI54" i="1" s="1"/>
  <c r="FLJ54" i="1" s="1"/>
  <c r="FLK54" i="1" s="1"/>
  <c r="FLL54" i="1" s="1"/>
  <c r="FLM54" i="1" s="1"/>
  <c r="FLN54" i="1" s="1"/>
  <c r="FLO54" i="1" s="1"/>
  <c r="FLP54" i="1" s="1"/>
  <c r="FLQ54" i="1" s="1"/>
  <c r="FLR54" i="1" s="1"/>
  <c r="FLS54" i="1" s="1"/>
  <c r="FLT54" i="1" s="1"/>
  <c r="FLU54" i="1" s="1"/>
  <c r="FLV54" i="1" s="1"/>
  <c r="FLW54" i="1" s="1"/>
  <c r="FLX54" i="1" s="1"/>
  <c r="FLY54" i="1" s="1"/>
  <c r="FLZ54" i="1" s="1"/>
  <c r="FMA54" i="1" s="1"/>
  <c r="FMB54" i="1" s="1"/>
  <c r="FMC54" i="1" s="1"/>
  <c r="FMD54" i="1" s="1"/>
  <c r="FME54" i="1" s="1"/>
  <c r="FMF54" i="1" s="1"/>
  <c r="FMG54" i="1" s="1"/>
  <c r="FMH54" i="1" s="1"/>
  <c r="FMI54" i="1" s="1"/>
  <c r="FMJ54" i="1" s="1"/>
  <c r="FMK54" i="1" s="1"/>
  <c r="FML54" i="1" s="1"/>
  <c r="FMM54" i="1" s="1"/>
  <c r="FMN54" i="1" s="1"/>
  <c r="FMO54" i="1" s="1"/>
  <c r="FMP54" i="1" s="1"/>
  <c r="FMQ54" i="1" s="1"/>
  <c r="FMR54" i="1" s="1"/>
  <c r="FMS54" i="1" s="1"/>
  <c r="FMT54" i="1" s="1"/>
  <c r="FMU54" i="1" s="1"/>
  <c r="FMV54" i="1" s="1"/>
  <c r="FMW54" i="1" s="1"/>
  <c r="FMX54" i="1" s="1"/>
  <c r="FMY54" i="1" s="1"/>
  <c r="FMZ54" i="1" s="1"/>
  <c r="FNA54" i="1" s="1"/>
  <c r="FNB54" i="1" s="1"/>
  <c r="FNC54" i="1" s="1"/>
  <c r="FND54" i="1" s="1"/>
  <c r="FNE54" i="1" s="1"/>
  <c r="FNF54" i="1" s="1"/>
  <c r="FNG54" i="1" s="1"/>
  <c r="FNH54" i="1" s="1"/>
  <c r="FNI54" i="1" s="1"/>
  <c r="FNJ54" i="1" s="1"/>
  <c r="FNK54" i="1" s="1"/>
  <c r="FNL54" i="1" s="1"/>
  <c r="FNM54" i="1" s="1"/>
  <c r="FNN54" i="1" s="1"/>
  <c r="FNO54" i="1" s="1"/>
  <c r="FNP54" i="1" s="1"/>
  <c r="FNQ54" i="1" s="1"/>
  <c r="FNR54" i="1" s="1"/>
  <c r="FNS54" i="1" s="1"/>
  <c r="FNT54" i="1" s="1"/>
  <c r="FNU54" i="1" s="1"/>
  <c r="FNV54" i="1" s="1"/>
  <c r="FNW54" i="1" s="1"/>
  <c r="FNX54" i="1" s="1"/>
  <c r="FNY54" i="1" s="1"/>
  <c r="FNZ54" i="1" s="1"/>
  <c r="FOA54" i="1" s="1"/>
  <c r="FOB54" i="1" s="1"/>
  <c r="FOC54" i="1" s="1"/>
  <c r="FOD54" i="1" s="1"/>
  <c r="FOE54" i="1" s="1"/>
  <c r="FOF54" i="1" s="1"/>
  <c r="FOG54" i="1" s="1"/>
  <c r="FOH54" i="1" s="1"/>
  <c r="FOI54" i="1" s="1"/>
  <c r="FOJ54" i="1" s="1"/>
  <c r="FOK54" i="1" s="1"/>
  <c r="FOL54" i="1" s="1"/>
  <c r="FOM54" i="1" s="1"/>
  <c r="FON54" i="1" s="1"/>
  <c r="FOO54" i="1" s="1"/>
  <c r="FOP54" i="1" s="1"/>
  <c r="FOQ54" i="1" s="1"/>
  <c r="FOR54" i="1" s="1"/>
  <c r="FOS54" i="1" s="1"/>
  <c r="FOT54" i="1" s="1"/>
  <c r="FOU54" i="1" s="1"/>
  <c r="FOV54" i="1" s="1"/>
  <c r="FOW54" i="1" s="1"/>
  <c r="FOX54" i="1" s="1"/>
  <c r="FOY54" i="1" s="1"/>
  <c r="FOZ54" i="1" s="1"/>
  <c r="FPA54" i="1" s="1"/>
  <c r="FPB54" i="1" s="1"/>
  <c r="FPC54" i="1" s="1"/>
  <c r="FPD54" i="1" s="1"/>
  <c r="FPE54" i="1" s="1"/>
  <c r="FPF54" i="1" s="1"/>
  <c r="FPG54" i="1" s="1"/>
  <c r="FPH54" i="1" s="1"/>
  <c r="FPI54" i="1" s="1"/>
  <c r="FPJ54" i="1" s="1"/>
  <c r="FPK54" i="1" s="1"/>
  <c r="FPL54" i="1" s="1"/>
  <c r="FPM54" i="1" s="1"/>
  <c r="FPN54" i="1" s="1"/>
  <c r="FPO54" i="1" s="1"/>
  <c r="FPP54" i="1" s="1"/>
  <c r="FPQ54" i="1" s="1"/>
  <c r="FPR54" i="1" s="1"/>
  <c r="FPS54" i="1" s="1"/>
  <c r="FPT54" i="1" s="1"/>
  <c r="FPU54" i="1" s="1"/>
  <c r="FPV54" i="1" s="1"/>
  <c r="FPW54" i="1" s="1"/>
  <c r="FPX54" i="1" s="1"/>
  <c r="FPY54" i="1" s="1"/>
  <c r="FPZ54" i="1" s="1"/>
  <c r="FQA54" i="1" s="1"/>
  <c r="FQB54" i="1" s="1"/>
  <c r="FQC54" i="1" s="1"/>
  <c r="FQD54" i="1" s="1"/>
  <c r="FQE54" i="1" s="1"/>
  <c r="FQF54" i="1" s="1"/>
  <c r="FQG54" i="1" s="1"/>
  <c r="FQH54" i="1" s="1"/>
  <c r="FQI54" i="1" s="1"/>
  <c r="FQJ54" i="1" s="1"/>
  <c r="FQK54" i="1" s="1"/>
  <c r="FQL54" i="1" s="1"/>
  <c r="FQM54" i="1" s="1"/>
  <c r="FQN54" i="1" s="1"/>
  <c r="FQO54" i="1" s="1"/>
  <c r="FQP54" i="1" s="1"/>
  <c r="FQQ54" i="1" s="1"/>
  <c r="FQR54" i="1" s="1"/>
  <c r="FQS54" i="1" s="1"/>
  <c r="FQT54" i="1" s="1"/>
  <c r="FQU54" i="1" s="1"/>
  <c r="FQV54" i="1" s="1"/>
  <c r="FQW54" i="1" s="1"/>
  <c r="FQX54" i="1" s="1"/>
  <c r="FQY54" i="1" s="1"/>
  <c r="FQZ54" i="1" s="1"/>
  <c r="FRA54" i="1" s="1"/>
  <c r="FRB54" i="1" s="1"/>
  <c r="FRC54" i="1" s="1"/>
  <c r="FRD54" i="1" s="1"/>
  <c r="FRE54" i="1" s="1"/>
  <c r="FRF54" i="1" s="1"/>
  <c r="FRG54" i="1" s="1"/>
  <c r="FRH54" i="1" s="1"/>
  <c r="FRI54" i="1" s="1"/>
  <c r="FRJ54" i="1" s="1"/>
  <c r="FRK54" i="1" s="1"/>
  <c r="FRL54" i="1" s="1"/>
  <c r="FRM54" i="1" s="1"/>
  <c r="FRN54" i="1" s="1"/>
  <c r="FRO54" i="1" s="1"/>
  <c r="FRP54" i="1" s="1"/>
  <c r="FRQ54" i="1" s="1"/>
  <c r="FRR54" i="1" s="1"/>
  <c r="FRS54" i="1" s="1"/>
  <c r="FRT54" i="1" s="1"/>
  <c r="FRU54" i="1" s="1"/>
  <c r="FRV54" i="1" s="1"/>
  <c r="FRW54" i="1" s="1"/>
  <c r="FRX54" i="1" s="1"/>
  <c r="FRY54" i="1" s="1"/>
  <c r="FRZ54" i="1" s="1"/>
  <c r="FSA54" i="1" s="1"/>
  <c r="FSB54" i="1" s="1"/>
  <c r="FSC54" i="1" s="1"/>
  <c r="FSD54" i="1" s="1"/>
  <c r="FSE54" i="1" s="1"/>
  <c r="FSF54" i="1" s="1"/>
  <c r="FSG54" i="1" s="1"/>
  <c r="FSH54" i="1" s="1"/>
  <c r="FSI54" i="1" s="1"/>
  <c r="FSJ54" i="1" s="1"/>
  <c r="FSK54" i="1" s="1"/>
  <c r="FSL54" i="1" s="1"/>
  <c r="FSM54" i="1" s="1"/>
  <c r="FSN54" i="1" s="1"/>
  <c r="FSO54" i="1" s="1"/>
  <c r="FSP54" i="1" s="1"/>
  <c r="FSQ54" i="1" s="1"/>
  <c r="FSR54" i="1" s="1"/>
  <c r="FSS54" i="1" s="1"/>
  <c r="FST54" i="1" s="1"/>
  <c r="FSU54" i="1" s="1"/>
  <c r="FSV54" i="1" s="1"/>
  <c r="FSW54" i="1" s="1"/>
  <c r="FSX54" i="1" s="1"/>
  <c r="FSY54" i="1" s="1"/>
  <c r="FSZ54" i="1" s="1"/>
  <c r="FTA54" i="1" s="1"/>
  <c r="FTB54" i="1" s="1"/>
  <c r="FTC54" i="1" s="1"/>
  <c r="FTD54" i="1" s="1"/>
  <c r="FTE54" i="1" s="1"/>
  <c r="FTF54" i="1" s="1"/>
  <c r="FTG54" i="1" s="1"/>
  <c r="FTH54" i="1" s="1"/>
  <c r="FTI54" i="1" s="1"/>
  <c r="FTJ54" i="1" s="1"/>
  <c r="FTK54" i="1" s="1"/>
  <c r="FTL54" i="1" s="1"/>
  <c r="FTM54" i="1" s="1"/>
  <c r="FTN54" i="1" s="1"/>
  <c r="FTO54" i="1" s="1"/>
  <c r="FTP54" i="1" s="1"/>
  <c r="FTQ54" i="1" s="1"/>
  <c r="FTR54" i="1" s="1"/>
  <c r="FTS54" i="1" s="1"/>
  <c r="FTT54" i="1" s="1"/>
  <c r="FTU54" i="1" s="1"/>
  <c r="FTV54" i="1" s="1"/>
  <c r="FTW54" i="1" s="1"/>
  <c r="FTX54" i="1" s="1"/>
  <c r="FTY54" i="1" s="1"/>
  <c r="FTZ54" i="1" s="1"/>
  <c r="FUA54" i="1" s="1"/>
  <c r="FUB54" i="1" s="1"/>
  <c r="FUC54" i="1" s="1"/>
  <c r="FUD54" i="1" s="1"/>
  <c r="FUE54" i="1" s="1"/>
  <c r="FUF54" i="1" s="1"/>
  <c r="FUG54" i="1" s="1"/>
  <c r="FUH54" i="1" s="1"/>
  <c r="FUI54" i="1" s="1"/>
  <c r="FUJ54" i="1" s="1"/>
  <c r="FUK54" i="1" s="1"/>
  <c r="FUL54" i="1" s="1"/>
  <c r="FUM54" i="1" s="1"/>
  <c r="FUN54" i="1" s="1"/>
  <c r="FUO54" i="1" s="1"/>
  <c r="FUP54" i="1" s="1"/>
  <c r="FUQ54" i="1" s="1"/>
  <c r="FUR54" i="1" s="1"/>
  <c r="FUS54" i="1" s="1"/>
  <c r="FUT54" i="1" s="1"/>
  <c r="FUU54" i="1" s="1"/>
  <c r="FUV54" i="1" s="1"/>
  <c r="FUW54" i="1" s="1"/>
  <c r="FUX54" i="1" s="1"/>
  <c r="FUY54" i="1" s="1"/>
  <c r="FUZ54" i="1" s="1"/>
  <c r="FVA54" i="1" s="1"/>
  <c r="FVB54" i="1" s="1"/>
  <c r="FVC54" i="1" s="1"/>
  <c r="FVD54" i="1" s="1"/>
  <c r="FVE54" i="1" s="1"/>
  <c r="FVF54" i="1" s="1"/>
  <c r="FVG54" i="1" s="1"/>
  <c r="FVH54" i="1" s="1"/>
  <c r="FVI54" i="1" s="1"/>
  <c r="FVJ54" i="1" s="1"/>
  <c r="FVK54" i="1" s="1"/>
  <c r="FVL54" i="1" s="1"/>
  <c r="FVM54" i="1" s="1"/>
  <c r="FVN54" i="1" s="1"/>
  <c r="FVO54" i="1" s="1"/>
  <c r="FVP54" i="1" s="1"/>
  <c r="FVQ54" i="1" s="1"/>
  <c r="FVR54" i="1" s="1"/>
  <c r="FVS54" i="1" s="1"/>
  <c r="FVT54" i="1" s="1"/>
  <c r="FVU54" i="1" s="1"/>
  <c r="FVV54" i="1" s="1"/>
  <c r="FVW54" i="1" s="1"/>
  <c r="FVX54" i="1" s="1"/>
  <c r="FVY54" i="1" s="1"/>
  <c r="FVZ54" i="1" s="1"/>
  <c r="FWA54" i="1" s="1"/>
  <c r="FWB54" i="1" s="1"/>
  <c r="FWC54" i="1" s="1"/>
  <c r="FWD54" i="1" s="1"/>
  <c r="FWE54" i="1" s="1"/>
  <c r="FWF54" i="1" s="1"/>
  <c r="FWG54" i="1" s="1"/>
  <c r="FWH54" i="1" s="1"/>
  <c r="FWI54" i="1" s="1"/>
  <c r="FWJ54" i="1" s="1"/>
  <c r="FWK54" i="1" s="1"/>
  <c r="FWL54" i="1" s="1"/>
  <c r="FWM54" i="1" s="1"/>
  <c r="FWN54" i="1" s="1"/>
  <c r="FWO54" i="1" s="1"/>
  <c r="FWP54" i="1" s="1"/>
  <c r="FWQ54" i="1" s="1"/>
  <c r="FWR54" i="1" s="1"/>
  <c r="FWS54" i="1" s="1"/>
  <c r="FWT54" i="1" s="1"/>
  <c r="FWU54" i="1" s="1"/>
  <c r="FWV54" i="1" s="1"/>
  <c r="FWW54" i="1" s="1"/>
  <c r="FWX54" i="1" s="1"/>
  <c r="FWY54" i="1" s="1"/>
  <c r="FWZ54" i="1" s="1"/>
  <c r="FXA54" i="1" s="1"/>
  <c r="FXB54" i="1" s="1"/>
  <c r="FXC54" i="1" s="1"/>
  <c r="FXD54" i="1" s="1"/>
  <c r="FXE54" i="1" s="1"/>
  <c r="FXF54" i="1" s="1"/>
  <c r="FXG54" i="1" s="1"/>
  <c r="FXH54" i="1" s="1"/>
  <c r="FXI54" i="1" s="1"/>
  <c r="FXJ54" i="1" s="1"/>
  <c r="FXK54" i="1" s="1"/>
  <c r="FXL54" i="1" s="1"/>
  <c r="FXM54" i="1" s="1"/>
  <c r="FXN54" i="1" s="1"/>
  <c r="FXO54" i="1" s="1"/>
  <c r="FXP54" i="1" s="1"/>
  <c r="FXQ54" i="1" s="1"/>
  <c r="FXR54" i="1" s="1"/>
  <c r="FXS54" i="1" s="1"/>
  <c r="FXT54" i="1" s="1"/>
  <c r="FXU54" i="1" s="1"/>
  <c r="FXV54" i="1" s="1"/>
  <c r="FXW54" i="1" s="1"/>
  <c r="FXX54" i="1" s="1"/>
  <c r="FXY54" i="1" s="1"/>
  <c r="FXZ54" i="1" s="1"/>
  <c r="FYA54" i="1" s="1"/>
  <c r="FYB54" i="1" s="1"/>
  <c r="FYC54" i="1" s="1"/>
  <c r="FYD54" i="1" s="1"/>
  <c r="FYE54" i="1" s="1"/>
  <c r="FYF54" i="1" s="1"/>
  <c r="FYG54" i="1" s="1"/>
  <c r="FYH54" i="1" s="1"/>
  <c r="FYI54" i="1" s="1"/>
  <c r="FYJ54" i="1" s="1"/>
  <c r="FYK54" i="1" s="1"/>
  <c r="FYL54" i="1" s="1"/>
  <c r="FYM54" i="1" s="1"/>
  <c r="FYN54" i="1" s="1"/>
  <c r="FYO54" i="1" s="1"/>
  <c r="FYP54" i="1" s="1"/>
  <c r="FYQ54" i="1" s="1"/>
  <c r="FYR54" i="1" s="1"/>
  <c r="FYS54" i="1" s="1"/>
  <c r="FYT54" i="1" s="1"/>
  <c r="FYU54" i="1" s="1"/>
  <c r="FYV54" i="1" s="1"/>
  <c r="FYW54" i="1" s="1"/>
  <c r="FYX54" i="1" s="1"/>
  <c r="FYY54" i="1" s="1"/>
  <c r="FYZ54" i="1" s="1"/>
  <c r="FZA54" i="1" s="1"/>
  <c r="FZB54" i="1" s="1"/>
  <c r="FZC54" i="1" s="1"/>
  <c r="FZD54" i="1" s="1"/>
  <c r="FZE54" i="1" s="1"/>
  <c r="FZF54" i="1" s="1"/>
  <c r="FZG54" i="1" s="1"/>
  <c r="FZH54" i="1" s="1"/>
  <c r="FZI54" i="1" s="1"/>
  <c r="FZJ54" i="1" s="1"/>
  <c r="FZK54" i="1" s="1"/>
  <c r="FZL54" i="1" s="1"/>
  <c r="FZM54" i="1" s="1"/>
  <c r="FZN54" i="1" s="1"/>
  <c r="FZO54" i="1" s="1"/>
  <c r="FZP54" i="1" s="1"/>
  <c r="FZQ54" i="1" s="1"/>
  <c r="FZR54" i="1" s="1"/>
  <c r="FZS54" i="1" s="1"/>
  <c r="FZT54" i="1" s="1"/>
  <c r="FZU54" i="1" s="1"/>
  <c r="FZV54" i="1" s="1"/>
  <c r="FZW54" i="1" s="1"/>
  <c r="FZX54" i="1" s="1"/>
  <c r="FZY54" i="1" s="1"/>
  <c r="FZZ54" i="1" s="1"/>
  <c r="GAA54" i="1" s="1"/>
  <c r="GAB54" i="1" s="1"/>
  <c r="GAC54" i="1" s="1"/>
  <c r="GAD54" i="1" s="1"/>
  <c r="GAE54" i="1" s="1"/>
  <c r="GAF54" i="1" s="1"/>
  <c r="GAG54" i="1" s="1"/>
  <c r="GAH54" i="1" s="1"/>
  <c r="GAI54" i="1" s="1"/>
  <c r="GAJ54" i="1" s="1"/>
  <c r="GAK54" i="1" s="1"/>
  <c r="GAL54" i="1" s="1"/>
  <c r="GAM54" i="1" s="1"/>
  <c r="GAN54" i="1" s="1"/>
  <c r="GAO54" i="1" s="1"/>
  <c r="GAP54" i="1" s="1"/>
  <c r="GAQ54" i="1" s="1"/>
  <c r="GAR54" i="1" s="1"/>
  <c r="GAS54" i="1" s="1"/>
  <c r="GAT54" i="1" s="1"/>
  <c r="GAU54" i="1" s="1"/>
  <c r="GAV54" i="1" s="1"/>
  <c r="GAW54" i="1" s="1"/>
  <c r="GAX54" i="1" s="1"/>
  <c r="GAY54" i="1" s="1"/>
  <c r="GAZ54" i="1" s="1"/>
  <c r="GBA54" i="1" s="1"/>
  <c r="GBB54" i="1" s="1"/>
  <c r="GBC54" i="1" s="1"/>
  <c r="GBD54" i="1" s="1"/>
  <c r="GBE54" i="1" s="1"/>
  <c r="GBF54" i="1" s="1"/>
  <c r="GBG54" i="1" s="1"/>
  <c r="GBH54" i="1" s="1"/>
  <c r="GBI54" i="1" s="1"/>
  <c r="GBJ54" i="1" s="1"/>
  <c r="GBK54" i="1" s="1"/>
  <c r="GBL54" i="1" s="1"/>
  <c r="GBM54" i="1" s="1"/>
  <c r="GBN54" i="1" s="1"/>
  <c r="GBO54" i="1" s="1"/>
  <c r="GBP54" i="1" s="1"/>
  <c r="GBQ54" i="1" s="1"/>
  <c r="GBR54" i="1" s="1"/>
  <c r="GBS54" i="1" s="1"/>
  <c r="GBT54" i="1" s="1"/>
  <c r="GBU54" i="1" s="1"/>
  <c r="GBV54" i="1" s="1"/>
  <c r="GBW54" i="1" s="1"/>
  <c r="GBX54" i="1" s="1"/>
  <c r="GBY54" i="1" s="1"/>
  <c r="GBZ54" i="1" s="1"/>
  <c r="GCA54" i="1" s="1"/>
  <c r="GCB54" i="1" s="1"/>
  <c r="GCC54" i="1" s="1"/>
  <c r="GCD54" i="1" s="1"/>
  <c r="GCE54" i="1" s="1"/>
  <c r="GCF54" i="1" s="1"/>
  <c r="GCG54" i="1" s="1"/>
  <c r="GCH54" i="1" s="1"/>
  <c r="GCI54" i="1" s="1"/>
  <c r="GCJ54" i="1" s="1"/>
  <c r="GCK54" i="1" s="1"/>
  <c r="GCL54" i="1" s="1"/>
  <c r="GCM54" i="1" s="1"/>
  <c r="GCN54" i="1" s="1"/>
  <c r="GCO54" i="1" s="1"/>
  <c r="GCP54" i="1" s="1"/>
  <c r="GCQ54" i="1" s="1"/>
  <c r="GCR54" i="1" s="1"/>
  <c r="GCS54" i="1" s="1"/>
  <c r="GCT54" i="1" s="1"/>
  <c r="GCU54" i="1" s="1"/>
  <c r="GCV54" i="1" s="1"/>
  <c r="GCW54" i="1" s="1"/>
  <c r="GCX54" i="1" s="1"/>
  <c r="GCY54" i="1" s="1"/>
  <c r="GCZ54" i="1" s="1"/>
  <c r="GDA54" i="1" s="1"/>
  <c r="GDB54" i="1" s="1"/>
  <c r="GDC54" i="1" s="1"/>
  <c r="GDD54" i="1" s="1"/>
  <c r="GDE54" i="1" s="1"/>
  <c r="GDF54" i="1" s="1"/>
  <c r="GDG54" i="1" s="1"/>
  <c r="GDH54" i="1" s="1"/>
  <c r="GDI54" i="1" s="1"/>
  <c r="GDJ54" i="1" s="1"/>
  <c r="GDK54" i="1" s="1"/>
  <c r="GDL54" i="1" s="1"/>
  <c r="GDM54" i="1" s="1"/>
  <c r="GDN54" i="1" s="1"/>
  <c r="GDO54" i="1" s="1"/>
  <c r="GDP54" i="1" s="1"/>
  <c r="GDQ54" i="1" s="1"/>
  <c r="GDR54" i="1" s="1"/>
  <c r="GDS54" i="1" s="1"/>
  <c r="GDT54" i="1" s="1"/>
  <c r="GDU54" i="1" s="1"/>
  <c r="GDV54" i="1" s="1"/>
  <c r="GDW54" i="1" s="1"/>
  <c r="GDX54" i="1" s="1"/>
  <c r="GDY54" i="1" s="1"/>
  <c r="GDZ54" i="1" s="1"/>
  <c r="GEA54" i="1" s="1"/>
  <c r="GEB54" i="1" s="1"/>
  <c r="GEC54" i="1" s="1"/>
  <c r="GED54" i="1" s="1"/>
  <c r="GEE54" i="1" s="1"/>
  <c r="GEF54" i="1" s="1"/>
  <c r="GEG54" i="1" s="1"/>
  <c r="GEH54" i="1" s="1"/>
  <c r="GEI54" i="1" s="1"/>
  <c r="GEJ54" i="1" s="1"/>
  <c r="GEK54" i="1" s="1"/>
  <c r="GEL54" i="1" s="1"/>
  <c r="GEM54" i="1" s="1"/>
  <c r="GEN54" i="1" s="1"/>
  <c r="GEO54" i="1" s="1"/>
  <c r="GEP54" i="1" s="1"/>
  <c r="GEQ54" i="1" s="1"/>
  <c r="GER54" i="1" s="1"/>
  <c r="GES54" i="1" s="1"/>
  <c r="GET54" i="1" s="1"/>
  <c r="GEU54" i="1" s="1"/>
  <c r="GEV54" i="1" s="1"/>
  <c r="GEW54" i="1" s="1"/>
  <c r="GEX54" i="1" s="1"/>
  <c r="GEY54" i="1" s="1"/>
  <c r="GEZ54" i="1" s="1"/>
  <c r="GFA54" i="1" s="1"/>
  <c r="GFB54" i="1" s="1"/>
  <c r="GFC54" i="1" s="1"/>
  <c r="GFD54" i="1" s="1"/>
  <c r="GFE54" i="1" s="1"/>
  <c r="GFF54" i="1" s="1"/>
  <c r="GFG54" i="1" s="1"/>
  <c r="GFH54" i="1" s="1"/>
  <c r="GFI54" i="1" s="1"/>
  <c r="GFJ54" i="1" s="1"/>
  <c r="GFK54" i="1" s="1"/>
  <c r="GFL54" i="1" s="1"/>
  <c r="GFM54" i="1" s="1"/>
  <c r="GFN54" i="1" s="1"/>
  <c r="GFO54" i="1" s="1"/>
  <c r="GFP54" i="1" s="1"/>
  <c r="GFQ54" i="1" s="1"/>
  <c r="GFR54" i="1" s="1"/>
  <c r="GFS54" i="1" s="1"/>
  <c r="GFT54" i="1" s="1"/>
  <c r="GFU54" i="1" s="1"/>
  <c r="GFV54" i="1" s="1"/>
  <c r="GFW54" i="1" s="1"/>
  <c r="GFX54" i="1" s="1"/>
  <c r="GFY54" i="1" s="1"/>
  <c r="GFZ54" i="1" s="1"/>
  <c r="GGA54" i="1" s="1"/>
  <c r="GGB54" i="1" s="1"/>
  <c r="GGC54" i="1" s="1"/>
  <c r="GGD54" i="1" s="1"/>
  <c r="GGE54" i="1" s="1"/>
  <c r="GGF54" i="1" s="1"/>
  <c r="GGG54" i="1" s="1"/>
  <c r="GGH54" i="1" s="1"/>
  <c r="GGI54" i="1" s="1"/>
  <c r="GGJ54" i="1" s="1"/>
  <c r="GGK54" i="1" s="1"/>
  <c r="GGL54" i="1" s="1"/>
  <c r="GGM54" i="1" s="1"/>
  <c r="GGN54" i="1" s="1"/>
  <c r="GGO54" i="1" s="1"/>
  <c r="GGP54" i="1" s="1"/>
  <c r="GGQ54" i="1" s="1"/>
  <c r="GGR54" i="1" s="1"/>
  <c r="GGS54" i="1" s="1"/>
  <c r="GGT54" i="1" s="1"/>
  <c r="GGU54" i="1" s="1"/>
  <c r="GGV54" i="1" s="1"/>
  <c r="GGW54" i="1" s="1"/>
  <c r="GGX54" i="1" s="1"/>
  <c r="GGY54" i="1" s="1"/>
  <c r="GGZ54" i="1" s="1"/>
  <c r="GHA54" i="1" s="1"/>
  <c r="GHB54" i="1" s="1"/>
  <c r="GHC54" i="1" s="1"/>
  <c r="GHD54" i="1" s="1"/>
  <c r="GHE54" i="1" s="1"/>
  <c r="GHF54" i="1" s="1"/>
  <c r="GHG54" i="1" s="1"/>
  <c r="GHH54" i="1" s="1"/>
  <c r="GHI54" i="1" s="1"/>
  <c r="GHJ54" i="1" s="1"/>
  <c r="GHK54" i="1" s="1"/>
  <c r="GHL54" i="1" s="1"/>
  <c r="GHM54" i="1" s="1"/>
  <c r="GHN54" i="1" s="1"/>
  <c r="GHO54" i="1" s="1"/>
  <c r="GHP54" i="1" s="1"/>
  <c r="GHQ54" i="1" s="1"/>
  <c r="GHR54" i="1" s="1"/>
  <c r="GHS54" i="1" s="1"/>
  <c r="GHT54" i="1" s="1"/>
  <c r="GHU54" i="1" s="1"/>
  <c r="GHV54" i="1" s="1"/>
  <c r="GHW54" i="1" s="1"/>
  <c r="GHX54" i="1" s="1"/>
  <c r="GHY54" i="1" s="1"/>
  <c r="GHZ54" i="1" s="1"/>
  <c r="GIA54" i="1" s="1"/>
  <c r="GIB54" i="1" s="1"/>
  <c r="GIC54" i="1" s="1"/>
  <c r="GID54" i="1" s="1"/>
  <c r="GIE54" i="1" s="1"/>
  <c r="GIF54" i="1" s="1"/>
  <c r="GIG54" i="1" s="1"/>
  <c r="GIH54" i="1" s="1"/>
  <c r="GII54" i="1" s="1"/>
  <c r="GIJ54" i="1" s="1"/>
  <c r="GIK54" i="1" s="1"/>
  <c r="GIL54" i="1" s="1"/>
  <c r="GIM54" i="1" s="1"/>
  <c r="GIN54" i="1" s="1"/>
  <c r="GIO54" i="1" s="1"/>
  <c r="GIP54" i="1" s="1"/>
  <c r="GIQ54" i="1" s="1"/>
  <c r="GIR54" i="1" s="1"/>
  <c r="GIS54" i="1" s="1"/>
  <c r="GIT54" i="1" s="1"/>
  <c r="GIU54" i="1" s="1"/>
  <c r="GIV54" i="1" s="1"/>
  <c r="GIW54" i="1" s="1"/>
  <c r="GIX54" i="1" s="1"/>
  <c r="GIY54" i="1" s="1"/>
  <c r="GIZ54" i="1" s="1"/>
  <c r="GJA54" i="1" s="1"/>
  <c r="GJB54" i="1" s="1"/>
  <c r="GJC54" i="1" s="1"/>
  <c r="GJD54" i="1" s="1"/>
  <c r="GJE54" i="1" s="1"/>
  <c r="GJF54" i="1" s="1"/>
  <c r="GJG54" i="1" s="1"/>
  <c r="GJH54" i="1" s="1"/>
  <c r="GJI54" i="1" s="1"/>
  <c r="GJJ54" i="1" s="1"/>
  <c r="GJK54" i="1" s="1"/>
  <c r="GJL54" i="1" s="1"/>
  <c r="GJM54" i="1" s="1"/>
  <c r="GJN54" i="1" s="1"/>
  <c r="GJO54" i="1" s="1"/>
  <c r="GJP54" i="1" s="1"/>
  <c r="GJQ54" i="1" s="1"/>
  <c r="GJR54" i="1" s="1"/>
  <c r="GJS54" i="1" s="1"/>
  <c r="GJT54" i="1" s="1"/>
  <c r="GJU54" i="1" s="1"/>
  <c r="GJV54" i="1" s="1"/>
  <c r="GJW54" i="1" s="1"/>
  <c r="GJX54" i="1" s="1"/>
  <c r="GJY54" i="1" s="1"/>
  <c r="GJZ54" i="1" s="1"/>
  <c r="GKA54" i="1" s="1"/>
  <c r="GKB54" i="1" s="1"/>
  <c r="GKC54" i="1" s="1"/>
  <c r="GKD54" i="1" s="1"/>
  <c r="GKE54" i="1" s="1"/>
  <c r="GKF54" i="1" s="1"/>
  <c r="GKG54" i="1" s="1"/>
  <c r="GKH54" i="1" s="1"/>
  <c r="GKI54" i="1" s="1"/>
  <c r="GKJ54" i="1" s="1"/>
  <c r="GKK54" i="1" s="1"/>
  <c r="GKL54" i="1" s="1"/>
  <c r="GKM54" i="1" s="1"/>
  <c r="GKN54" i="1" s="1"/>
  <c r="GKO54" i="1" s="1"/>
  <c r="GKP54" i="1" s="1"/>
  <c r="GKQ54" i="1" s="1"/>
  <c r="GKR54" i="1" s="1"/>
  <c r="GKS54" i="1" s="1"/>
  <c r="GKT54" i="1" s="1"/>
  <c r="GKU54" i="1" s="1"/>
  <c r="GKV54" i="1" s="1"/>
  <c r="GKW54" i="1" s="1"/>
  <c r="GKX54" i="1" s="1"/>
  <c r="GKY54" i="1" s="1"/>
  <c r="GKZ54" i="1" s="1"/>
  <c r="GLA54" i="1" s="1"/>
  <c r="GLB54" i="1" s="1"/>
  <c r="GLC54" i="1" s="1"/>
  <c r="GLD54" i="1" s="1"/>
  <c r="GLE54" i="1" s="1"/>
  <c r="GLF54" i="1" s="1"/>
  <c r="GLG54" i="1" s="1"/>
  <c r="GLH54" i="1" s="1"/>
  <c r="GLI54" i="1" s="1"/>
  <c r="GLJ54" i="1" s="1"/>
  <c r="GLK54" i="1" s="1"/>
  <c r="GLL54" i="1" s="1"/>
  <c r="GLM54" i="1" s="1"/>
  <c r="GLN54" i="1" s="1"/>
  <c r="GLO54" i="1" s="1"/>
  <c r="GLP54" i="1" s="1"/>
  <c r="GLQ54" i="1" s="1"/>
  <c r="GLR54" i="1" s="1"/>
  <c r="GLS54" i="1" s="1"/>
  <c r="GLT54" i="1" s="1"/>
  <c r="GLU54" i="1" s="1"/>
  <c r="GLV54" i="1" s="1"/>
  <c r="GLW54" i="1" s="1"/>
  <c r="GLX54" i="1" s="1"/>
  <c r="GLY54" i="1" s="1"/>
  <c r="GLZ54" i="1" s="1"/>
  <c r="GMA54" i="1" s="1"/>
  <c r="GMB54" i="1" s="1"/>
  <c r="GMC54" i="1" s="1"/>
  <c r="GMD54" i="1" s="1"/>
  <c r="GME54" i="1" s="1"/>
  <c r="GMF54" i="1" s="1"/>
  <c r="GMG54" i="1" s="1"/>
  <c r="GMH54" i="1" s="1"/>
  <c r="GMI54" i="1" s="1"/>
  <c r="GMJ54" i="1" s="1"/>
  <c r="GMK54" i="1" s="1"/>
  <c r="GML54" i="1" s="1"/>
  <c r="GMM54" i="1" s="1"/>
  <c r="GMN54" i="1" s="1"/>
  <c r="GMO54" i="1" s="1"/>
  <c r="GMP54" i="1" s="1"/>
  <c r="GMQ54" i="1" s="1"/>
  <c r="GMR54" i="1" s="1"/>
  <c r="GMS54" i="1" s="1"/>
  <c r="GMT54" i="1" s="1"/>
  <c r="GMU54" i="1" s="1"/>
  <c r="GMV54" i="1" s="1"/>
  <c r="GMW54" i="1" s="1"/>
  <c r="GMX54" i="1" s="1"/>
  <c r="GMY54" i="1" s="1"/>
  <c r="GMZ54" i="1" s="1"/>
  <c r="GNA54" i="1" s="1"/>
  <c r="GNB54" i="1" s="1"/>
  <c r="GNC54" i="1" s="1"/>
  <c r="GND54" i="1" s="1"/>
  <c r="GNE54" i="1" s="1"/>
  <c r="GNF54" i="1" s="1"/>
  <c r="GNG54" i="1" s="1"/>
  <c r="GNH54" i="1" s="1"/>
  <c r="GNI54" i="1" s="1"/>
  <c r="GNJ54" i="1" s="1"/>
  <c r="GNK54" i="1" s="1"/>
  <c r="GNL54" i="1" s="1"/>
  <c r="GNM54" i="1" s="1"/>
  <c r="GNN54" i="1" s="1"/>
  <c r="GNO54" i="1" s="1"/>
  <c r="GNP54" i="1" s="1"/>
  <c r="GNQ54" i="1" s="1"/>
  <c r="GNR54" i="1" s="1"/>
  <c r="GNS54" i="1" s="1"/>
  <c r="GNT54" i="1" s="1"/>
  <c r="GNU54" i="1" s="1"/>
  <c r="GNV54" i="1" s="1"/>
  <c r="GNW54" i="1" s="1"/>
  <c r="GNX54" i="1" s="1"/>
  <c r="GNY54" i="1" s="1"/>
  <c r="GNZ54" i="1" s="1"/>
  <c r="GOA54" i="1" s="1"/>
  <c r="GOB54" i="1" s="1"/>
  <c r="GOC54" i="1" s="1"/>
  <c r="GOD54" i="1" s="1"/>
  <c r="GOE54" i="1" s="1"/>
  <c r="GOF54" i="1" s="1"/>
  <c r="GOG54" i="1" s="1"/>
  <c r="GOH54" i="1" s="1"/>
  <c r="GOI54" i="1" s="1"/>
  <c r="GOJ54" i="1" s="1"/>
  <c r="GOK54" i="1" s="1"/>
  <c r="GOL54" i="1" s="1"/>
  <c r="GOM54" i="1" s="1"/>
  <c r="GON54" i="1" s="1"/>
  <c r="GOO54" i="1" s="1"/>
  <c r="GOP54" i="1" s="1"/>
  <c r="GOQ54" i="1" s="1"/>
  <c r="GOR54" i="1" s="1"/>
  <c r="GOS54" i="1" s="1"/>
  <c r="GOT54" i="1" s="1"/>
  <c r="GOU54" i="1" s="1"/>
  <c r="GOV54" i="1" s="1"/>
  <c r="GOW54" i="1" s="1"/>
  <c r="GOX54" i="1" s="1"/>
  <c r="GOY54" i="1" s="1"/>
  <c r="GOZ54" i="1" s="1"/>
  <c r="GPA54" i="1" s="1"/>
  <c r="GPB54" i="1" s="1"/>
  <c r="GPC54" i="1" s="1"/>
  <c r="GPD54" i="1" s="1"/>
  <c r="GPE54" i="1" s="1"/>
  <c r="GPF54" i="1" s="1"/>
  <c r="GPG54" i="1" s="1"/>
  <c r="GPH54" i="1" s="1"/>
  <c r="GPI54" i="1" s="1"/>
  <c r="GPJ54" i="1" s="1"/>
  <c r="GPK54" i="1" s="1"/>
  <c r="GPL54" i="1" s="1"/>
  <c r="GPM54" i="1" s="1"/>
  <c r="GPN54" i="1" s="1"/>
  <c r="GPO54" i="1" s="1"/>
  <c r="GPP54" i="1" s="1"/>
  <c r="GPQ54" i="1" s="1"/>
  <c r="GPR54" i="1" s="1"/>
  <c r="GPS54" i="1" s="1"/>
  <c r="GPT54" i="1" s="1"/>
  <c r="GPU54" i="1" s="1"/>
  <c r="GPV54" i="1" s="1"/>
  <c r="GPW54" i="1" s="1"/>
  <c r="GPX54" i="1" s="1"/>
  <c r="GPY54" i="1" s="1"/>
  <c r="GPZ54" i="1" s="1"/>
  <c r="GQA54" i="1" s="1"/>
  <c r="GQB54" i="1" s="1"/>
  <c r="GQC54" i="1" s="1"/>
  <c r="GQD54" i="1" s="1"/>
  <c r="GQE54" i="1" s="1"/>
  <c r="GQF54" i="1" s="1"/>
  <c r="GQG54" i="1" s="1"/>
  <c r="GQH54" i="1" s="1"/>
  <c r="GQI54" i="1" s="1"/>
  <c r="GQJ54" i="1" s="1"/>
  <c r="GQK54" i="1" s="1"/>
  <c r="GQL54" i="1" s="1"/>
  <c r="GQM54" i="1" s="1"/>
  <c r="GQN54" i="1" s="1"/>
  <c r="GQO54" i="1" s="1"/>
  <c r="GQP54" i="1" s="1"/>
  <c r="GQQ54" i="1" s="1"/>
  <c r="GQR54" i="1" s="1"/>
  <c r="GQS54" i="1" s="1"/>
  <c r="GQT54" i="1" s="1"/>
  <c r="GQU54" i="1" s="1"/>
  <c r="GQV54" i="1" s="1"/>
  <c r="GQW54" i="1" s="1"/>
  <c r="GQX54" i="1" s="1"/>
  <c r="GQY54" i="1" s="1"/>
  <c r="GQZ54" i="1" s="1"/>
  <c r="GRA54" i="1" s="1"/>
  <c r="GRB54" i="1" s="1"/>
  <c r="GRC54" i="1" s="1"/>
  <c r="GRD54" i="1" s="1"/>
  <c r="GRE54" i="1" s="1"/>
  <c r="GRF54" i="1" s="1"/>
  <c r="GRG54" i="1" s="1"/>
  <c r="GRH54" i="1" s="1"/>
  <c r="GRI54" i="1" s="1"/>
  <c r="GRJ54" i="1" s="1"/>
  <c r="GRK54" i="1" s="1"/>
  <c r="GRL54" i="1" s="1"/>
  <c r="GRM54" i="1" s="1"/>
  <c r="GRN54" i="1" s="1"/>
  <c r="GRO54" i="1" s="1"/>
  <c r="GRP54" i="1" s="1"/>
  <c r="GRQ54" i="1" s="1"/>
  <c r="GRR54" i="1" s="1"/>
  <c r="GRS54" i="1" s="1"/>
  <c r="GRT54" i="1" s="1"/>
  <c r="GRU54" i="1" s="1"/>
  <c r="GRV54" i="1" s="1"/>
  <c r="GRW54" i="1" s="1"/>
  <c r="GRX54" i="1" s="1"/>
  <c r="GRY54" i="1" s="1"/>
  <c r="GRZ54" i="1" s="1"/>
  <c r="GSA54" i="1" s="1"/>
  <c r="GSB54" i="1" s="1"/>
  <c r="GSC54" i="1" s="1"/>
  <c r="GSD54" i="1" s="1"/>
  <c r="GSE54" i="1" s="1"/>
  <c r="GSF54" i="1" s="1"/>
  <c r="GSG54" i="1" s="1"/>
  <c r="GSH54" i="1" s="1"/>
  <c r="GSI54" i="1" s="1"/>
  <c r="GSJ54" i="1" s="1"/>
  <c r="GSK54" i="1" s="1"/>
  <c r="GSL54" i="1" s="1"/>
  <c r="GSM54" i="1" s="1"/>
  <c r="GSN54" i="1" s="1"/>
  <c r="GSO54" i="1" s="1"/>
  <c r="GSP54" i="1" s="1"/>
  <c r="GSQ54" i="1" s="1"/>
  <c r="GSR54" i="1" s="1"/>
  <c r="GSS54" i="1" s="1"/>
  <c r="GST54" i="1" s="1"/>
  <c r="GSU54" i="1" s="1"/>
  <c r="GSV54" i="1" s="1"/>
  <c r="GSW54" i="1" s="1"/>
  <c r="GSX54" i="1" s="1"/>
  <c r="GSY54" i="1" s="1"/>
  <c r="GSZ54" i="1" s="1"/>
  <c r="GTA54" i="1" s="1"/>
  <c r="GTB54" i="1" s="1"/>
  <c r="GTC54" i="1" s="1"/>
  <c r="GTD54" i="1" s="1"/>
  <c r="GTE54" i="1" s="1"/>
  <c r="GTF54" i="1" s="1"/>
  <c r="GTG54" i="1" s="1"/>
  <c r="GTH54" i="1" s="1"/>
  <c r="GTI54" i="1" s="1"/>
  <c r="GTJ54" i="1" s="1"/>
  <c r="GTK54" i="1" s="1"/>
  <c r="GTL54" i="1" s="1"/>
  <c r="GTM54" i="1" s="1"/>
  <c r="GTN54" i="1" s="1"/>
  <c r="GTO54" i="1" s="1"/>
  <c r="GTP54" i="1" s="1"/>
  <c r="GTQ54" i="1" s="1"/>
  <c r="GTR54" i="1" s="1"/>
  <c r="GTS54" i="1" s="1"/>
  <c r="GTT54" i="1" s="1"/>
  <c r="GTU54" i="1" s="1"/>
  <c r="GTV54" i="1" s="1"/>
  <c r="GTW54" i="1" s="1"/>
  <c r="GTX54" i="1" s="1"/>
  <c r="GTY54" i="1" s="1"/>
  <c r="GTZ54" i="1" s="1"/>
  <c r="GUA54" i="1" s="1"/>
  <c r="GUB54" i="1" s="1"/>
  <c r="GUC54" i="1" s="1"/>
  <c r="GUD54" i="1" s="1"/>
  <c r="GUE54" i="1" s="1"/>
  <c r="GUF54" i="1" s="1"/>
  <c r="GUG54" i="1" s="1"/>
  <c r="GUH54" i="1" s="1"/>
  <c r="GUI54" i="1" s="1"/>
  <c r="GUJ54" i="1" s="1"/>
  <c r="GUK54" i="1" s="1"/>
  <c r="GUL54" i="1" s="1"/>
  <c r="GUM54" i="1" s="1"/>
  <c r="GUN54" i="1" s="1"/>
  <c r="GUO54" i="1" s="1"/>
  <c r="GUP54" i="1" s="1"/>
  <c r="GUQ54" i="1" s="1"/>
  <c r="GUR54" i="1" s="1"/>
  <c r="GUS54" i="1" s="1"/>
  <c r="GUT54" i="1" s="1"/>
  <c r="GUU54" i="1" s="1"/>
  <c r="GUV54" i="1" s="1"/>
  <c r="GUW54" i="1" s="1"/>
  <c r="GUX54" i="1" s="1"/>
  <c r="GUY54" i="1" s="1"/>
  <c r="GUZ54" i="1" s="1"/>
  <c r="GVA54" i="1" s="1"/>
  <c r="GVB54" i="1" s="1"/>
  <c r="GVC54" i="1" s="1"/>
  <c r="GVD54" i="1" s="1"/>
  <c r="GVE54" i="1" s="1"/>
  <c r="GVF54" i="1" s="1"/>
  <c r="GVG54" i="1" s="1"/>
  <c r="GVH54" i="1" s="1"/>
  <c r="GVI54" i="1" s="1"/>
  <c r="GVJ54" i="1" s="1"/>
  <c r="GVK54" i="1" s="1"/>
  <c r="GVL54" i="1" s="1"/>
  <c r="GVM54" i="1" s="1"/>
  <c r="GVN54" i="1" s="1"/>
  <c r="GVO54" i="1" s="1"/>
  <c r="GVP54" i="1" s="1"/>
  <c r="GVQ54" i="1" s="1"/>
  <c r="GVR54" i="1" s="1"/>
  <c r="GVS54" i="1" s="1"/>
  <c r="GVT54" i="1" s="1"/>
  <c r="GVU54" i="1" s="1"/>
  <c r="GVV54" i="1" s="1"/>
  <c r="GVW54" i="1" s="1"/>
  <c r="GVX54" i="1" s="1"/>
  <c r="GVY54" i="1" s="1"/>
  <c r="GVZ54" i="1" s="1"/>
  <c r="GWA54" i="1" s="1"/>
  <c r="GWB54" i="1" s="1"/>
  <c r="GWC54" i="1" s="1"/>
  <c r="GWD54" i="1" s="1"/>
  <c r="GWE54" i="1" s="1"/>
  <c r="GWF54" i="1" s="1"/>
  <c r="GWG54" i="1" s="1"/>
  <c r="GWH54" i="1" s="1"/>
  <c r="GWI54" i="1" s="1"/>
  <c r="GWJ54" i="1" s="1"/>
  <c r="GWK54" i="1" s="1"/>
  <c r="GWL54" i="1" s="1"/>
  <c r="GWM54" i="1" s="1"/>
  <c r="GWN54" i="1" s="1"/>
  <c r="GWO54" i="1" s="1"/>
  <c r="GWP54" i="1" s="1"/>
  <c r="GWQ54" i="1" s="1"/>
  <c r="GWR54" i="1" s="1"/>
  <c r="GWS54" i="1" s="1"/>
  <c r="GWT54" i="1" s="1"/>
  <c r="GWU54" i="1" s="1"/>
  <c r="GWV54" i="1" s="1"/>
  <c r="GWW54" i="1" s="1"/>
  <c r="GWX54" i="1" s="1"/>
  <c r="GWY54" i="1" s="1"/>
  <c r="GWZ54" i="1" s="1"/>
  <c r="GXA54" i="1" s="1"/>
  <c r="GXB54" i="1" s="1"/>
  <c r="GXC54" i="1" s="1"/>
  <c r="GXD54" i="1" s="1"/>
  <c r="GXE54" i="1" s="1"/>
  <c r="GXF54" i="1" s="1"/>
  <c r="GXG54" i="1" s="1"/>
  <c r="GXH54" i="1" s="1"/>
  <c r="GXI54" i="1" s="1"/>
  <c r="GXJ54" i="1" s="1"/>
  <c r="GXK54" i="1" s="1"/>
  <c r="GXL54" i="1" s="1"/>
  <c r="GXM54" i="1" s="1"/>
  <c r="GXN54" i="1" s="1"/>
  <c r="GXO54" i="1" s="1"/>
  <c r="GXP54" i="1" s="1"/>
  <c r="GXQ54" i="1" s="1"/>
  <c r="GXR54" i="1" s="1"/>
  <c r="GXS54" i="1" s="1"/>
  <c r="GXT54" i="1" s="1"/>
  <c r="GXU54" i="1" s="1"/>
  <c r="GXV54" i="1" s="1"/>
  <c r="GXW54" i="1" s="1"/>
  <c r="GXX54" i="1" s="1"/>
  <c r="GXY54" i="1" s="1"/>
  <c r="GXZ54" i="1" s="1"/>
  <c r="GYA54" i="1" s="1"/>
  <c r="GYB54" i="1" s="1"/>
  <c r="GYC54" i="1" s="1"/>
  <c r="GYD54" i="1" s="1"/>
  <c r="GYE54" i="1" s="1"/>
  <c r="GYF54" i="1" s="1"/>
  <c r="GYG54" i="1" s="1"/>
  <c r="GYH54" i="1" s="1"/>
  <c r="GYI54" i="1" s="1"/>
  <c r="GYJ54" i="1" s="1"/>
  <c r="GYK54" i="1" s="1"/>
  <c r="GYL54" i="1" s="1"/>
  <c r="GYM54" i="1" s="1"/>
  <c r="GYN54" i="1" s="1"/>
  <c r="GYO54" i="1" s="1"/>
  <c r="GYP54" i="1" s="1"/>
  <c r="GYQ54" i="1" s="1"/>
  <c r="GYR54" i="1" s="1"/>
  <c r="GYS54" i="1" s="1"/>
  <c r="GYT54" i="1" s="1"/>
  <c r="GYU54" i="1" s="1"/>
  <c r="GYV54" i="1" s="1"/>
  <c r="GYW54" i="1" s="1"/>
  <c r="GYX54" i="1" s="1"/>
  <c r="GYY54" i="1" s="1"/>
  <c r="GYZ54" i="1" s="1"/>
  <c r="GZA54" i="1" s="1"/>
  <c r="GZB54" i="1" s="1"/>
  <c r="GZC54" i="1" s="1"/>
  <c r="GZD54" i="1" s="1"/>
  <c r="GZE54" i="1" s="1"/>
  <c r="GZF54" i="1" s="1"/>
  <c r="GZG54" i="1" s="1"/>
  <c r="GZH54" i="1" s="1"/>
  <c r="GZI54" i="1" s="1"/>
  <c r="GZJ54" i="1" s="1"/>
  <c r="GZK54" i="1" s="1"/>
  <c r="GZL54" i="1" s="1"/>
  <c r="GZM54" i="1" s="1"/>
  <c r="GZN54" i="1" s="1"/>
  <c r="GZO54" i="1" s="1"/>
  <c r="GZP54" i="1" s="1"/>
  <c r="GZQ54" i="1" s="1"/>
  <c r="GZR54" i="1" s="1"/>
  <c r="GZS54" i="1" s="1"/>
  <c r="GZT54" i="1" s="1"/>
  <c r="GZU54" i="1" s="1"/>
  <c r="GZV54" i="1" s="1"/>
  <c r="GZW54" i="1" s="1"/>
  <c r="GZX54" i="1" s="1"/>
  <c r="GZY54" i="1" s="1"/>
  <c r="GZZ54" i="1" s="1"/>
  <c r="HAA54" i="1" s="1"/>
  <c r="HAB54" i="1" s="1"/>
  <c r="HAC54" i="1" s="1"/>
  <c r="HAD54" i="1" s="1"/>
  <c r="HAE54" i="1" s="1"/>
  <c r="HAF54" i="1" s="1"/>
  <c r="HAG54" i="1" s="1"/>
  <c r="HAH54" i="1" s="1"/>
  <c r="HAI54" i="1" s="1"/>
  <c r="HAJ54" i="1" s="1"/>
  <c r="HAK54" i="1" s="1"/>
  <c r="HAL54" i="1" s="1"/>
  <c r="HAM54" i="1" s="1"/>
  <c r="HAN54" i="1" s="1"/>
  <c r="HAO54" i="1" s="1"/>
  <c r="HAP54" i="1" s="1"/>
  <c r="HAQ54" i="1" s="1"/>
  <c r="HAR54" i="1" s="1"/>
  <c r="HAS54" i="1" s="1"/>
  <c r="HAT54" i="1" s="1"/>
  <c r="HAU54" i="1" s="1"/>
  <c r="HAV54" i="1" s="1"/>
  <c r="HAW54" i="1" s="1"/>
  <c r="HAX54" i="1" s="1"/>
  <c r="HAY54" i="1" s="1"/>
  <c r="HAZ54" i="1" s="1"/>
  <c r="HBA54" i="1" s="1"/>
  <c r="HBB54" i="1" s="1"/>
  <c r="HBC54" i="1" s="1"/>
  <c r="HBD54" i="1" s="1"/>
  <c r="HBE54" i="1" s="1"/>
  <c r="HBF54" i="1" s="1"/>
  <c r="HBG54" i="1" s="1"/>
  <c r="HBH54" i="1" s="1"/>
  <c r="HBI54" i="1" s="1"/>
  <c r="HBJ54" i="1" s="1"/>
  <c r="HBK54" i="1" s="1"/>
  <c r="HBL54" i="1" s="1"/>
  <c r="HBM54" i="1" s="1"/>
  <c r="HBN54" i="1" s="1"/>
  <c r="HBO54" i="1" s="1"/>
  <c r="HBP54" i="1" s="1"/>
  <c r="HBQ54" i="1" s="1"/>
  <c r="HBR54" i="1" s="1"/>
  <c r="HBS54" i="1" s="1"/>
  <c r="HBT54" i="1" s="1"/>
  <c r="HBU54" i="1" s="1"/>
  <c r="HBV54" i="1" s="1"/>
  <c r="HBW54" i="1" s="1"/>
  <c r="HBX54" i="1" s="1"/>
  <c r="HBY54" i="1" s="1"/>
  <c r="HBZ54" i="1" s="1"/>
  <c r="HCA54" i="1" s="1"/>
  <c r="HCB54" i="1" s="1"/>
  <c r="HCC54" i="1" s="1"/>
  <c r="HCD54" i="1" s="1"/>
  <c r="HCE54" i="1" s="1"/>
  <c r="HCF54" i="1" s="1"/>
  <c r="HCG54" i="1" s="1"/>
  <c r="HCH54" i="1" s="1"/>
  <c r="HCI54" i="1" s="1"/>
  <c r="HCJ54" i="1" s="1"/>
  <c r="HCK54" i="1" s="1"/>
  <c r="HCL54" i="1" s="1"/>
  <c r="HCM54" i="1" s="1"/>
  <c r="HCN54" i="1" s="1"/>
  <c r="HCO54" i="1" s="1"/>
  <c r="HCP54" i="1" s="1"/>
  <c r="HCQ54" i="1" s="1"/>
  <c r="HCR54" i="1" s="1"/>
  <c r="HCS54" i="1" s="1"/>
  <c r="HCT54" i="1" s="1"/>
  <c r="HCU54" i="1" s="1"/>
  <c r="HCV54" i="1" s="1"/>
  <c r="HCW54" i="1" s="1"/>
  <c r="HCX54" i="1" s="1"/>
  <c r="HCY54" i="1" s="1"/>
  <c r="HCZ54" i="1" s="1"/>
  <c r="HDA54" i="1" s="1"/>
  <c r="HDB54" i="1" s="1"/>
  <c r="HDC54" i="1" s="1"/>
  <c r="HDD54" i="1" s="1"/>
  <c r="HDE54" i="1" s="1"/>
  <c r="HDF54" i="1" s="1"/>
  <c r="HDG54" i="1" s="1"/>
  <c r="HDH54" i="1" s="1"/>
  <c r="HDI54" i="1" s="1"/>
  <c r="HDJ54" i="1" s="1"/>
  <c r="HDK54" i="1" s="1"/>
  <c r="HDL54" i="1" s="1"/>
  <c r="HDM54" i="1" s="1"/>
  <c r="HDN54" i="1" s="1"/>
  <c r="HDO54" i="1" s="1"/>
  <c r="HDP54" i="1" s="1"/>
  <c r="HDQ54" i="1" s="1"/>
  <c r="HDR54" i="1" s="1"/>
  <c r="HDS54" i="1" s="1"/>
  <c r="HDT54" i="1" s="1"/>
  <c r="HDU54" i="1" s="1"/>
  <c r="HDV54" i="1" s="1"/>
  <c r="HDW54" i="1" s="1"/>
  <c r="HDX54" i="1" s="1"/>
  <c r="HDY54" i="1" s="1"/>
  <c r="HDZ54" i="1" s="1"/>
  <c r="HEA54" i="1" s="1"/>
  <c r="HEB54" i="1" s="1"/>
  <c r="HEC54" i="1" s="1"/>
  <c r="HED54" i="1" s="1"/>
  <c r="HEE54" i="1" s="1"/>
  <c r="HEF54" i="1" s="1"/>
  <c r="HEG54" i="1" s="1"/>
  <c r="HEH54" i="1" s="1"/>
  <c r="HEI54" i="1" s="1"/>
  <c r="HEJ54" i="1" s="1"/>
  <c r="HEK54" i="1" s="1"/>
  <c r="HEL54" i="1" s="1"/>
  <c r="HEM54" i="1" s="1"/>
  <c r="HEN54" i="1" s="1"/>
  <c r="HEO54" i="1" s="1"/>
  <c r="HEP54" i="1" s="1"/>
  <c r="HEQ54" i="1" s="1"/>
  <c r="HER54" i="1" s="1"/>
  <c r="HES54" i="1" s="1"/>
  <c r="HET54" i="1" s="1"/>
  <c r="HEU54" i="1" s="1"/>
  <c r="HEV54" i="1" s="1"/>
  <c r="HEW54" i="1" s="1"/>
  <c r="HEX54" i="1" s="1"/>
  <c r="HEY54" i="1" s="1"/>
  <c r="HEZ54" i="1" s="1"/>
  <c r="HFA54" i="1" s="1"/>
  <c r="HFB54" i="1" s="1"/>
  <c r="HFC54" i="1" s="1"/>
  <c r="HFD54" i="1" s="1"/>
  <c r="HFE54" i="1" s="1"/>
  <c r="HFF54" i="1" s="1"/>
  <c r="HFG54" i="1" s="1"/>
  <c r="HFH54" i="1" s="1"/>
  <c r="HFI54" i="1" s="1"/>
  <c r="HFJ54" i="1" s="1"/>
  <c r="HFK54" i="1" s="1"/>
  <c r="HFL54" i="1" s="1"/>
  <c r="HFM54" i="1" s="1"/>
  <c r="HFN54" i="1" s="1"/>
  <c r="HFO54" i="1" s="1"/>
  <c r="HFP54" i="1" s="1"/>
  <c r="HFQ54" i="1" s="1"/>
  <c r="HFR54" i="1" s="1"/>
  <c r="HFS54" i="1" s="1"/>
  <c r="HFT54" i="1" s="1"/>
  <c r="HFU54" i="1" s="1"/>
  <c r="HFV54" i="1" s="1"/>
  <c r="HFW54" i="1" s="1"/>
  <c r="HFX54" i="1" s="1"/>
  <c r="HFY54" i="1" s="1"/>
  <c r="HFZ54" i="1" s="1"/>
  <c r="HGA54" i="1" s="1"/>
  <c r="HGB54" i="1" s="1"/>
  <c r="HGC54" i="1" s="1"/>
  <c r="HGD54" i="1" s="1"/>
  <c r="HGE54" i="1" s="1"/>
  <c r="HGF54" i="1" s="1"/>
  <c r="HGG54" i="1" s="1"/>
  <c r="HGH54" i="1" s="1"/>
  <c r="HGI54" i="1" s="1"/>
  <c r="HGJ54" i="1" s="1"/>
  <c r="HGK54" i="1" s="1"/>
  <c r="HGL54" i="1" s="1"/>
  <c r="HGM54" i="1" s="1"/>
  <c r="HGN54" i="1" s="1"/>
  <c r="HGO54" i="1" s="1"/>
  <c r="HGP54" i="1" s="1"/>
  <c r="HGQ54" i="1" s="1"/>
  <c r="HGR54" i="1" s="1"/>
  <c r="HGS54" i="1" s="1"/>
  <c r="HGT54" i="1" s="1"/>
  <c r="HGU54" i="1" s="1"/>
  <c r="HGV54" i="1" s="1"/>
  <c r="HGW54" i="1" s="1"/>
  <c r="HGX54" i="1" s="1"/>
  <c r="HGY54" i="1" s="1"/>
  <c r="HGZ54" i="1" s="1"/>
  <c r="HHA54" i="1" s="1"/>
  <c r="HHB54" i="1" s="1"/>
  <c r="HHC54" i="1" s="1"/>
  <c r="HHD54" i="1" s="1"/>
  <c r="HHE54" i="1" s="1"/>
  <c r="HHF54" i="1" s="1"/>
  <c r="HHG54" i="1" s="1"/>
  <c r="HHH54" i="1" s="1"/>
  <c r="HHI54" i="1" s="1"/>
  <c r="HHJ54" i="1" s="1"/>
  <c r="HHK54" i="1" s="1"/>
  <c r="HHL54" i="1" s="1"/>
  <c r="HHM54" i="1" s="1"/>
  <c r="HHN54" i="1" s="1"/>
  <c r="HHO54" i="1" s="1"/>
  <c r="HHP54" i="1" s="1"/>
  <c r="HHQ54" i="1" s="1"/>
  <c r="HHR54" i="1" s="1"/>
  <c r="HHS54" i="1" s="1"/>
  <c r="HHT54" i="1" s="1"/>
  <c r="HHU54" i="1" s="1"/>
  <c r="HHV54" i="1" s="1"/>
  <c r="HHW54" i="1" s="1"/>
  <c r="HHX54" i="1" s="1"/>
  <c r="HHY54" i="1" s="1"/>
  <c r="HHZ54" i="1" s="1"/>
  <c r="HIA54" i="1" s="1"/>
  <c r="HIB54" i="1" s="1"/>
  <c r="HIC54" i="1" s="1"/>
  <c r="HID54" i="1" s="1"/>
  <c r="HIE54" i="1" s="1"/>
  <c r="HIF54" i="1" s="1"/>
  <c r="HIG54" i="1" s="1"/>
  <c r="HIH54" i="1" s="1"/>
  <c r="HII54" i="1" s="1"/>
  <c r="HIJ54" i="1" s="1"/>
  <c r="HIK54" i="1" s="1"/>
  <c r="HIL54" i="1" s="1"/>
  <c r="HIM54" i="1" s="1"/>
  <c r="HIN54" i="1" s="1"/>
  <c r="HIO54" i="1" s="1"/>
  <c r="HIP54" i="1" s="1"/>
  <c r="HIQ54" i="1" s="1"/>
  <c r="HIR54" i="1" s="1"/>
  <c r="HIS54" i="1" s="1"/>
  <c r="HIT54" i="1" s="1"/>
  <c r="HIU54" i="1" s="1"/>
  <c r="HIV54" i="1" s="1"/>
  <c r="HIW54" i="1" s="1"/>
  <c r="HIX54" i="1" s="1"/>
  <c r="HIY54" i="1" s="1"/>
  <c r="HIZ54" i="1" s="1"/>
  <c r="HJA54" i="1" s="1"/>
  <c r="HJB54" i="1" s="1"/>
  <c r="HJC54" i="1" s="1"/>
  <c r="HJD54" i="1" s="1"/>
  <c r="HJE54" i="1" s="1"/>
  <c r="HJF54" i="1" s="1"/>
  <c r="HJG54" i="1" s="1"/>
  <c r="HJH54" i="1" s="1"/>
  <c r="HJI54" i="1" s="1"/>
  <c r="HJJ54" i="1" s="1"/>
  <c r="HJK54" i="1" s="1"/>
  <c r="HJL54" i="1" s="1"/>
  <c r="HJM54" i="1" s="1"/>
  <c r="HJN54" i="1" s="1"/>
  <c r="HJO54" i="1" s="1"/>
  <c r="HJP54" i="1" s="1"/>
  <c r="HJQ54" i="1" s="1"/>
  <c r="HJR54" i="1" s="1"/>
  <c r="HJS54" i="1" s="1"/>
  <c r="HJT54" i="1" s="1"/>
  <c r="HJU54" i="1" s="1"/>
  <c r="HJV54" i="1" s="1"/>
  <c r="HJW54" i="1" s="1"/>
  <c r="HJX54" i="1" s="1"/>
  <c r="HJY54" i="1" s="1"/>
  <c r="HJZ54" i="1" s="1"/>
  <c r="HKA54" i="1" s="1"/>
  <c r="HKB54" i="1" s="1"/>
  <c r="HKC54" i="1" s="1"/>
  <c r="HKD54" i="1" s="1"/>
  <c r="HKE54" i="1" s="1"/>
  <c r="HKF54" i="1" s="1"/>
  <c r="HKG54" i="1" s="1"/>
  <c r="HKH54" i="1" s="1"/>
  <c r="HKI54" i="1" s="1"/>
  <c r="HKJ54" i="1" s="1"/>
  <c r="HKK54" i="1" s="1"/>
  <c r="HKL54" i="1" s="1"/>
  <c r="HKM54" i="1" s="1"/>
  <c r="HKN54" i="1" s="1"/>
  <c r="HKO54" i="1" s="1"/>
  <c r="HKP54" i="1" s="1"/>
  <c r="HKQ54" i="1" s="1"/>
  <c r="HKR54" i="1" s="1"/>
  <c r="HKS54" i="1" s="1"/>
  <c r="HKT54" i="1" s="1"/>
  <c r="HKU54" i="1" s="1"/>
  <c r="HKV54" i="1" s="1"/>
  <c r="HKW54" i="1" s="1"/>
  <c r="HKX54" i="1" s="1"/>
  <c r="HKY54" i="1" s="1"/>
  <c r="HKZ54" i="1" s="1"/>
  <c r="HLA54" i="1" s="1"/>
  <c r="HLB54" i="1" s="1"/>
  <c r="HLC54" i="1" s="1"/>
  <c r="HLD54" i="1" s="1"/>
  <c r="HLE54" i="1" s="1"/>
  <c r="HLF54" i="1" s="1"/>
  <c r="HLG54" i="1" s="1"/>
  <c r="HLH54" i="1" s="1"/>
  <c r="HLI54" i="1" s="1"/>
  <c r="HLJ54" i="1" s="1"/>
  <c r="HLK54" i="1" s="1"/>
  <c r="HLL54" i="1" s="1"/>
  <c r="HLM54" i="1" s="1"/>
  <c r="HLN54" i="1" s="1"/>
  <c r="HLO54" i="1" s="1"/>
  <c r="HLP54" i="1" s="1"/>
  <c r="HLQ54" i="1" s="1"/>
  <c r="HLR54" i="1" s="1"/>
  <c r="HLS54" i="1" s="1"/>
  <c r="HLT54" i="1" s="1"/>
  <c r="HLU54" i="1" s="1"/>
  <c r="HLV54" i="1" s="1"/>
  <c r="HLW54" i="1" s="1"/>
  <c r="HLX54" i="1" s="1"/>
  <c r="HLY54" i="1" s="1"/>
  <c r="HLZ54" i="1" s="1"/>
  <c r="HMA54" i="1" s="1"/>
  <c r="HMB54" i="1" s="1"/>
  <c r="HMC54" i="1" s="1"/>
  <c r="HMD54" i="1" s="1"/>
  <c r="HME54" i="1" s="1"/>
  <c r="HMF54" i="1" s="1"/>
  <c r="HMG54" i="1" s="1"/>
  <c r="HMH54" i="1" s="1"/>
  <c r="HMI54" i="1" s="1"/>
  <c r="HMJ54" i="1" s="1"/>
  <c r="HMK54" i="1" s="1"/>
  <c r="HML54" i="1" s="1"/>
  <c r="HMM54" i="1" s="1"/>
  <c r="HMN54" i="1" s="1"/>
  <c r="HMO54" i="1" s="1"/>
  <c r="HMP54" i="1" s="1"/>
  <c r="HMQ54" i="1" s="1"/>
  <c r="HMR54" i="1" s="1"/>
  <c r="HMS54" i="1" s="1"/>
  <c r="HMT54" i="1" s="1"/>
  <c r="HMU54" i="1" s="1"/>
  <c r="HMV54" i="1" s="1"/>
  <c r="HMW54" i="1" s="1"/>
  <c r="HMX54" i="1" s="1"/>
  <c r="HMY54" i="1" s="1"/>
  <c r="HMZ54" i="1" s="1"/>
  <c r="HNA54" i="1" s="1"/>
  <c r="HNB54" i="1" s="1"/>
  <c r="HNC54" i="1" s="1"/>
  <c r="HND54" i="1" s="1"/>
  <c r="HNE54" i="1" s="1"/>
  <c r="HNF54" i="1" s="1"/>
  <c r="HNG54" i="1" s="1"/>
  <c r="HNH54" i="1" s="1"/>
  <c r="HNI54" i="1" s="1"/>
  <c r="HNJ54" i="1" s="1"/>
  <c r="HNK54" i="1" s="1"/>
  <c r="HNL54" i="1" s="1"/>
  <c r="HNM54" i="1" s="1"/>
  <c r="HNN54" i="1" s="1"/>
  <c r="HNO54" i="1" s="1"/>
  <c r="HNP54" i="1" s="1"/>
  <c r="HNQ54" i="1" s="1"/>
  <c r="HNR54" i="1" s="1"/>
  <c r="HNS54" i="1" s="1"/>
  <c r="HNT54" i="1" s="1"/>
  <c r="HNU54" i="1" s="1"/>
  <c r="HNV54" i="1" s="1"/>
  <c r="HNW54" i="1" s="1"/>
  <c r="HNX54" i="1" s="1"/>
  <c r="HNY54" i="1" s="1"/>
  <c r="HNZ54" i="1" s="1"/>
  <c r="HOA54" i="1" s="1"/>
  <c r="HOB54" i="1" s="1"/>
  <c r="HOC54" i="1" s="1"/>
  <c r="HOD54" i="1" s="1"/>
  <c r="HOE54" i="1" s="1"/>
  <c r="HOF54" i="1" s="1"/>
  <c r="HOG54" i="1" s="1"/>
  <c r="HOH54" i="1" s="1"/>
  <c r="HOI54" i="1" s="1"/>
  <c r="HOJ54" i="1" s="1"/>
  <c r="HOK54" i="1" s="1"/>
  <c r="HOL54" i="1" s="1"/>
  <c r="HOM54" i="1" s="1"/>
  <c r="HON54" i="1" s="1"/>
  <c r="HOO54" i="1" s="1"/>
  <c r="HOP54" i="1" s="1"/>
  <c r="HOQ54" i="1" s="1"/>
  <c r="HOR54" i="1" s="1"/>
  <c r="HOS54" i="1" s="1"/>
  <c r="HOT54" i="1" s="1"/>
  <c r="HOU54" i="1" s="1"/>
  <c r="HOV54" i="1" s="1"/>
  <c r="HOW54" i="1" s="1"/>
  <c r="HOX54" i="1" s="1"/>
  <c r="HOY54" i="1" s="1"/>
  <c r="HOZ54" i="1" s="1"/>
  <c r="HPA54" i="1" s="1"/>
  <c r="HPB54" i="1" s="1"/>
  <c r="HPC54" i="1" s="1"/>
  <c r="HPD54" i="1" s="1"/>
  <c r="HPE54" i="1" s="1"/>
  <c r="HPF54" i="1" s="1"/>
  <c r="HPG54" i="1" s="1"/>
  <c r="HPH54" i="1" s="1"/>
  <c r="HPI54" i="1" s="1"/>
  <c r="HPJ54" i="1" s="1"/>
  <c r="HPK54" i="1" s="1"/>
  <c r="HPL54" i="1" s="1"/>
  <c r="HPM54" i="1" s="1"/>
  <c r="HPN54" i="1" s="1"/>
  <c r="HPO54" i="1" s="1"/>
  <c r="HPP54" i="1" s="1"/>
  <c r="HPQ54" i="1" s="1"/>
  <c r="HPR54" i="1" s="1"/>
  <c r="HPS54" i="1" s="1"/>
  <c r="HPT54" i="1" s="1"/>
  <c r="HPU54" i="1" s="1"/>
  <c r="HPV54" i="1" s="1"/>
  <c r="HPW54" i="1" s="1"/>
  <c r="HPX54" i="1" s="1"/>
  <c r="HPY54" i="1" s="1"/>
  <c r="HPZ54" i="1" s="1"/>
  <c r="HQA54" i="1" s="1"/>
  <c r="HQB54" i="1" s="1"/>
  <c r="HQC54" i="1" s="1"/>
  <c r="HQD54" i="1" s="1"/>
  <c r="HQE54" i="1" s="1"/>
  <c r="HQF54" i="1" s="1"/>
  <c r="HQG54" i="1" s="1"/>
  <c r="HQH54" i="1" s="1"/>
  <c r="HQI54" i="1" s="1"/>
  <c r="HQJ54" i="1" s="1"/>
  <c r="HQK54" i="1" s="1"/>
  <c r="HQL54" i="1" s="1"/>
  <c r="HQM54" i="1" s="1"/>
  <c r="HQN54" i="1" s="1"/>
  <c r="HQO54" i="1" s="1"/>
  <c r="HQP54" i="1" s="1"/>
  <c r="HQQ54" i="1" s="1"/>
  <c r="HQR54" i="1" s="1"/>
  <c r="HQS54" i="1" s="1"/>
  <c r="HQT54" i="1" s="1"/>
  <c r="HQU54" i="1" s="1"/>
  <c r="HQV54" i="1" s="1"/>
  <c r="HQW54" i="1" s="1"/>
  <c r="HQX54" i="1" s="1"/>
  <c r="HQY54" i="1" s="1"/>
  <c r="HQZ54" i="1" s="1"/>
  <c r="HRA54" i="1" s="1"/>
  <c r="HRB54" i="1" s="1"/>
  <c r="HRC54" i="1" s="1"/>
  <c r="HRD54" i="1" s="1"/>
  <c r="HRE54" i="1" s="1"/>
  <c r="HRF54" i="1" s="1"/>
  <c r="HRG54" i="1" s="1"/>
  <c r="HRH54" i="1" s="1"/>
  <c r="HRI54" i="1" s="1"/>
  <c r="HRJ54" i="1" s="1"/>
  <c r="HRK54" i="1" s="1"/>
  <c r="HRL54" i="1" s="1"/>
  <c r="HRM54" i="1" s="1"/>
  <c r="HRN54" i="1" s="1"/>
  <c r="HRO54" i="1" s="1"/>
  <c r="HRP54" i="1" s="1"/>
  <c r="HRQ54" i="1" s="1"/>
  <c r="HRR54" i="1" s="1"/>
  <c r="HRS54" i="1" s="1"/>
  <c r="HRT54" i="1" s="1"/>
  <c r="HRU54" i="1" s="1"/>
  <c r="HRV54" i="1" s="1"/>
  <c r="HRW54" i="1" s="1"/>
  <c r="HRX54" i="1" s="1"/>
  <c r="HRY54" i="1" s="1"/>
  <c r="HRZ54" i="1" s="1"/>
  <c r="HSA54" i="1" s="1"/>
  <c r="HSB54" i="1" s="1"/>
  <c r="HSC54" i="1" s="1"/>
  <c r="HSD54" i="1" s="1"/>
  <c r="HSE54" i="1" s="1"/>
  <c r="HSF54" i="1" s="1"/>
  <c r="HSG54" i="1" s="1"/>
  <c r="HSH54" i="1" s="1"/>
  <c r="HSI54" i="1" s="1"/>
  <c r="HSJ54" i="1" s="1"/>
  <c r="HSK54" i="1" s="1"/>
  <c r="HSL54" i="1" s="1"/>
  <c r="HSM54" i="1" s="1"/>
  <c r="HSN54" i="1" s="1"/>
  <c r="HSO54" i="1" s="1"/>
  <c r="HSP54" i="1" s="1"/>
  <c r="HSQ54" i="1" s="1"/>
  <c r="HSR54" i="1" s="1"/>
  <c r="HSS54" i="1" s="1"/>
  <c r="HST54" i="1" s="1"/>
  <c r="HSU54" i="1" s="1"/>
  <c r="HSV54" i="1" s="1"/>
  <c r="HSW54" i="1" s="1"/>
  <c r="HSX54" i="1" s="1"/>
  <c r="HSY54" i="1" s="1"/>
  <c r="HSZ54" i="1" s="1"/>
  <c r="HTA54" i="1" s="1"/>
  <c r="HTB54" i="1" s="1"/>
  <c r="HTC54" i="1" s="1"/>
  <c r="HTD54" i="1" s="1"/>
  <c r="HTE54" i="1" s="1"/>
  <c r="HTF54" i="1" s="1"/>
  <c r="HTG54" i="1" s="1"/>
  <c r="HTH54" i="1" s="1"/>
  <c r="HTI54" i="1" s="1"/>
  <c r="HTJ54" i="1" s="1"/>
  <c r="HTK54" i="1" s="1"/>
  <c r="HTL54" i="1" s="1"/>
  <c r="HTM54" i="1" s="1"/>
  <c r="HTN54" i="1" s="1"/>
  <c r="HTO54" i="1" s="1"/>
  <c r="HTP54" i="1" s="1"/>
  <c r="HTQ54" i="1" s="1"/>
  <c r="HTR54" i="1" s="1"/>
  <c r="HTS54" i="1" s="1"/>
  <c r="HTT54" i="1" s="1"/>
  <c r="HTU54" i="1" s="1"/>
  <c r="HTV54" i="1" s="1"/>
  <c r="HTW54" i="1" s="1"/>
  <c r="HTX54" i="1" s="1"/>
  <c r="HTY54" i="1" s="1"/>
  <c r="HTZ54" i="1" s="1"/>
  <c r="HUA54" i="1" s="1"/>
  <c r="HUB54" i="1" s="1"/>
  <c r="HUC54" i="1" s="1"/>
  <c r="HUD54" i="1" s="1"/>
  <c r="HUE54" i="1" s="1"/>
  <c r="HUF54" i="1" s="1"/>
  <c r="HUG54" i="1" s="1"/>
  <c r="HUH54" i="1" s="1"/>
  <c r="HUI54" i="1" s="1"/>
  <c r="HUJ54" i="1" s="1"/>
  <c r="HUK54" i="1" s="1"/>
  <c r="HUL54" i="1" s="1"/>
  <c r="HUM54" i="1" s="1"/>
  <c r="HUN54" i="1" s="1"/>
  <c r="HUO54" i="1" s="1"/>
  <c r="HUP54" i="1" s="1"/>
  <c r="HUQ54" i="1" s="1"/>
  <c r="HUR54" i="1" s="1"/>
  <c r="HUS54" i="1" s="1"/>
  <c r="HUT54" i="1" s="1"/>
  <c r="HUU54" i="1" s="1"/>
  <c r="HUV54" i="1" s="1"/>
  <c r="HUW54" i="1" s="1"/>
  <c r="HUX54" i="1" s="1"/>
  <c r="HUY54" i="1" s="1"/>
  <c r="HUZ54" i="1" s="1"/>
  <c r="HVA54" i="1" s="1"/>
  <c r="HVB54" i="1" s="1"/>
  <c r="HVC54" i="1" s="1"/>
  <c r="HVD54" i="1" s="1"/>
  <c r="HVE54" i="1" s="1"/>
  <c r="HVF54" i="1" s="1"/>
  <c r="HVG54" i="1" s="1"/>
  <c r="HVH54" i="1" s="1"/>
  <c r="HVI54" i="1" s="1"/>
  <c r="HVJ54" i="1" s="1"/>
  <c r="HVK54" i="1" s="1"/>
  <c r="HVL54" i="1" s="1"/>
  <c r="HVM54" i="1" s="1"/>
  <c r="HVN54" i="1" s="1"/>
  <c r="HVO54" i="1" s="1"/>
  <c r="HVP54" i="1" s="1"/>
  <c r="HVQ54" i="1" s="1"/>
  <c r="HVR54" i="1" s="1"/>
  <c r="HVS54" i="1" s="1"/>
  <c r="HVT54" i="1" s="1"/>
  <c r="HVU54" i="1" s="1"/>
  <c r="HVV54" i="1" s="1"/>
  <c r="HVW54" i="1" s="1"/>
  <c r="HVX54" i="1" s="1"/>
  <c r="HVY54" i="1" s="1"/>
  <c r="HVZ54" i="1" s="1"/>
  <c r="HWA54" i="1" s="1"/>
  <c r="HWB54" i="1" s="1"/>
  <c r="HWC54" i="1" s="1"/>
  <c r="HWD54" i="1" s="1"/>
  <c r="HWE54" i="1" s="1"/>
  <c r="HWF54" i="1" s="1"/>
  <c r="HWG54" i="1" s="1"/>
  <c r="HWH54" i="1" s="1"/>
  <c r="HWI54" i="1" s="1"/>
  <c r="HWJ54" i="1" s="1"/>
  <c r="HWK54" i="1" s="1"/>
  <c r="HWL54" i="1" s="1"/>
  <c r="HWM54" i="1" s="1"/>
  <c r="HWN54" i="1" s="1"/>
  <c r="HWO54" i="1" s="1"/>
  <c r="HWP54" i="1" s="1"/>
  <c r="HWQ54" i="1" s="1"/>
  <c r="HWR54" i="1" s="1"/>
  <c r="HWS54" i="1" s="1"/>
  <c r="HWT54" i="1" s="1"/>
  <c r="HWU54" i="1" s="1"/>
  <c r="HWV54" i="1" s="1"/>
  <c r="HWW54" i="1" s="1"/>
  <c r="HWX54" i="1" s="1"/>
  <c r="HWY54" i="1" s="1"/>
  <c r="HWZ54" i="1" s="1"/>
  <c r="HXA54" i="1" s="1"/>
  <c r="HXB54" i="1" s="1"/>
  <c r="HXC54" i="1" s="1"/>
  <c r="HXD54" i="1" s="1"/>
  <c r="HXE54" i="1" s="1"/>
  <c r="HXF54" i="1" s="1"/>
  <c r="HXG54" i="1" s="1"/>
  <c r="HXH54" i="1" s="1"/>
  <c r="HXI54" i="1" s="1"/>
  <c r="HXJ54" i="1" s="1"/>
  <c r="HXK54" i="1" s="1"/>
  <c r="HXL54" i="1" s="1"/>
  <c r="HXM54" i="1" s="1"/>
  <c r="HXN54" i="1" s="1"/>
  <c r="HXO54" i="1" s="1"/>
  <c r="HXP54" i="1" s="1"/>
  <c r="HXQ54" i="1" s="1"/>
  <c r="HXR54" i="1" s="1"/>
  <c r="HXS54" i="1" s="1"/>
  <c r="HXT54" i="1" s="1"/>
  <c r="HXU54" i="1" s="1"/>
  <c r="HXV54" i="1" s="1"/>
  <c r="HXW54" i="1" s="1"/>
  <c r="HXX54" i="1" s="1"/>
  <c r="HXY54" i="1" s="1"/>
  <c r="HXZ54" i="1" s="1"/>
  <c r="HYA54" i="1" s="1"/>
  <c r="HYB54" i="1" s="1"/>
  <c r="HYC54" i="1" s="1"/>
  <c r="HYD54" i="1" s="1"/>
  <c r="HYE54" i="1" s="1"/>
  <c r="HYF54" i="1" s="1"/>
  <c r="HYG54" i="1" s="1"/>
  <c r="HYH54" i="1" s="1"/>
  <c r="HYI54" i="1" s="1"/>
  <c r="HYJ54" i="1" s="1"/>
  <c r="HYK54" i="1" s="1"/>
  <c r="HYL54" i="1" s="1"/>
  <c r="HYM54" i="1" s="1"/>
  <c r="HYN54" i="1" s="1"/>
  <c r="HYO54" i="1" s="1"/>
  <c r="HYP54" i="1" s="1"/>
  <c r="HYQ54" i="1" s="1"/>
  <c r="HYR54" i="1" s="1"/>
  <c r="HYS54" i="1" s="1"/>
  <c r="HYT54" i="1" s="1"/>
  <c r="HYU54" i="1" s="1"/>
  <c r="HYV54" i="1" s="1"/>
  <c r="HYW54" i="1" s="1"/>
  <c r="HYX54" i="1" s="1"/>
  <c r="HYY54" i="1" s="1"/>
  <c r="HYZ54" i="1" s="1"/>
  <c r="HZA54" i="1" s="1"/>
  <c r="HZB54" i="1" s="1"/>
  <c r="HZC54" i="1" s="1"/>
  <c r="HZD54" i="1" s="1"/>
  <c r="HZE54" i="1" s="1"/>
  <c r="HZF54" i="1" s="1"/>
  <c r="HZG54" i="1" s="1"/>
  <c r="HZH54" i="1" s="1"/>
  <c r="HZI54" i="1" s="1"/>
  <c r="HZJ54" i="1" s="1"/>
  <c r="HZK54" i="1" s="1"/>
  <c r="HZL54" i="1" s="1"/>
  <c r="HZM54" i="1" s="1"/>
  <c r="HZN54" i="1" s="1"/>
  <c r="HZO54" i="1" s="1"/>
  <c r="HZP54" i="1" s="1"/>
  <c r="HZQ54" i="1" s="1"/>
  <c r="HZR54" i="1" s="1"/>
  <c r="HZS54" i="1" s="1"/>
  <c r="HZT54" i="1" s="1"/>
  <c r="HZU54" i="1" s="1"/>
  <c r="HZV54" i="1" s="1"/>
  <c r="HZW54" i="1" s="1"/>
  <c r="HZX54" i="1" s="1"/>
  <c r="HZY54" i="1" s="1"/>
  <c r="HZZ54" i="1" s="1"/>
  <c r="IAA54" i="1" s="1"/>
  <c r="IAB54" i="1" s="1"/>
  <c r="IAC54" i="1" s="1"/>
  <c r="IAD54" i="1" s="1"/>
  <c r="IAE54" i="1" s="1"/>
  <c r="IAF54" i="1" s="1"/>
  <c r="IAG54" i="1" s="1"/>
  <c r="IAH54" i="1" s="1"/>
  <c r="IAI54" i="1" s="1"/>
  <c r="IAJ54" i="1" s="1"/>
  <c r="IAK54" i="1" s="1"/>
  <c r="IAL54" i="1" s="1"/>
  <c r="IAM54" i="1" s="1"/>
  <c r="IAN54" i="1" s="1"/>
  <c r="IAO54" i="1" s="1"/>
  <c r="IAP54" i="1" s="1"/>
  <c r="IAQ54" i="1" s="1"/>
  <c r="IAR54" i="1" s="1"/>
  <c r="IAS54" i="1" s="1"/>
  <c r="IAT54" i="1" s="1"/>
  <c r="IAU54" i="1" s="1"/>
  <c r="IAV54" i="1" s="1"/>
  <c r="IAW54" i="1" s="1"/>
  <c r="IAX54" i="1" s="1"/>
  <c r="IAY54" i="1" s="1"/>
  <c r="IAZ54" i="1" s="1"/>
  <c r="IBA54" i="1" s="1"/>
  <c r="IBB54" i="1" s="1"/>
  <c r="IBC54" i="1" s="1"/>
  <c r="IBD54" i="1" s="1"/>
  <c r="IBE54" i="1" s="1"/>
  <c r="IBF54" i="1" s="1"/>
  <c r="IBG54" i="1" s="1"/>
  <c r="IBH54" i="1" s="1"/>
  <c r="IBI54" i="1" s="1"/>
  <c r="IBJ54" i="1" s="1"/>
  <c r="IBK54" i="1" s="1"/>
  <c r="IBL54" i="1" s="1"/>
  <c r="IBM54" i="1" s="1"/>
  <c r="IBN54" i="1" s="1"/>
  <c r="IBO54" i="1" s="1"/>
  <c r="IBP54" i="1" s="1"/>
  <c r="IBQ54" i="1" s="1"/>
  <c r="IBR54" i="1" s="1"/>
  <c r="IBS54" i="1" s="1"/>
  <c r="IBT54" i="1" s="1"/>
  <c r="IBU54" i="1" s="1"/>
  <c r="IBV54" i="1" s="1"/>
  <c r="IBW54" i="1" s="1"/>
  <c r="IBX54" i="1" s="1"/>
  <c r="IBY54" i="1" s="1"/>
  <c r="IBZ54" i="1" s="1"/>
  <c r="ICA54" i="1" s="1"/>
  <c r="ICB54" i="1" s="1"/>
  <c r="ICC54" i="1" s="1"/>
  <c r="ICD54" i="1" s="1"/>
  <c r="ICE54" i="1" s="1"/>
  <c r="ICF54" i="1" s="1"/>
  <c r="ICG54" i="1" s="1"/>
  <c r="ICH54" i="1" s="1"/>
  <c r="ICI54" i="1" s="1"/>
  <c r="ICJ54" i="1" s="1"/>
  <c r="ICK54" i="1" s="1"/>
  <c r="ICL54" i="1" s="1"/>
  <c r="ICM54" i="1" s="1"/>
  <c r="ICN54" i="1" s="1"/>
  <c r="ICO54" i="1" s="1"/>
  <c r="ICP54" i="1" s="1"/>
  <c r="ICQ54" i="1" s="1"/>
  <c r="ICR54" i="1" s="1"/>
  <c r="ICS54" i="1" s="1"/>
  <c r="ICT54" i="1" s="1"/>
  <c r="ICU54" i="1" s="1"/>
  <c r="ICV54" i="1" s="1"/>
  <c r="ICW54" i="1" s="1"/>
  <c r="ICX54" i="1" s="1"/>
  <c r="ICY54" i="1" s="1"/>
  <c r="ICZ54" i="1" s="1"/>
  <c r="IDA54" i="1" s="1"/>
  <c r="IDB54" i="1" s="1"/>
  <c r="IDC54" i="1" s="1"/>
  <c r="IDD54" i="1" s="1"/>
  <c r="IDE54" i="1" s="1"/>
  <c r="IDF54" i="1" s="1"/>
  <c r="IDG54" i="1" s="1"/>
  <c r="IDH54" i="1" s="1"/>
  <c r="IDI54" i="1" s="1"/>
  <c r="IDJ54" i="1" s="1"/>
  <c r="IDK54" i="1" s="1"/>
  <c r="IDL54" i="1" s="1"/>
  <c r="IDM54" i="1" s="1"/>
  <c r="IDN54" i="1" s="1"/>
  <c r="IDO54" i="1" s="1"/>
  <c r="IDP54" i="1" s="1"/>
  <c r="IDQ54" i="1" s="1"/>
  <c r="IDR54" i="1" s="1"/>
  <c r="IDS54" i="1" s="1"/>
  <c r="IDT54" i="1" s="1"/>
  <c r="IDU54" i="1" s="1"/>
  <c r="IDV54" i="1" s="1"/>
  <c r="IDW54" i="1" s="1"/>
  <c r="IDX54" i="1" s="1"/>
  <c r="IDY54" i="1" s="1"/>
  <c r="IDZ54" i="1" s="1"/>
  <c r="IEA54" i="1" s="1"/>
  <c r="IEB54" i="1" s="1"/>
  <c r="IEC54" i="1" s="1"/>
  <c r="IED54" i="1" s="1"/>
  <c r="IEE54" i="1" s="1"/>
  <c r="IEF54" i="1" s="1"/>
  <c r="IEG54" i="1" s="1"/>
  <c r="IEH54" i="1" s="1"/>
  <c r="IEI54" i="1" s="1"/>
  <c r="IEJ54" i="1" s="1"/>
  <c r="IEK54" i="1" s="1"/>
  <c r="IEL54" i="1" s="1"/>
  <c r="IEM54" i="1" s="1"/>
  <c r="IEN54" i="1" s="1"/>
  <c r="IEO54" i="1" s="1"/>
  <c r="IEP54" i="1" s="1"/>
  <c r="IEQ54" i="1" s="1"/>
  <c r="IER54" i="1" s="1"/>
  <c r="IES54" i="1" s="1"/>
  <c r="IET54" i="1" s="1"/>
  <c r="IEU54" i="1" s="1"/>
  <c r="IEV54" i="1" s="1"/>
  <c r="IEW54" i="1" s="1"/>
  <c r="IEX54" i="1" s="1"/>
  <c r="IEY54" i="1" s="1"/>
  <c r="IEZ54" i="1" s="1"/>
  <c r="IFA54" i="1" s="1"/>
  <c r="IFB54" i="1" s="1"/>
  <c r="IFC54" i="1" s="1"/>
  <c r="IFD54" i="1" s="1"/>
  <c r="IFE54" i="1" s="1"/>
  <c r="IFF54" i="1" s="1"/>
  <c r="IFG54" i="1" s="1"/>
  <c r="IFH54" i="1" s="1"/>
  <c r="IFI54" i="1" s="1"/>
  <c r="IFJ54" i="1" s="1"/>
  <c r="IFK54" i="1" s="1"/>
  <c r="IFL54" i="1" s="1"/>
  <c r="IFM54" i="1" s="1"/>
  <c r="IFN54" i="1" s="1"/>
  <c r="IFO54" i="1" s="1"/>
  <c r="IFP54" i="1" s="1"/>
  <c r="IFQ54" i="1" s="1"/>
  <c r="IFR54" i="1" s="1"/>
  <c r="IFS54" i="1" s="1"/>
  <c r="IFT54" i="1" s="1"/>
  <c r="IFU54" i="1" s="1"/>
  <c r="IFV54" i="1" s="1"/>
  <c r="IFW54" i="1" s="1"/>
  <c r="IFX54" i="1" s="1"/>
  <c r="IFY54" i="1" s="1"/>
  <c r="IFZ54" i="1" s="1"/>
  <c r="IGA54" i="1" s="1"/>
  <c r="IGB54" i="1" s="1"/>
  <c r="IGC54" i="1" s="1"/>
  <c r="IGD54" i="1" s="1"/>
  <c r="IGE54" i="1" s="1"/>
  <c r="IGF54" i="1" s="1"/>
  <c r="IGG54" i="1" s="1"/>
  <c r="IGH54" i="1" s="1"/>
  <c r="IGI54" i="1" s="1"/>
  <c r="IGJ54" i="1" s="1"/>
  <c r="IGK54" i="1" s="1"/>
  <c r="IGL54" i="1" s="1"/>
  <c r="IGM54" i="1" s="1"/>
  <c r="IGN54" i="1" s="1"/>
  <c r="IGO54" i="1" s="1"/>
  <c r="IGP54" i="1" s="1"/>
  <c r="IGQ54" i="1" s="1"/>
  <c r="IGR54" i="1" s="1"/>
  <c r="IGS54" i="1" s="1"/>
  <c r="IGT54" i="1" s="1"/>
  <c r="IGU54" i="1" s="1"/>
  <c r="IGV54" i="1" s="1"/>
  <c r="IGW54" i="1" s="1"/>
  <c r="IGX54" i="1" s="1"/>
  <c r="IGY54" i="1" s="1"/>
  <c r="IGZ54" i="1" s="1"/>
  <c r="IHA54" i="1" s="1"/>
  <c r="IHB54" i="1" s="1"/>
  <c r="IHC54" i="1" s="1"/>
  <c r="IHD54" i="1" s="1"/>
  <c r="IHE54" i="1" s="1"/>
  <c r="IHF54" i="1" s="1"/>
  <c r="IHG54" i="1" s="1"/>
  <c r="IHH54" i="1" s="1"/>
  <c r="IHI54" i="1" s="1"/>
  <c r="IHJ54" i="1" s="1"/>
  <c r="IHK54" i="1" s="1"/>
  <c r="IHL54" i="1" s="1"/>
  <c r="IHM54" i="1" s="1"/>
  <c r="IHN54" i="1" s="1"/>
  <c r="IHO54" i="1" s="1"/>
  <c r="IHP54" i="1" s="1"/>
  <c r="IHQ54" i="1" s="1"/>
  <c r="IHR54" i="1" s="1"/>
  <c r="IHS54" i="1" s="1"/>
  <c r="IHT54" i="1" s="1"/>
  <c r="IHU54" i="1" s="1"/>
  <c r="IHV54" i="1" s="1"/>
  <c r="IHW54" i="1" s="1"/>
  <c r="IHX54" i="1" s="1"/>
  <c r="IHY54" i="1" s="1"/>
  <c r="IHZ54" i="1" s="1"/>
  <c r="IIA54" i="1" s="1"/>
  <c r="IIB54" i="1" s="1"/>
  <c r="IIC54" i="1" s="1"/>
  <c r="IID54" i="1" s="1"/>
  <c r="IIE54" i="1" s="1"/>
  <c r="IIF54" i="1" s="1"/>
  <c r="IIG54" i="1" s="1"/>
  <c r="IIH54" i="1" s="1"/>
  <c r="III54" i="1" s="1"/>
  <c r="IIJ54" i="1" s="1"/>
  <c r="IIK54" i="1" s="1"/>
  <c r="IIL54" i="1" s="1"/>
  <c r="IIM54" i="1" s="1"/>
  <c r="IIN54" i="1" s="1"/>
  <c r="IIO54" i="1" s="1"/>
  <c r="IIP54" i="1" s="1"/>
  <c r="IIQ54" i="1" s="1"/>
  <c r="IIR54" i="1" s="1"/>
  <c r="IIS54" i="1" s="1"/>
  <c r="IIT54" i="1" s="1"/>
  <c r="IIU54" i="1" s="1"/>
  <c r="IIV54" i="1" s="1"/>
  <c r="IIW54" i="1" s="1"/>
  <c r="IIX54" i="1" s="1"/>
  <c r="IIY54" i="1" s="1"/>
  <c r="IIZ54" i="1" s="1"/>
  <c r="IJA54" i="1" s="1"/>
  <c r="IJB54" i="1" s="1"/>
  <c r="IJC54" i="1" s="1"/>
  <c r="IJD54" i="1" s="1"/>
  <c r="IJE54" i="1" s="1"/>
  <c r="IJF54" i="1" s="1"/>
  <c r="IJG54" i="1" s="1"/>
  <c r="IJH54" i="1" s="1"/>
  <c r="IJI54" i="1" s="1"/>
  <c r="IJJ54" i="1" s="1"/>
  <c r="IJK54" i="1" s="1"/>
  <c r="IJL54" i="1" s="1"/>
  <c r="IJM54" i="1" s="1"/>
  <c r="IJN54" i="1" s="1"/>
  <c r="IJO54" i="1" s="1"/>
  <c r="IJP54" i="1" s="1"/>
  <c r="IJQ54" i="1" s="1"/>
  <c r="IJR54" i="1" s="1"/>
  <c r="IJS54" i="1" s="1"/>
  <c r="IJT54" i="1" s="1"/>
  <c r="IJU54" i="1" s="1"/>
  <c r="IJV54" i="1" s="1"/>
  <c r="IJW54" i="1" s="1"/>
  <c r="IJX54" i="1" s="1"/>
  <c r="IJY54" i="1" s="1"/>
  <c r="IJZ54" i="1" s="1"/>
  <c r="IKA54" i="1" s="1"/>
  <c r="IKB54" i="1" s="1"/>
  <c r="IKC54" i="1" s="1"/>
  <c r="IKD54" i="1" s="1"/>
  <c r="IKE54" i="1" s="1"/>
  <c r="IKF54" i="1" s="1"/>
  <c r="IKG54" i="1" s="1"/>
  <c r="IKH54" i="1" s="1"/>
  <c r="IKI54" i="1" s="1"/>
  <c r="IKJ54" i="1" s="1"/>
  <c r="IKK54" i="1" s="1"/>
  <c r="IKL54" i="1" s="1"/>
  <c r="IKM54" i="1" s="1"/>
  <c r="IKN54" i="1" s="1"/>
  <c r="IKO54" i="1" s="1"/>
  <c r="IKP54" i="1" s="1"/>
  <c r="IKQ54" i="1" s="1"/>
  <c r="IKR54" i="1" s="1"/>
  <c r="IKS54" i="1" s="1"/>
  <c r="IKT54" i="1" s="1"/>
  <c r="IKU54" i="1" s="1"/>
  <c r="IKV54" i="1" s="1"/>
  <c r="IKW54" i="1" s="1"/>
  <c r="IKX54" i="1" s="1"/>
  <c r="IKY54" i="1" s="1"/>
  <c r="IKZ54" i="1" s="1"/>
  <c r="ILA54" i="1" s="1"/>
  <c r="ILB54" i="1" s="1"/>
  <c r="ILC54" i="1" s="1"/>
  <c r="ILD54" i="1" s="1"/>
  <c r="ILE54" i="1" s="1"/>
  <c r="ILF54" i="1" s="1"/>
  <c r="ILG54" i="1" s="1"/>
  <c r="ILH54" i="1" s="1"/>
  <c r="ILI54" i="1" s="1"/>
  <c r="ILJ54" i="1" s="1"/>
  <c r="ILK54" i="1" s="1"/>
  <c r="ILL54" i="1" s="1"/>
  <c r="ILM54" i="1" s="1"/>
  <c r="ILN54" i="1" s="1"/>
  <c r="ILO54" i="1" s="1"/>
  <c r="ILP54" i="1" s="1"/>
  <c r="ILQ54" i="1" s="1"/>
  <c r="ILR54" i="1" s="1"/>
  <c r="ILS54" i="1" s="1"/>
  <c r="ILT54" i="1" s="1"/>
  <c r="ILU54" i="1" s="1"/>
  <c r="ILV54" i="1" s="1"/>
  <c r="ILW54" i="1" s="1"/>
  <c r="ILX54" i="1" s="1"/>
  <c r="ILY54" i="1" s="1"/>
  <c r="ILZ54" i="1" s="1"/>
  <c r="IMA54" i="1" s="1"/>
  <c r="IMB54" i="1" s="1"/>
  <c r="IMC54" i="1" s="1"/>
  <c r="IMD54" i="1" s="1"/>
  <c r="IME54" i="1" s="1"/>
  <c r="IMF54" i="1" s="1"/>
  <c r="IMG54" i="1" s="1"/>
  <c r="IMH54" i="1" s="1"/>
  <c r="IMI54" i="1" s="1"/>
  <c r="IMJ54" i="1" s="1"/>
  <c r="IMK54" i="1" s="1"/>
  <c r="IML54" i="1" s="1"/>
  <c r="IMM54" i="1" s="1"/>
  <c r="IMN54" i="1" s="1"/>
  <c r="IMO54" i="1" s="1"/>
  <c r="IMP54" i="1" s="1"/>
  <c r="IMQ54" i="1" s="1"/>
  <c r="IMR54" i="1" s="1"/>
  <c r="IMS54" i="1" s="1"/>
  <c r="IMT54" i="1" s="1"/>
  <c r="IMU54" i="1" s="1"/>
  <c r="IMV54" i="1" s="1"/>
  <c r="IMW54" i="1" s="1"/>
  <c r="IMX54" i="1" s="1"/>
  <c r="IMY54" i="1" s="1"/>
  <c r="IMZ54" i="1" s="1"/>
  <c r="INA54" i="1" s="1"/>
  <c r="INB54" i="1" s="1"/>
  <c r="INC54" i="1" s="1"/>
  <c r="IND54" i="1" s="1"/>
  <c r="INE54" i="1" s="1"/>
  <c r="INF54" i="1" s="1"/>
  <c r="ING54" i="1" s="1"/>
  <c r="INH54" i="1" s="1"/>
  <c r="INI54" i="1" s="1"/>
  <c r="INJ54" i="1" s="1"/>
  <c r="INK54" i="1" s="1"/>
  <c r="INL54" i="1" s="1"/>
  <c r="INM54" i="1" s="1"/>
  <c r="INN54" i="1" s="1"/>
  <c r="INO54" i="1" s="1"/>
  <c r="INP54" i="1" s="1"/>
  <c r="INQ54" i="1" s="1"/>
  <c r="INR54" i="1" s="1"/>
  <c r="INS54" i="1" s="1"/>
  <c r="INT54" i="1" s="1"/>
  <c r="INU54" i="1" s="1"/>
  <c r="INV54" i="1" s="1"/>
  <c r="INW54" i="1" s="1"/>
  <c r="INX54" i="1" s="1"/>
  <c r="INY54" i="1" s="1"/>
  <c r="INZ54" i="1" s="1"/>
  <c r="IOA54" i="1" s="1"/>
  <c r="IOB54" i="1" s="1"/>
  <c r="IOC54" i="1" s="1"/>
  <c r="IOD54" i="1" s="1"/>
  <c r="IOE54" i="1" s="1"/>
  <c r="IOF54" i="1" s="1"/>
  <c r="IOG54" i="1" s="1"/>
  <c r="IOH54" i="1" s="1"/>
  <c r="IOI54" i="1" s="1"/>
  <c r="IOJ54" i="1" s="1"/>
  <c r="IOK54" i="1" s="1"/>
  <c r="IOL54" i="1" s="1"/>
  <c r="IOM54" i="1" s="1"/>
  <c r="ION54" i="1" s="1"/>
  <c r="IOO54" i="1" s="1"/>
  <c r="IOP54" i="1" s="1"/>
  <c r="IOQ54" i="1" s="1"/>
  <c r="IOR54" i="1" s="1"/>
  <c r="IOS54" i="1" s="1"/>
  <c r="IOT54" i="1" s="1"/>
  <c r="IOU54" i="1" s="1"/>
  <c r="IOV54" i="1" s="1"/>
  <c r="IOW54" i="1" s="1"/>
  <c r="IOX54" i="1" s="1"/>
  <c r="IOY54" i="1" s="1"/>
  <c r="IOZ54" i="1" s="1"/>
  <c r="IPA54" i="1" s="1"/>
  <c r="IPB54" i="1" s="1"/>
  <c r="IPC54" i="1" s="1"/>
  <c r="IPD54" i="1" s="1"/>
  <c r="IPE54" i="1" s="1"/>
  <c r="IPF54" i="1" s="1"/>
  <c r="IPG54" i="1" s="1"/>
  <c r="IPH54" i="1" s="1"/>
  <c r="IPI54" i="1" s="1"/>
  <c r="IPJ54" i="1" s="1"/>
  <c r="IPK54" i="1" s="1"/>
  <c r="IPL54" i="1" s="1"/>
  <c r="IPM54" i="1" s="1"/>
  <c r="IPN54" i="1" s="1"/>
  <c r="IPO54" i="1" s="1"/>
  <c r="IPP54" i="1" s="1"/>
  <c r="IPQ54" i="1" s="1"/>
  <c r="IPR54" i="1" s="1"/>
  <c r="IPS54" i="1" s="1"/>
  <c r="IPT54" i="1" s="1"/>
  <c r="IPU54" i="1" s="1"/>
  <c r="IPV54" i="1" s="1"/>
  <c r="IPW54" i="1" s="1"/>
  <c r="IPX54" i="1" s="1"/>
  <c r="IPY54" i="1" s="1"/>
  <c r="IPZ54" i="1" s="1"/>
  <c r="IQA54" i="1" s="1"/>
  <c r="IQB54" i="1" s="1"/>
  <c r="IQC54" i="1" s="1"/>
  <c r="IQD54" i="1" s="1"/>
  <c r="IQE54" i="1" s="1"/>
  <c r="IQF54" i="1" s="1"/>
  <c r="IQG54" i="1" s="1"/>
  <c r="IQH54" i="1" s="1"/>
  <c r="IQI54" i="1" s="1"/>
  <c r="IQJ54" i="1" s="1"/>
  <c r="IQK54" i="1" s="1"/>
  <c r="IQL54" i="1" s="1"/>
  <c r="IQM54" i="1" s="1"/>
  <c r="IQN54" i="1" s="1"/>
  <c r="IQO54" i="1" s="1"/>
  <c r="IQP54" i="1" s="1"/>
  <c r="IQQ54" i="1" s="1"/>
  <c r="IQR54" i="1" s="1"/>
  <c r="IQS54" i="1" s="1"/>
  <c r="IQT54" i="1" s="1"/>
  <c r="IQU54" i="1" s="1"/>
  <c r="IQV54" i="1" s="1"/>
  <c r="IQW54" i="1" s="1"/>
  <c r="IQX54" i="1" s="1"/>
  <c r="IQY54" i="1" s="1"/>
  <c r="IQZ54" i="1" s="1"/>
  <c r="IRA54" i="1" s="1"/>
  <c r="IRB54" i="1" s="1"/>
  <c r="IRC54" i="1" s="1"/>
  <c r="IRD54" i="1" s="1"/>
  <c r="IRE54" i="1" s="1"/>
  <c r="IRF54" i="1" s="1"/>
  <c r="IRG54" i="1" s="1"/>
  <c r="IRH54" i="1" s="1"/>
  <c r="IRI54" i="1" s="1"/>
  <c r="IRJ54" i="1" s="1"/>
  <c r="IRK54" i="1" s="1"/>
  <c r="IRL54" i="1" s="1"/>
  <c r="IRM54" i="1" s="1"/>
  <c r="IRN54" i="1" s="1"/>
  <c r="IRO54" i="1" s="1"/>
  <c r="IRP54" i="1" s="1"/>
  <c r="IRQ54" i="1" s="1"/>
  <c r="IRR54" i="1" s="1"/>
  <c r="IRS54" i="1" s="1"/>
  <c r="IRT54" i="1" s="1"/>
  <c r="IRU54" i="1" s="1"/>
  <c r="IRV54" i="1" s="1"/>
  <c r="IRW54" i="1" s="1"/>
  <c r="IRX54" i="1" s="1"/>
  <c r="IRY54" i="1" s="1"/>
  <c r="IRZ54" i="1" s="1"/>
  <c r="ISA54" i="1" s="1"/>
  <c r="ISB54" i="1" s="1"/>
  <c r="ISC54" i="1" s="1"/>
  <c r="ISD54" i="1" s="1"/>
  <c r="ISE54" i="1" s="1"/>
  <c r="ISF54" i="1" s="1"/>
  <c r="ISG54" i="1" s="1"/>
  <c r="ISH54" i="1" s="1"/>
  <c r="ISI54" i="1" s="1"/>
  <c r="ISJ54" i="1" s="1"/>
  <c r="ISK54" i="1" s="1"/>
  <c r="ISL54" i="1" s="1"/>
  <c r="ISM54" i="1" s="1"/>
  <c r="ISN54" i="1" s="1"/>
  <c r="ISO54" i="1" s="1"/>
  <c r="ISP54" i="1" s="1"/>
  <c r="ISQ54" i="1" s="1"/>
  <c r="ISR54" i="1" s="1"/>
  <c r="ISS54" i="1" s="1"/>
  <c r="IST54" i="1" s="1"/>
  <c r="ISU54" i="1" s="1"/>
  <c r="ISV54" i="1" s="1"/>
  <c r="ISW54" i="1" s="1"/>
  <c r="ISX54" i="1" s="1"/>
  <c r="ISY54" i="1" s="1"/>
  <c r="ISZ54" i="1" s="1"/>
  <c r="ITA54" i="1" s="1"/>
  <c r="ITB54" i="1" s="1"/>
  <c r="ITC54" i="1" s="1"/>
  <c r="ITD54" i="1" s="1"/>
  <c r="ITE54" i="1" s="1"/>
  <c r="ITF54" i="1" s="1"/>
  <c r="ITG54" i="1" s="1"/>
  <c r="ITH54" i="1" s="1"/>
  <c r="ITI54" i="1" s="1"/>
  <c r="ITJ54" i="1" s="1"/>
  <c r="ITK54" i="1" s="1"/>
  <c r="ITL54" i="1" s="1"/>
  <c r="ITM54" i="1" s="1"/>
  <c r="ITN54" i="1" s="1"/>
  <c r="ITO54" i="1" s="1"/>
  <c r="ITP54" i="1" s="1"/>
  <c r="ITQ54" i="1" s="1"/>
  <c r="ITR54" i="1" s="1"/>
  <c r="ITS54" i="1" s="1"/>
  <c r="ITT54" i="1" s="1"/>
  <c r="ITU54" i="1" s="1"/>
  <c r="ITV54" i="1" s="1"/>
  <c r="ITW54" i="1" s="1"/>
  <c r="ITX54" i="1" s="1"/>
  <c r="ITY54" i="1" s="1"/>
  <c r="ITZ54" i="1" s="1"/>
  <c r="IUA54" i="1" s="1"/>
  <c r="IUB54" i="1" s="1"/>
  <c r="IUC54" i="1" s="1"/>
  <c r="IUD54" i="1" s="1"/>
  <c r="IUE54" i="1" s="1"/>
  <c r="IUF54" i="1" s="1"/>
  <c r="IUG54" i="1" s="1"/>
  <c r="IUH54" i="1" s="1"/>
  <c r="IUI54" i="1" s="1"/>
  <c r="IUJ54" i="1" s="1"/>
  <c r="IUK54" i="1" s="1"/>
  <c r="IUL54" i="1" s="1"/>
  <c r="IUM54" i="1" s="1"/>
  <c r="IUN54" i="1" s="1"/>
  <c r="IUO54" i="1" s="1"/>
  <c r="IUP54" i="1" s="1"/>
  <c r="IUQ54" i="1" s="1"/>
  <c r="IUR54" i="1" s="1"/>
  <c r="IUS54" i="1" s="1"/>
  <c r="IUT54" i="1" s="1"/>
  <c r="IUU54" i="1" s="1"/>
  <c r="IUV54" i="1" s="1"/>
  <c r="IUW54" i="1" s="1"/>
  <c r="IUX54" i="1" s="1"/>
  <c r="IUY54" i="1" s="1"/>
  <c r="IUZ54" i="1" s="1"/>
  <c r="IVA54" i="1" s="1"/>
  <c r="IVB54" i="1" s="1"/>
  <c r="IVC54" i="1" s="1"/>
  <c r="IVD54" i="1" s="1"/>
  <c r="IVE54" i="1" s="1"/>
  <c r="IVF54" i="1" s="1"/>
  <c r="IVG54" i="1" s="1"/>
  <c r="IVH54" i="1" s="1"/>
  <c r="IVI54" i="1" s="1"/>
  <c r="IVJ54" i="1" s="1"/>
  <c r="IVK54" i="1" s="1"/>
  <c r="IVL54" i="1" s="1"/>
  <c r="IVM54" i="1" s="1"/>
  <c r="IVN54" i="1" s="1"/>
  <c r="IVO54" i="1" s="1"/>
  <c r="IVP54" i="1" s="1"/>
  <c r="IVQ54" i="1" s="1"/>
  <c r="IVR54" i="1" s="1"/>
  <c r="IVS54" i="1" s="1"/>
  <c r="IVT54" i="1" s="1"/>
  <c r="IVU54" i="1" s="1"/>
  <c r="IVV54" i="1" s="1"/>
  <c r="IVW54" i="1" s="1"/>
  <c r="IVX54" i="1" s="1"/>
  <c r="IVY54" i="1" s="1"/>
  <c r="IVZ54" i="1" s="1"/>
  <c r="IWA54" i="1" s="1"/>
  <c r="IWB54" i="1" s="1"/>
  <c r="IWC54" i="1" s="1"/>
  <c r="IWD54" i="1" s="1"/>
  <c r="IWE54" i="1" s="1"/>
  <c r="IWF54" i="1" s="1"/>
  <c r="IWG54" i="1" s="1"/>
  <c r="IWH54" i="1" s="1"/>
  <c r="IWI54" i="1" s="1"/>
  <c r="IWJ54" i="1" s="1"/>
  <c r="IWK54" i="1" s="1"/>
  <c r="IWL54" i="1" s="1"/>
  <c r="IWM54" i="1" s="1"/>
  <c r="IWN54" i="1" s="1"/>
  <c r="IWO54" i="1" s="1"/>
  <c r="IWP54" i="1" s="1"/>
  <c r="IWQ54" i="1" s="1"/>
  <c r="IWR54" i="1" s="1"/>
  <c r="IWS54" i="1" s="1"/>
  <c r="IWT54" i="1" s="1"/>
  <c r="IWU54" i="1" s="1"/>
  <c r="IWV54" i="1" s="1"/>
  <c r="IWW54" i="1" s="1"/>
  <c r="IWX54" i="1" s="1"/>
  <c r="IWY54" i="1" s="1"/>
  <c r="IWZ54" i="1" s="1"/>
  <c r="IXA54" i="1" s="1"/>
  <c r="IXB54" i="1" s="1"/>
  <c r="IXC54" i="1" s="1"/>
  <c r="IXD54" i="1" s="1"/>
  <c r="IXE54" i="1" s="1"/>
  <c r="IXF54" i="1" s="1"/>
  <c r="IXG54" i="1" s="1"/>
  <c r="IXH54" i="1" s="1"/>
  <c r="IXI54" i="1" s="1"/>
  <c r="IXJ54" i="1" s="1"/>
  <c r="IXK54" i="1" s="1"/>
  <c r="IXL54" i="1" s="1"/>
  <c r="IXM54" i="1" s="1"/>
  <c r="IXN54" i="1" s="1"/>
  <c r="IXO54" i="1" s="1"/>
  <c r="IXP54" i="1" s="1"/>
  <c r="IXQ54" i="1" s="1"/>
  <c r="IXR54" i="1" s="1"/>
  <c r="IXS54" i="1" s="1"/>
  <c r="IXT54" i="1" s="1"/>
  <c r="IXU54" i="1" s="1"/>
  <c r="IXV54" i="1" s="1"/>
  <c r="IXW54" i="1" s="1"/>
  <c r="IXX54" i="1" s="1"/>
  <c r="IXY54" i="1" s="1"/>
  <c r="IXZ54" i="1" s="1"/>
  <c r="IYA54" i="1" s="1"/>
  <c r="IYB54" i="1" s="1"/>
  <c r="IYC54" i="1" s="1"/>
  <c r="IYD54" i="1" s="1"/>
  <c r="IYE54" i="1" s="1"/>
  <c r="IYF54" i="1" s="1"/>
  <c r="IYG54" i="1" s="1"/>
  <c r="IYH54" i="1" s="1"/>
  <c r="IYI54" i="1" s="1"/>
  <c r="IYJ54" i="1" s="1"/>
  <c r="IYK54" i="1" s="1"/>
  <c r="IYL54" i="1" s="1"/>
  <c r="IYM54" i="1" s="1"/>
  <c r="IYN54" i="1" s="1"/>
  <c r="IYO54" i="1" s="1"/>
  <c r="IYP54" i="1" s="1"/>
  <c r="IYQ54" i="1" s="1"/>
  <c r="IYR54" i="1" s="1"/>
  <c r="IYS54" i="1" s="1"/>
  <c r="IYT54" i="1" s="1"/>
  <c r="IYU54" i="1" s="1"/>
  <c r="IYV54" i="1" s="1"/>
  <c r="IYW54" i="1" s="1"/>
  <c r="IYX54" i="1" s="1"/>
  <c r="IYY54" i="1" s="1"/>
  <c r="IYZ54" i="1" s="1"/>
  <c r="IZA54" i="1" s="1"/>
  <c r="IZB54" i="1" s="1"/>
  <c r="IZC54" i="1" s="1"/>
  <c r="IZD54" i="1" s="1"/>
  <c r="IZE54" i="1" s="1"/>
  <c r="IZF54" i="1" s="1"/>
  <c r="IZG54" i="1" s="1"/>
  <c r="IZH54" i="1" s="1"/>
  <c r="IZI54" i="1" s="1"/>
  <c r="IZJ54" i="1" s="1"/>
  <c r="IZK54" i="1" s="1"/>
  <c r="IZL54" i="1" s="1"/>
  <c r="IZM54" i="1" s="1"/>
  <c r="IZN54" i="1" s="1"/>
  <c r="IZO54" i="1" s="1"/>
  <c r="IZP54" i="1" s="1"/>
  <c r="IZQ54" i="1" s="1"/>
  <c r="IZR54" i="1" s="1"/>
  <c r="IZS54" i="1" s="1"/>
  <c r="IZT54" i="1" s="1"/>
  <c r="IZU54" i="1" s="1"/>
  <c r="IZV54" i="1" s="1"/>
  <c r="IZW54" i="1" s="1"/>
  <c r="IZX54" i="1" s="1"/>
  <c r="IZY54" i="1" s="1"/>
  <c r="IZZ54" i="1" s="1"/>
  <c r="JAA54" i="1" s="1"/>
  <c r="JAB54" i="1" s="1"/>
  <c r="JAC54" i="1" s="1"/>
  <c r="JAD54" i="1" s="1"/>
  <c r="JAE54" i="1" s="1"/>
  <c r="JAF54" i="1" s="1"/>
  <c r="JAG54" i="1" s="1"/>
  <c r="JAH54" i="1" s="1"/>
  <c r="JAI54" i="1" s="1"/>
  <c r="JAJ54" i="1" s="1"/>
  <c r="JAK54" i="1" s="1"/>
  <c r="JAL54" i="1" s="1"/>
  <c r="JAM54" i="1" s="1"/>
  <c r="JAN54" i="1" s="1"/>
  <c r="JAO54" i="1" s="1"/>
  <c r="JAP54" i="1" s="1"/>
  <c r="JAQ54" i="1" s="1"/>
  <c r="JAR54" i="1" s="1"/>
  <c r="JAS54" i="1" s="1"/>
  <c r="JAT54" i="1" s="1"/>
  <c r="JAU54" i="1" s="1"/>
  <c r="JAV54" i="1" s="1"/>
  <c r="JAW54" i="1" s="1"/>
  <c r="JAX54" i="1" s="1"/>
  <c r="JAY54" i="1" s="1"/>
  <c r="JAZ54" i="1" s="1"/>
  <c r="JBA54" i="1" s="1"/>
  <c r="JBB54" i="1" s="1"/>
  <c r="JBC54" i="1" s="1"/>
  <c r="JBD54" i="1" s="1"/>
  <c r="JBE54" i="1" s="1"/>
  <c r="JBF54" i="1" s="1"/>
  <c r="JBG54" i="1" s="1"/>
  <c r="JBH54" i="1" s="1"/>
  <c r="JBI54" i="1" s="1"/>
  <c r="JBJ54" i="1" s="1"/>
  <c r="JBK54" i="1" s="1"/>
  <c r="JBL54" i="1" s="1"/>
  <c r="JBM54" i="1" s="1"/>
  <c r="JBN54" i="1" s="1"/>
  <c r="JBO54" i="1" s="1"/>
  <c r="JBP54" i="1" s="1"/>
  <c r="JBQ54" i="1" s="1"/>
  <c r="JBR54" i="1" s="1"/>
  <c r="JBS54" i="1" s="1"/>
  <c r="JBT54" i="1" s="1"/>
  <c r="JBU54" i="1" s="1"/>
  <c r="JBV54" i="1" s="1"/>
  <c r="JBW54" i="1" s="1"/>
  <c r="JBX54" i="1" s="1"/>
  <c r="JBY54" i="1" s="1"/>
  <c r="JBZ54" i="1" s="1"/>
  <c r="JCA54" i="1" s="1"/>
  <c r="JCB54" i="1" s="1"/>
  <c r="JCC54" i="1" s="1"/>
  <c r="JCD54" i="1" s="1"/>
  <c r="JCE54" i="1" s="1"/>
  <c r="JCF54" i="1" s="1"/>
  <c r="JCG54" i="1" s="1"/>
  <c r="JCH54" i="1" s="1"/>
  <c r="JCI54" i="1" s="1"/>
  <c r="JCJ54" i="1" s="1"/>
  <c r="JCK54" i="1" s="1"/>
  <c r="JCL54" i="1" s="1"/>
  <c r="JCM54" i="1" s="1"/>
  <c r="JCN54" i="1" s="1"/>
  <c r="JCO54" i="1" s="1"/>
  <c r="JCP54" i="1" s="1"/>
  <c r="JCQ54" i="1" s="1"/>
  <c r="JCR54" i="1" s="1"/>
  <c r="JCS54" i="1" s="1"/>
  <c r="JCT54" i="1" s="1"/>
  <c r="JCU54" i="1" s="1"/>
  <c r="JCV54" i="1" s="1"/>
  <c r="JCW54" i="1" s="1"/>
  <c r="JCX54" i="1" s="1"/>
  <c r="JCY54" i="1" s="1"/>
  <c r="JCZ54" i="1" s="1"/>
  <c r="JDA54" i="1" s="1"/>
  <c r="JDB54" i="1" s="1"/>
  <c r="JDC54" i="1" s="1"/>
  <c r="JDD54" i="1" s="1"/>
  <c r="JDE54" i="1" s="1"/>
  <c r="JDF54" i="1" s="1"/>
  <c r="JDG54" i="1" s="1"/>
  <c r="JDH54" i="1" s="1"/>
  <c r="JDI54" i="1" s="1"/>
  <c r="JDJ54" i="1" s="1"/>
  <c r="JDK54" i="1" s="1"/>
  <c r="JDL54" i="1" s="1"/>
  <c r="JDM54" i="1" s="1"/>
  <c r="JDN54" i="1" s="1"/>
  <c r="JDO54" i="1" s="1"/>
  <c r="JDP54" i="1" s="1"/>
  <c r="JDQ54" i="1" s="1"/>
  <c r="JDR54" i="1" s="1"/>
  <c r="JDS54" i="1" s="1"/>
  <c r="JDT54" i="1" s="1"/>
  <c r="JDU54" i="1" s="1"/>
  <c r="JDV54" i="1" s="1"/>
  <c r="JDW54" i="1" s="1"/>
  <c r="JDX54" i="1" s="1"/>
  <c r="JDY54" i="1" s="1"/>
  <c r="JDZ54" i="1" s="1"/>
  <c r="JEA54" i="1" s="1"/>
  <c r="JEB54" i="1" s="1"/>
  <c r="JEC54" i="1" s="1"/>
  <c r="JED54" i="1" s="1"/>
  <c r="JEE54" i="1" s="1"/>
  <c r="JEF54" i="1" s="1"/>
  <c r="JEG54" i="1" s="1"/>
  <c r="JEH54" i="1" s="1"/>
  <c r="JEI54" i="1" s="1"/>
  <c r="JEJ54" i="1" s="1"/>
  <c r="JEK54" i="1" s="1"/>
  <c r="JEL54" i="1" s="1"/>
  <c r="JEM54" i="1" s="1"/>
  <c r="JEN54" i="1" s="1"/>
  <c r="JEO54" i="1" s="1"/>
  <c r="JEP54" i="1" s="1"/>
  <c r="JEQ54" i="1" s="1"/>
  <c r="JER54" i="1" s="1"/>
  <c r="JES54" i="1" s="1"/>
  <c r="JET54" i="1" s="1"/>
  <c r="JEU54" i="1" s="1"/>
  <c r="JEV54" i="1" s="1"/>
  <c r="JEW54" i="1" s="1"/>
  <c r="JEX54" i="1" s="1"/>
  <c r="JEY54" i="1" s="1"/>
  <c r="JEZ54" i="1" s="1"/>
  <c r="JFA54" i="1" s="1"/>
  <c r="JFB54" i="1" s="1"/>
  <c r="JFC54" i="1" s="1"/>
  <c r="JFD54" i="1" s="1"/>
  <c r="JFE54" i="1" s="1"/>
  <c r="JFF54" i="1" s="1"/>
  <c r="JFG54" i="1" s="1"/>
  <c r="JFH54" i="1" s="1"/>
  <c r="JFI54" i="1" s="1"/>
  <c r="JFJ54" i="1" s="1"/>
  <c r="JFK54" i="1" s="1"/>
  <c r="JFL54" i="1" s="1"/>
  <c r="JFM54" i="1" s="1"/>
  <c r="JFN54" i="1" s="1"/>
  <c r="JFO54" i="1" s="1"/>
  <c r="JFP54" i="1" s="1"/>
  <c r="JFQ54" i="1" s="1"/>
  <c r="JFR54" i="1" s="1"/>
  <c r="JFS54" i="1" s="1"/>
  <c r="JFT54" i="1" s="1"/>
  <c r="JFU54" i="1" s="1"/>
  <c r="JFV54" i="1" s="1"/>
  <c r="JFW54" i="1" s="1"/>
  <c r="JFX54" i="1" s="1"/>
  <c r="JFY54" i="1" s="1"/>
  <c r="JFZ54" i="1" s="1"/>
  <c r="JGA54" i="1" s="1"/>
  <c r="JGB54" i="1" s="1"/>
  <c r="JGC54" i="1" s="1"/>
  <c r="JGD54" i="1" s="1"/>
  <c r="JGE54" i="1" s="1"/>
  <c r="JGF54" i="1" s="1"/>
  <c r="JGG54" i="1" s="1"/>
  <c r="JGH54" i="1" s="1"/>
  <c r="JGI54" i="1" s="1"/>
  <c r="JGJ54" i="1" s="1"/>
  <c r="JGK54" i="1" s="1"/>
  <c r="JGL54" i="1" s="1"/>
  <c r="JGM54" i="1" s="1"/>
  <c r="JGN54" i="1" s="1"/>
  <c r="JGO54" i="1" s="1"/>
  <c r="JGP54" i="1" s="1"/>
  <c r="JGQ54" i="1" s="1"/>
  <c r="JGR54" i="1" s="1"/>
  <c r="JGS54" i="1" s="1"/>
  <c r="JGT54" i="1" s="1"/>
  <c r="JGU54" i="1" s="1"/>
  <c r="JGV54" i="1" s="1"/>
  <c r="JGW54" i="1" s="1"/>
  <c r="JGX54" i="1" s="1"/>
  <c r="JGY54" i="1" s="1"/>
  <c r="JGZ54" i="1" s="1"/>
  <c r="JHA54" i="1" s="1"/>
  <c r="JHB54" i="1" s="1"/>
  <c r="JHC54" i="1" s="1"/>
  <c r="JHD54" i="1" s="1"/>
  <c r="JHE54" i="1" s="1"/>
  <c r="JHF54" i="1" s="1"/>
  <c r="JHG54" i="1" s="1"/>
  <c r="JHH54" i="1" s="1"/>
  <c r="JHI54" i="1" s="1"/>
  <c r="JHJ54" i="1" s="1"/>
  <c r="JHK54" i="1" s="1"/>
  <c r="JHL54" i="1" s="1"/>
  <c r="JHM54" i="1" s="1"/>
  <c r="JHN54" i="1" s="1"/>
  <c r="JHO54" i="1" s="1"/>
  <c r="JHP54" i="1" s="1"/>
  <c r="JHQ54" i="1" s="1"/>
  <c r="JHR54" i="1" s="1"/>
  <c r="JHS54" i="1" s="1"/>
  <c r="JHT54" i="1" s="1"/>
  <c r="JHU54" i="1" s="1"/>
  <c r="JHV54" i="1" s="1"/>
  <c r="JHW54" i="1" s="1"/>
  <c r="JHX54" i="1" s="1"/>
  <c r="JHY54" i="1" s="1"/>
  <c r="JHZ54" i="1" s="1"/>
  <c r="JIA54" i="1" s="1"/>
  <c r="JIB54" i="1" s="1"/>
  <c r="JIC54" i="1" s="1"/>
  <c r="JID54" i="1" s="1"/>
  <c r="JIE54" i="1" s="1"/>
  <c r="JIF54" i="1" s="1"/>
  <c r="JIG54" i="1" s="1"/>
  <c r="JIH54" i="1" s="1"/>
  <c r="JII54" i="1" s="1"/>
  <c r="JIJ54" i="1" s="1"/>
  <c r="JIK54" i="1" s="1"/>
  <c r="JIL54" i="1" s="1"/>
  <c r="JIM54" i="1" s="1"/>
  <c r="JIN54" i="1" s="1"/>
  <c r="JIO54" i="1" s="1"/>
  <c r="JIP54" i="1" s="1"/>
  <c r="JIQ54" i="1" s="1"/>
  <c r="JIR54" i="1" s="1"/>
  <c r="JIS54" i="1" s="1"/>
  <c r="JIT54" i="1" s="1"/>
  <c r="JIU54" i="1" s="1"/>
  <c r="JIV54" i="1" s="1"/>
  <c r="JIW54" i="1" s="1"/>
  <c r="JIX54" i="1" s="1"/>
  <c r="JIY54" i="1" s="1"/>
  <c r="JIZ54" i="1" s="1"/>
  <c r="JJA54" i="1" s="1"/>
  <c r="JJB54" i="1" s="1"/>
  <c r="JJC54" i="1" s="1"/>
  <c r="JJD54" i="1" s="1"/>
  <c r="JJE54" i="1" s="1"/>
  <c r="JJF54" i="1" s="1"/>
  <c r="JJG54" i="1" s="1"/>
  <c r="JJH54" i="1" s="1"/>
  <c r="JJI54" i="1" s="1"/>
  <c r="JJJ54" i="1" s="1"/>
  <c r="JJK54" i="1" s="1"/>
  <c r="JJL54" i="1" s="1"/>
  <c r="JJM54" i="1" s="1"/>
  <c r="JJN54" i="1" s="1"/>
  <c r="JJO54" i="1" s="1"/>
  <c r="JJP54" i="1" s="1"/>
  <c r="JJQ54" i="1" s="1"/>
  <c r="JJR54" i="1" s="1"/>
  <c r="JJS54" i="1" s="1"/>
  <c r="JJT54" i="1" s="1"/>
  <c r="JJU54" i="1" s="1"/>
  <c r="JJV54" i="1" s="1"/>
  <c r="JJW54" i="1" s="1"/>
  <c r="JJX54" i="1" s="1"/>
  <c r="JJY54" i="1" s="1"/>
  <c r="JJZ54" i="1" s="1"/>
  <c r="JKA54" i="1" s="1"/>
  <c r="JKB54" i="1" s="1"/>
  <c r="JKC54" i="1" s="1"/>
  <c r="JKD54" i="1" s="1"/>
  <c r="JKE54" i="1" s="1"/>
  <c r="JKF54" i="1" s="1"/>
  <c r="JKG54" i="1" s="1"/>
  <c r="JKH54" i="1" s="1"/>
  <c r="JKI54" i="1" s="1"/>
  <c r="JKJ54" i="1" s="1"/>
  <c r="JKK54" i="1" s="1"/>
  <c r="JKL54" i="1" s="1"/>
  <c r="JKM54" i="1" s="1"/>
  <c r="JKN54" i="1" s="1"/>
  <c r="JKO54" i="1" s="1"/>
  <c r="JKP54" i="1" s="1"/>
  <c r="JKQ54" i="1" s="1"/>
  <c r="JKR54" i="1" s="1"/>
  <c r="JKS54" i="1" s="1"/>
  <c r="JKT54" i="1" s="1"/>
  <c r="JKU54" i="1" s="1"/>
  <c r="JKV54" i="1" s="1"/>
  <c r="JKW54" i="1" s="1"/>
  <c r="JKX54" i="1" s="1"/>
  <c r="JKY54" i="1" s="1"/>
  <c r="JKZ54" i="1" s="1"/>
  <c r="JLA54" i="1" s="1"/>
  <c r="JLB54" i="1" s="1"/>
  <c r="JLC54" i="1" s="1"/>
  <c r="JLD54" i="1" s="1"/>
  <c r="JLE54" i="1" s="1"/>
  <c r="JLF54" i="1" s="1"/>
  <c r="JLG54" i="1" s="1"/>
  <c r="JLH54" i="1" s="1"/>
  <c r="JLI54" i="1" s="1"/>
  <c r="JLJ54" i="1" s="1"/>
  <c r="JLK54" i="1" s="1"/>
  <c r="JLL54" i="1" s="1"/>
  <c r="JLM54" i="1" s="1"/>
  <c r="JLN54" i="1" s="1"/>
  <c r="JLO54" i="1" s="1"/>
  <c r="JLP54" i="1" s="1"/>
  <c r="JLQ54" i="1" s="1"/>
  <c r="JLR54" i="1" s="1"/>
  <c r="JLS54" i="1" s="1"/>
  <c r="JLT54" i="1" s="1"/>
  <c r="JLU54" i="1" s="1"/>
  <c r="JLV54" i="1" s="1"/>
  <c r="JLW54" i="1" s="1"/>
  <c r="JLX54" i="1" s="1"/>
  <c r="JLY54" i="1" s="1"/>
  <c r="JLZ54" i="1" s="1"/>
  <c r="JMA54" i="1" s="1"/>
  <c r="JMB54" i="1" s="1"/>
  <c r="JMC54" i="1" s="1"/>
  <c r="JMD54" i="1" s="1"/>
  <c r="JME54" i="1" s="1"/>
  <c r="JMF54" i="1" s="1"/>
  <c r="JMG54" i="1" s="1"/>
  <c r="JMH54" i="1" s="1"/>
  <c r="JMI54" i="1" s="1"/>
  <c r="JMJ54" i="1" s="1"/>
  <c r="JMK54" i="1" s="1"/>
  <c r="JML54" i="1" s="1"/>
  <c r="JMM54" i="1" s="1"/>
  <c r="JMN54" i="1" s="1"/>
  <c r="JMO54" i="1" s="1"/>
  <c r="JMP54" i="1" s="1"/>
  <c r="JMQ54" i="1" s="1"/>
  <c r="JMR54" i="1" s="1"/>
  <c r="JMS54" i="1" s="1"/>
  <c r="JMT54" i="1" s="1"/>
  <c r="JMU54" i="1" s="1"/>
  <c r="JMV54" i="1" s="1"/>
  <c r="JMW54" i="1" s="1"/>
  <c r="JMX54" i="1" s="1"/>
  <c r="JMY54" i="1" s="1"/>
  <c r="JMZ54" i="1" s="1"/>
  <c r="JNA54" i="1" s="1"/>
  <c r="JNB54" i="1" s="1"/>
  <c r="JNC54" i="1" s="1"/>
  <c r="JND54" i="1" s="1"/>
  <c r="JNE54" i="1" s="1"/>
  <c r="JNF54" i="1" s="1"/>
  <c r="JNG54" i="1" s="1"/>
  <c r="JNH54" i="1" s="1"/>
  <c r="JNI54" i="1" s="1"/>
  <c r="JNJ54" i="1" s="1"/>
  <c r="JNK54" i="1" s="1"/>
  <c r="JNL54" i="1" s="1"/>
  <c r="JNM54" i="1" s="1"/>
  <c r="JNN54" i="1" s="1"/>
  <c r="JNO54" i="1" s="1"/>
  <c r="JNP54" i="1" s="1"/>
  <c r="JNQ54" i="1" s="1"/>
  <c r="JNR54" i="1" s="1"/>
  <c r="JNS54" i="1" s="1"/>
  <c r="JNT54" i="1" s="1"/>
  <c r="JNU54" i="1" s="1"/>
  <c r="JNV54" i="1" s="1"/>
  <c r="JNW54" i="1" s="1"/>
  <c r="JNX54" i="1" s="1"/>
  <c r="JNY54" i="1" s="1"/>
  <c r="JNZ54" i="1" s="1"/>
  <c r="JOA54" i="1" s="1"/>
  <c r="JOB54" i="1" s="1"/>
  <c r="JOC54" i="1" s="1"/>
  <c r="JOD54" i="1" s="1"/>
  <c r="JOE54" i="1" s="1"/>
  <c r="JOF54" i="1" s="1"/>
  <c r="JOG54" i="1" s="1"/>
  <c r="JOH54" i="1" s="1"/>
  <c r="JOI54" i="1" s="1"/>
  <c r="JOJ54" i="1" s="1"/>
  <c r="JOK54" i="1" s="1"/>
  <c r="JOL54" i="1" s="1"/>
  <c r="JOM54" i="1" s="1"/>
  <c r="JON54" i="1" s="1"/>
  <c r="JOO54" i="1" s="1"/>
  <c r="JOP54" i="1" s="1"/>
  <c r="JOQ54" i="1" s="1"/>
  <c r="JOR54" i="1" s="1"/>
  <c r="JOS54" i="1" s="1"/>
  <c r="JOT54" i="1" s="1"/>
  <c r="JOU54" i="1" s="1"/>
  <c r="JOV54" i="1" s="1"/>
  <c r="JOW54" i="1" s="1"/>
  <c r="JOX54" i="1" s="1"/>
  <c r="JOY54" i="1" s="1"/>
  <c r="JOZ54" i="1" s="1"/>
  <c r="JPA54" i="1" s="1"/>
  <c r="JPB54" i="1" s="1"/>
  <c r="JPC54" i="1" s="1"/>
  <c r="JPD54" i="1" s="1"/>
  <c r="JPE54" i="1" s="1"/>
  <c r="JPF54" i="1" s="1"/>
  <c r="JPG54" i="1" s="1"/>
  <c r="JPH54" i="1" s="1"/>
  <c r="JPI54" i="1" s="1"/>
  <c r="JPJ54" i="1" s="1"/>
  <c r="JPK54" i="1" s="1"/>
  <c r="JPL54" i="1" s="1"/>
  <c r="JPM54" i="1" s="1"/>
  <c r="JPN54" i="1" s="1"/>
  <c r="JPO54" i="1" s="1"/>
  <c r="JPP54" i="1" s="1"/>
  <c r="JPQ54" i="1" s="1"/>
  <c r="JPR54" i="1" s="1"/>
  <c r="JPS54" i="1" s="1"/>
  <c r="JPT54" i="1" s="1"/>
  <c r="JPU54" i="1" s="1"/>
  <c r="JPV54" i="1" s="1"/>
  <c r="JPW54" i="1" s="1"/>
  <c r="JPX54" i="1" s="1"/>
  <c r="JPY54" i="1" s="1"/>
  <c r="JPZ54" i="1" s="1"/>
  <c r="JQA54" i="1" s="1"/>
  <c r="JQB54" i="1" s="1"/>
  <c r="JQC54" i="1" s="1"/>
  <c r="JQD54" i="1" s="1"/>
  <c r="JQE54" i="1" s="1"/>
  <c r="JQF54" i="1" s="1"/>
  <c r="JQG54" i="1" s="1"/>
  <c r="JQH54" i="1" s="1"/>
  <c r="JQI54" i="1" s="1"/>
  <c r="JQJ54" i="1" s="1"/>
  <c r="JQK54" i="1" s="1"/>
  <c r="JQL54" i="1" s="1"/>
  <c r="JQM54" i="1" s="1"/>
  <c r="JQN54" i="1" s="1"/>
  <c r="JQO54" i="1" s="1"/>
  <c r="JQP54" i="1" s="1"/>
  <c r="JQQ54" i="1" s="1"/>
  <c r="JQR54" i="1" s="1"/>
  <c r="JQS54" i="1" s="1"/>
  <c r="JQT54" i="1" s="1"/>
  <c r="JQU54" i="1" s="1"/>
  <c r="JQV54" i="1" s="1"/>
  <c r="JQW54" i="1" s="1"/>
  <c r="JQX54" i="1" s="1"/>
  <c r="JQY54" i="1" s="1"/>
  <c r="JQZ54" i="1" s="1"/>
  <c r="JRA54" i="1" s="1"/>
  <c r="JRB54" i="1" s="1"/>
  <c r="JRC54" i="1" s="1"/>
  <c r="JRD54" i="1" s="1"/>
  <c r="JRE54" i="1" s="1"/>
  <c r="JRF54" i="1" s="1"/>
  <c r="JRG54" i="1" s="1"/>
  <c r="JRH54" i="1" s="1"/>
  <c r="JRI54" i="1" s="1"/>
  <c r="JRJ54" i="1" s="1"/>
  <c r="JRK54" i="1" s="1"/>
  <c r="JRL54" i="1" s="1"/>
  <c r="JRM54" i="1" s="1"/>
  <c r="JRN54" i="1" s="1"/>
  <c r="JRO54" i="1" s="1"/>
  <c r="JRP54" i="1" s="1"/>
  <c r="JRQ54" i="1" s="1"/>
  <c r="JRR54" i="1" s="1"/>
  <c r="JRS54" i="1" s="1"/>
  <c r="JRT54" i="1" s="1"/>
  <c r="JRU54" i="1" s="1"/>
  <c r="JRV54" i="1" s="1"/>
  <c r="JRW54" i="1" s="1"/>
  <c r="JRX54" i="1" s="1"/>
  <c r="JRY54" i="1" s="1"/>
  <c r="JRZ54" i="1" s="1"/>
  <c r="JSA54" i="1" s="1"/>
  <c r="JSB54" i="1" s="1"/>
  <c r="JSC54" i="1" s="1"/>
  <c r="JSD54" i="1" s="1"/>
  <c r="JSE54" i="1" s="1"/>
  <c r="JSF54" i="1" s="1"/>
  <c r="JSG54" i="1" s="1"/>
  <c r="JSH54" i="1" s="1"/>
  <c r="JSI54" i="1" s="1"/>
  <c r="JSJ54" i="1" s="1"/>
  <c r="JSK54" i="1" s="1"/>
  <c r="JSL54" i="1" s="1"/>
  <c r="JSM54" i="1" s="1"/>
  <c r="JSN54" i="1" s="1"/>
  <c r="JSO54" i="1" s="1"/>
  <c r="JSP54" i="1" s="1"/>
  <c r="JSQ54" i="1" s="1"/>
  <c r="JSR54" i="1" s="1"/>
  <c r="JSS54" i="1" s="1"/>
  <c r="JST54" i="1" s="1"/>
  <c r="JSU54" i="1" s="1"/>
  <c r="JSV54" i="1" s="1"/>
  <c r="JSW54" i="1" s="1"/>
  <c r="JSX54" i="1" s="1"/>
  <c r="JSY54" i="1" s="1"/>
  <c r="JSZ54" i="1" s="1"/>
  <c r="JTA54" i="1" s="1"/>
  <c r="JTB54" i="1" s="1"/>
  <c r="JTC54" i="1" s="1"/>
  <c r="JTD54" i="1" s="1"/>
  <c r="JTE54" i="1" s="1"/>
  <c r="JTF54" i="1" s="1"/>
  <c r="JTG54" i="1" s="1"/>
  <c r="JTH54" i="1" s="1"/>
  <c r="JTI54" i="1" s="1"/>
  <c r="JTJ54" i="1" s="1"/>
  <c r="JTK54" i="1" s="1"/>
  <c r="JTL54" i="1" s="1"/>
  <c r="JTM54" i="1" s="1"/>
  <c r="JTN54" i="1" s="1"/>
  <c r="JTO54" i="1" s="1"/>
  <c r="JTP54" i="1" s="1"/>
  <c r="JTQ54" i="1" s="1"/>
  <c r="JTR54" i="1" s="1"/>
  <c r="JTS54" i="1" s="1"/>
  <c r="JTT54" i="1" s="1"/>
  <c r="JTU54" i="1" s="1"/>
  <c r="JTV54" i="1" s="1"/>
  <c r="JTW54" i="1" s="1"/>
  <c r="JTX54" i="1" s="1"/>
  <c r="JTY54" i="1" s="1"/>
  <c r="JTZ54" i="1" s="1"/>
  <c r="JUA54" i="1" s="1"/>
  <c r="JUB54" i="1" s="1"/>
  <c r="JUC54" i="1" s="1"/>
  <c r="JUD54" i="1" s="1"/>
  <c r="JUE54" i="1" s="1"/>
  <c r="JUF54" i="1" s="1"/>
  <c r="JUG54" i="1" s="1"/>
  <c r="JUH54" i="1" s="1"/>
  <c r="JUI54" i="1" s="1"/>
  <c r="JUJ54" i="1" s="1"/>
  <c r="JUK54" i="1" s="1"/>
  <c r="JUL54" i="1" s="1"/>
  <c r="JUM54" i="1" s="1"/>
  <c r="JUN54" i="1" s="1"/>
  <c r="JUO54" i="1" s="1"/>
  <c r="JUP54" i="1" s="1"/>
  <c r="JUQ54" i="1" s="1"/>
  <c r="JUR54" i="1" s="1"/>
  <c r="JUS54" i="1" s="1"/>
  <c r="JUT54" i="1" s="1"/>
  <c r="JUU54" i="1" s="1"/>
  <c r="JUV54" i="1" s="1"/>
  <c r="JUW54" i="1" s="1"/>
  <c r="JUX54" i="1" s="1"/>
  <c r="JUY54" i="1" s="1"/>
  <c r="JUZ54" i="1" s="1"/>
  <c r="JVA54" i="1" s="1"/>
  <c r="JVB54" i="1" s="1"/>
  <c r="JVC54" i="1" s="1"/>
  <c r="JVD54" i="1" s="1"/>
  <c r="JVE54" i="1" s="1"/>
  <c r="JVF54" i="1" s="1"/>
  <c r="JVG54" i="1" s="1"/>
  <c r="JVH54" i="1" s="1"/>
  <c r="JVI54" i="1" s="1"/>
  <c r="JVJ54" i="1" s="1"/>
  <c r="JVK54" i="1" s="1"/>
  <c r="JVL54" i="1" s="1"/>
  <c r="JVM54" i="1" s="1"/>
  <c r="JVN54" i="1" s="1"/>
  <c r="JVO54" i="1" s="1"/>
  <c r="JVP54" i="1" s="1"/>
  <c r="JVQ54" i="1" s="1"/>
  <c r="JVR54" i="1" s="1"/>
  <c r="JVS54" i="1" s="1"/>
  <c r="JVT54" i="1" s="1"/>
  <c r="JVU54" i="1" s="1"/>
  <c r="JVV54" i="1" s="1"/>
  <c r="JVW54" i="1" s="1"/>
  <c r="JVX54" i="1" s="1"/>
  <c r="JVY54" i="1" s="1"/>
  <c r="JVZ54" i="1" s="1"/>
  <c r="JWA54" i="1" s="1"/>
  <c r="JWB54" i="1" s="1"/>
  <c r="JWC54" i="1" s="1"/>
  <c r="JWD54" i="1" s="1"/>
  <c r="JWE54" i="1" s="1"/>
  <c r="JWF54" i="1" s="1"/>
  <c r="JWG54" i="1" s="1"/>
  <c r="JWH54" i="1" s="1"/>
  <c r="JWI54" i="1" s="1"/>
  <c r="JWJ54" i="1" s="1"/>
  <c r="JWK54" i="1" s="1"/>
  <c r="JWL54" i="1" s="1"/>
  <c r="JWM54" i="1" s="1"/>
  <c r="JWN54" i="1" s="1"/>
  <c r="JWO54" i="1" s="1"/>
  <c r="JWP54" i="1" s="1"/>
  <c r="JWQ54" i="1" s="1"/>
  <c r="JWR54" i="1" s="1"/>
  <c r="JWS54" i="1" s="1"/>
  <c r="JWT54" i="1" s="1"/>
  <c r="JWU54" i="1" s="1"/>
  <c r="JWV54" i="1" s="1"/>
  <c r="JWW54" i="1" s="1"/>
  <c r="JWX54" i="1" s="1"/>
  <c r="JWY54" i="1" s="1"/>
  <c r="JWZ54" i="1" s="1"/>
  <c r="JXA54" i="1" s="1"/>
  <c r="JXB54" i="1" s="1"/>
  <c r="JXC54" i="1" s="1"/>
  <c r="JXD54" i="1" s="1"/>
  <c r="JXE54" i="1" s="1"/>
  <c r="JXF54" i="1" s="1"/>
  <c r="JXG54" i="1" s="1"/>
  <c r="JXH54" i="1" s="1"/>
  <c r="JXI54" i="1" s="1"/>
  <c r="JXJ54" i="1" s="1"/>
  <c r="JXK54" i="1" s="1"/>
  <c r="JXL54" i="1" s="1"/>
  <c r="JXM54" i="1" s="1"/>
  <c r="JXN54" i="1" s="1"/>
  <c r="JXO54" i="1" s="1"/>
  <c r="JXP54" i="1" s="1"/>
  <c r="JXQ54" i="1" s="1"/>
  <c r="JXR54" i="1" s="1"/>
  <c r="JXS54" i="1" s="1"/>
  <c r="JXT54" i="1" s="1"/>
  <c r="JXU54" i="1" s="1"/>
  <c r="JXV54" i="1" s="1"/>
  <c r="JXW54" i="1" s="1"/>
  <c r="JXX54" i="1" s="1"/>
  <c r="JXY54" i="1" s="1"/>
  <c r="JXZ54" i="1" s="1"/>
  <c r="JYA54" i="1" s="1"/>
  <c r="JYB54" i="1" s="1"/>
  <c r="JYC54" i="1" s="1"/>
  <c r="JYD54" i="1" s="1"/>
  <c r="JYE54" i="1" s="1"/>
  <c r="JYF54" i="1" s="1"/>
  <c r="JYG54" i="1" s="1"/>
  <c r="JYH54" i="1" s="1"/>
  <c r="JYI54" i="1" s="1"/>
  <c r="JYJ54" i="1" s="1"/>
  <c r="JYK54" i="1" s="1"/>
  <c r="JYL54" i="1" s="1"/>
  <c r="JYM54" i="1" s="1"/>
  <c r="JYN54" i="1" s="1"/>
  <c r="JYO54" i="1" s="1"/>
  <c r="JYP54" i="1" s="1"/>
  <c r="JYQ54" i="1" s="1"/>
  <c r="JYR54" i="1" s="1"/>
  <c r="JYS54" i="1" s="1"/>
  <c r="JYT54" i="1" s="1"/>
  <c r="JYU54" i="1" s="1"/>
  <c r="JYV54" i="1" s="1"/>
  <c r="JYW54" i="1" s="1"/>
  <c r="JYX54" i="1" s="1"/>
  <c r="JYY54" i="1" s="1"/>
  <c r="JYZ54" i="1" s="1"/>
  <c r="JZA54" i="1" s="1"/>
  <c r="JZB54" i="1" s="1"/>
  <c r="JZC54" i="1" s="1"/>
  <c r="JZD54" i="1" s="1"/>
  <c r="JZE54" i="1" s="1"/>
  <c r="JZF54" i="1" s="1"/>
  <c r="JZG54" i="1" s="1"/>
  <c r="JZH54" i="1" s="1"/>
  <c r="JZI54" i="1" s="1"/>
  <c r="JZJ54" i="1" s="1"/>
  <c r="JZK54" i="1" s="1"/>
  <c r="JZL54" i="1" s="1"/>
  <c r="JZM54" i="1" s="1"/>
  <c r="JZN54" i="1" s="1"/>
  <c r="JZO54" i="1" s="1"/>
  <c r="JZP54" i="1" s="1"/>
  <c r="JZQ54" i="1" s="1"/>
  <c r="JZR54" i="1" s="1"/>
  <c r="JZS54" i="1" s="1"/>
  <c r="JZT54" i="1" s="1"/>
  <c r="JZU54" i="1" s="1"/>
  <c r="JZV54" i="1" s="1"/>
  <c r="JZW54" i="1" s="1"/>
  <c r="JZX54" i="1" s="1"/>
  <c r="JZY54" i="1" s="1"/>
  <c r="JZZ54" i="1" s="1"/>
  <c r="KAA54" i="1" s="1"/>
  <c r="KAB54" i="1" s="1"/>
  <c r="KAC54" i="1" s="1"/>
  <c r="KAD54" i="1" s="1"/>
  <c r="KAE54" i="1" s="1"/>
  <c r="KAF54" i="1" s="1"/>
  <c r="KAG54" i="1" s="1"/>
  <c r="KAH54" i="1" s="1"/>
  <c r="KAI54" i="1" s="1"/>
  <c r="KAJ54" i="1" s="1"/>
  <c r="KAK54" i="1" s="1"/>
  <c r="KAL54" i="1" s="1"/>
  <c r="KAM54" i="1" s="1"/>
  <c r="KAN54" i="1" s="1"/>
  <c r="KAO54" i="1" s="1"/>
  <c r="KAP54" i="1" s="1"/>
  <c r="KAQ54" i="1" s="1"/>
  <c r="KAR54" i="1" s="1"/>
  <c r="KAS54" i="1" s="1"/>
  <c r="KAT54" i="1" s="1"/>
  <c r="KAU54" i="1" s="1"/>
  <c r="KAV54" i="1" s="1"/>
  <c r="KAW54" i="1" s="1"/>
  <c r="KAX54" i="1" s="1"/>
  <c r="KAY54" i="1" s="1"/>
  <c r="KAZ54" i="1" s="1"/>
  <c r="KBA54" i="1" s="1"/>
  <c r="KBB54" i="1" s="1"/>
  <c r="KBC54" i="1" s="1"/>
  <c r="KBD54" i="1" s="1"/>
  <c r="KBE54" i="1" s="1"/>
  <c r="KBF54" i="1" s="1"/>
  <c r="KBG54" i="1" s="1"/>
  <c r="KBH54" i="1" s="1"/>
  <c r="KBI54" i="1" s="1"/>
  <c r="KBJ54" i="1" s="1"/>
  <c r="KBK54" i="1" s="1"/>
  <c r="KBL54" i="1" s="1"/>
  <c r="KBM54" i="1" s="1"/>
  <c r="KBN54" i="1" s="1"/>
  <c r="KBO54" i="1" s="1"/>
  <c r="KBP54" i="1" s="1"/>
  <c r="KBQ54" i="1" s="1"/>
  <c r="KBR54" i="1" s="1"/>
  <c r="KBS54" i="1" s="1"/>
  <c r="KBT54" i="1" s="1"/>
  <c r="KBU54" i="1" s="1"/>
  <c r="KBV54" i="1" s="1"/>
  <c r="KBW54" i="1" s="1"/>
  <c r="KBX54" i="1" s="1"/>
  <c r="KBY54" i="1" s="1"/>
  <c r="KBZ54" i="1" s="1"/>
  <c r="KCA54" i="1" s="1"/>
  <c r="KCB54" i="1" s="1"/>
  <c r="KCC54" i="1" s="1"/>
  <c r="KCD54" i="1" s="1"/>
  <c r="KCE54" i="1" s="1"/>
  <c r="KCF54" i="1" s="1"/>
  <c r="KCG54" i="1" s="1"/>
  <c r="KCH54" i="1" s="1"/>
  <c r="KCI54" i="1" s="1"/>
  <c r="KCJ54" i="1" s="1"/>
  <c r="KCK54" i="1" s="1"/>
  <c r="KCL54" i="1" s="1"/>
  <c r="KCM54" i="1" s="1"/>
  <c r="KCN54" i="1" s="1"/>
  <c r="KCO54" i="1" s="1"/>
  <c r="KCP54" i="1" s="1"/>
  <c r="KCQ54" i="1" s="1"/>
  <c r="KCR54" i="1" s="1"/>
  <c r="KCS54" i="1" s="1"/>
  <c r="KCT54" i="1" s="1"/>
  <c r="KCU54" i="1" s="1"/>
  <c r="KCV54" i="1" s="1"/>
  <c r="KCW54" i="1" s="1"/>
  <c r="KCX54" i="1" s="1"/>
  <c r="KCY54" i="1" s="1"/>
  <c r="KCZ54" i="1" s="1"/>
  <c r="KDA54" i="1" s="1"/>
  <c r="KDB54" i="1" s="1"/>
  <c r="KDC54" i="1" s="1"/>
  <c r="KDD54" i="1" s="1"/>
  <c r="KDE54" i="1" s="1"/>
  <c r="KDF54" i="1" s="1"/>
  <c r="KDG54" i="1" s="1"/>
  <c r="KDH54" i="1" s="1"/>
  <c r="KDI54" i="1" s="1"/>
  <c r="KDJ54" i="1" s="1"/>
  <c r="KDK54" i="1" s="1"/>
  <c r="KDL54" i="1" s="1"/>
  <c r="KDM54" i="1" s="1"/>
  <c r="KDN54" i="1" s="1"/>
  <c r="KDO54" i="1" s="1"/>
  <c r="KDP54" i="1" s="1"/>
  <c r="KDQ54" i="1" s="1"/>
  <c r="KDR54" i="1" s="1"/>
  <c r="KDS54" i="1" s="1"/>
  <c r="KDT54" i="1" s="1"/>
  <c r="KDU54" i="1" s="1"/>
  <c r="KDV54" i="1" s="1"/>
  <c r="KDW54" i="1" s="1"/>
  <c r="KDX54" i="1" s="1"/>
  <c r="KDY54" i="1" s="1"/>
  <c r="KDZ54" i="1" s="1"/>
  <c r="KEA54" i="1" s="1"/>
  <c r="KEB54" i="1" s="1"/>
  <c r="KEC54" i="1" s="1"/>
  <c r="KED54" i="1" s="1"/>
  <c r="KEE54" i="1" s="1"/>
  <c r="KEF54" i="1" s="1"/>
  <c r="KEG54" i="1" s="1"/>
  <c r="KEH54" i="1" s="1"/>
  <c r="KEI54" i="1" s="1"/>
  <c r="KEJ54" i="1" s="1"/>
  <c r="KEK54" i="1" s="1"/>
  <c r="KEL54" i="1" s="1"/>
  <c r="KEM54" i="1" s="1"/>
  <c r="KEN54" i="1" s="1"/>
  <c r="KEO54" i="1" s="1"/>
  <c r="KEP54" i="1" s="1"/>
  <c r="KEQ54" i="1" s="1"/>
  <c r="KER54" i="1" s="1"/>
  <c r="KES54" i="1" s="1"/>
  <c r="KET54" i="1" s="1"/>
  <c r="KEU54" i="1" s="1"/>
  <c r="KEV54" i="1" s="1"/>
  <c r="KEW54" i="1" s="1"/>
  <c r="KEX54" i="1" s="1"/>
  <c r="KEY54" i="1" s="1"/>
  <c r="KEZ54" i="1" s="1"/>
  <c r="KFA54" i="1" s="1"/>
  <c r="KFB54" i="1" s="1"/>
  <c r="KFC54" i="1" s="1"/>
  <c r="KFD54" i="1" s="1"/>
  <c r="KFE54" i="1" s="1"/>
  <c r="KFF54" i="1" s="1"/>
  <c r="KFG54" i="1" s="1"/>
  <c r="KFH54" i="1" s="1"/>
  <c r="KFI54" i="1" s="1"/>
  <c r="KFJ54" i="1" s="1"/>
  <c r="KFK54" i="1" s="1"/>
  <c r="KFL54" i="1" s="1"/>
  <c r="KFM54" i="1" s="1"/>
  <c r="KFN54" i="1" s="1"/>
  <c r="KFO54" i="1" s="1"/>
  <c r="KFP54" i="1" s="1"/>
  <c r="KFQ54" i="1" s="1"/>
  <c r="KFR54" i="1" s="1"/>
  <c r="KFS54" i="1" s="1"/>
  <c r="KFT54" i="1" s="1"/>
  <c r="KFU54" i="1" s="1"/>
  <c r="KFV54" i="1" s="1"/>
  <c r="KFW54" i="1" s="1"/>
  <c r="KFX54" i="1" s="1"/>
  <c r="KFY54" i="1" s="1"/>
  <c r="KFZ54" i="1" s="1"/>
  <c r="KGA54" i="1" s="1"/>
  <c r="KGB54" i="1" s="1"/>
  <c r="KGC54" i="1" s="1"/>
  <c r="KGD54" i="1" s="1"/>
  <c r="KGE54" i="1" s="1"/>
  <c r="KGF54" i="1" s="1"/>
  <c r="KGG54" i="1" s="1"/>
  <c r="KGH54" i="1" s="1"/>
  <c r="KGI54" i="1" s="1"/>
  <c r="KGJ54" i="1" s="1"/>
  <c r="KGK54" i="1" s="1"/>
  <c r="KGL54" i="1" s="1"/>
  <c r="KGM54" i="1" s="1"/>
  <c r="KGN54" i="1" s="1"/>
  <c r="KGO54" i="1" s="1"/>
  <c r="KGP54" i="1" s="1"/>
  <c r="KGQ54" i="1" s="1"/>
  <c r="KGR54" i="1" s="1"/>
  <c r="KGS54" i="1" s="1"/>
  <c r="KGT54" i="1" s="1"/>
  <c r="KGU54" i="1" s="1"/>
  <c r="KGV54" i="1" s="1"/>
  <c r="KGW54" i="1" s="1"/>
  <c r="KGX54" i="1" s="1"/>
  <c r="KGY54" i="1" s="1"/>
  <c r="KGZ54" i="1" s="1"/>
  <c r="KHA54" i="1" s="1"/>
  <c r="KHB54" i="1" s="1"/>
  <c r="KHC54" i="1" s="1"/>
  <c r="KHD54" i="1" s="1"/>
  <c r="KHE54" i="1" s="1"/>
  <c r="KHF54" i="1" s="1"/>
  <c r="KHG54" i="1" s="1"/>
  <c r="KHH54" i="1" s="1"/>
  <c r="KHI54" i="1" s="1"/>
  <c r="KHJ54" i="1" s="1"/>
  <c r="KHK54" i="1" s="1"/>
  <c r="KHL54" i="1" s="1"/>
  <c r="KHM54" i="1" s="1"/>
  <c r="KHN54" i="1" s="1"/>
  <c r="KHO54" i="1" s="1"/>
  <c r="KHP54" i="1" s="1"/>
  <c r="KHQ54" i="1" s="1"/>
  <c r="KHR54" i="1" s="1"/>
  <c r="KHS54" i="1" s="1"/>
  <c r="KHT54" i="1" s="1"/>
  <c r="KHU54" i="1" s="1"/>
  <c r="KHV54" i="1" s="1"/>
  <c r="KHW54" i="1" s="1"/>
  <c r="KHX54" i="1" s="1"/>
  <c r="KHY54" i="1" s="1"/>
  <c r="KHZ54" i="1" s="1"/>
  <c r="KIA54" i="1" s="1"/>
  <c r="KIB54" i="1" s="1"/>
  <c r="KIC54" i="1" s="1"/>
  <c r="KID54" i="1" s="1"/>
  <c r="KIE54" i="1" s="1"/>
  <c r="KIF54" i="1" s="1"/>
  <c r="KIG54" i="1" s="1"/>
  <c r="KIH54" i="1" s="1"/>
  <c r="KII54" i="1" s="1"/>
  <c r="KIJ54" i="1" s="1"/>
  <c r="KIK54" i="1" s="1"/>
  <c r="KIL54" i="1" s="1"/>
  <c r="KIM54" i="1" s="1"/>
  <c r="KIN54" i="1" s="1"/>
  <c r="KIO54" i="1" s="1"/>
  <c r="KIP54" i="1" s="1"/>
  <c r="KIQ54" i="1" s="1"/>
  <c r="KIR54" i="1" s="1"/>
  <c r="KIS54" i="1" s="1"/>
  <c r="KIT54" i="1" s="1"/>
  <c r="KIU54" i="1" s="1"/>
  <c r="KIV54" i="1" s="1"/>
  <c r="KIW54" i="1" s="1"/>
  <c r="KIX54" i="1" s="1"/>
  <c r="KIY54" i="1" s="1"/>
  <c r="KIZ54" i="1" s="1"/>
  <c r="KJA54" i="1" s="1"/>
  <c r="KJB54" i="1" s="1"/>
  <c r="KJC54" i="1" s="1"/>
  <c r="KJD54" i="1" s="1"/>
  <c r="KJE54" i="1" s="1"/>
  <c r="KJF54" i="1" s="1"/>
  <c r="KJG54" i="1" s="1"/>
  <c r="KJH54" i="1" s="1"/>
  <c r="KJI54" i="1" s="1"/>
  <c r="KJJ54" i="1" s="1"/>
  <c r="KJK54" i="1" s="1"/>
  <c r="KJL54" i="1" s="1"/>
  <c r="KJM54" i="1" s="1"/>
  <c r="KJN54" i="1" s="1"/>
  <c r="KJO54" i="1" s="1"/>
  <c r="KJP54" i="1" s="1"/>
  <c r="KJQ54" i="1" s="1"/>
  <c r="KJR54" i="1" s="1"/>
  <c r="KJS54" i="1" s="1"/>
  <c r="KJT54" i="1" s="1"/>
  <c r="KJU54" i="1" s="1"/>
  <c r="KJV54" i="1" s="1"/>
  <c r="KJW54" i="1" s="1"/>
  <c r="KJX54" i="1" s="1"/>
  <c r="KJY54" i="1" s="1"/>
  <c r="KJZ54" i="1" s="1"/>
  <c r="KKA54" i="1" s="1"/>
  <c r="KKB54" i="1" s="1"/>
  <c r="KKC54" i="1" s="1"/>
  <c r="KKD54" i="1" s="1"/>
  <c r="KKE54" i="1" s="1"/>
  <c r="KKF54" i="1" s="1"/>
  <c r="KKG54" i="1" s="1"/>
  <c r="KKH54" i="1" s="1"/>
  <c r="KKI54" i="1" s="1"/>
  <c r="KKJ54" i="1" s="1"/>
  <c r="KKK54" i="1" s="1"/>
  <c r="KKL54" i="1" s="1"/>
  <c r="KKM54" i="1" s="1"/>
  <c r="KKN54" i="1" s="1"/>
  <c r="KKO54" i="1" s="1"/>
  <c r="KKP54" i="1" s="1"/>
  <c r="KKQ54" i="1" s="1"/>
  <c r="KKR54" i="1" s="1"/>
  <c r="KKS54" i="1" s="1"/>
  <c r="KKT54" i="1" s="1"/>
  <c r="KKU54" i="1" s="1"/>
  <c r="KKV54" i="1" s="1"/>
  <c r="KKW54" i="1" s="1"/>
  <c r="KKX54" i="1" s="1"/>
  <c r="KKY54" i="1" s="1"/>
  <c r="KKZ54" i="1" s="1"/>
  <c r="KLA54" i="1" s="1"/>
  <c r="KLB54" i="1" s="1"/>
  <c r="KLC54" i="1" s="1"/>
  <c r="KLD54" i="1" s="1"/>
  <c r="KLE54" i="1" s="1"/>
  <c r="KLF54" i="1" s="1"/>
  <c r="KLG54" i="1" s="1"/>
  <c r="KLH54" i="1" s="1"/>
  <c r="KLI54" i="1" s="1"/>
  <c r="KLJ54" i="1" s="1"/>
  <c r="KLK54" i="1" s="1"/>
  <c r="KLL54" i="1" s="1"/>
  <c r="KLM54" i="1" s="1"/>
  <c r="KLN54" i="1" s="1"/>
  <c r="KLO54" i="1" s="1"/>
  <c r="KLP54" i="1" s="1"/>
  <c r="KLQ54" i="1" s="1"/>
  <c r="KLR54" i="1" s="1"/>
  <c r="KLS54" i="1" s="1"/>
  <c r="KLT54" i="1" s="1"/>
  <c r="KLU54" i="1" s="1"/>
  <c r="KLV54" i="1" s="1"/>
  <c r="KLW54" i="1" s="1"/>
  <c r="KLX54" i="1" s="1"/>
  <c r="KLY54" i="1" s="1"/>
  <c r="KLZ54" i="1" s="1"/>
  <c r="KMA54" i="1" s="1"/>
  <c r="KMB54" i="1" s="1"/>
  <c r="KMC54" i="1" s="1"/>
  <c r="KMD54" i="1" s="1"/>
  <c r="KME54" i="1" s="1"/>
  <c r="KMF54" i="1" s="1"/>
  <c r="KMG54" i="1" s="1"/>
  <c r="KMH54" i="1" s="1"/>
  <c r="KMI54" i="1" s="1"/>
  <c r="KMJ54" i="1" s="1"/>
  <c r="KMK54" i="1" s="1"/>
  <c r="KML54" i="1" s="1"/>
  <c r="KMM54" i="1" s="1"/>
  <c r="KMN54" i="1" s="1"/>
  <c r="KMO54" i="1" s="1"/>
  <c r="KMP54" i="1" s="1"/>
  <c r="KMQ54" i="1" s="1"/>
  <c r="KMR54" i="1" s="1"/>
  <c r="KMS54" i="1" s="1"/>
  <c r="KMT54" i="1" s="1"/>
  <c r="KMU54" i="1" s="1"/>
  <c r="KMV54" i="1" s="1"/>
  <c r="KMW54" i="1" s="1"/>
  <c r="KMX54" i="1" s="1"/>
  <c r="KMY54" i="1" s="1"/>
  <c r="KMZ54" i="1" s="1"/>
  <c r="KNA54" i="1" s="1"/>
  <c r="KNB54" i="1" s="1"/>
  <c r="KNC54" i="1" s="1"/>
  <c r="KND54" i="1" s="1"/>
  <c r="KNE54" i="1" s="1"/>
  <c r="KNF54" i="1" s="1"/>
  <c r="KNG54" i="1" s="1"/>
  <c r="KNH54" i="1" s="1"/>
  <c r="KNI54" i="1" s="1"/>
  <c r="KNJ54" i="1" s="1"/>
  <c r="KNK54" i="1" s="1"/>
  <c r="KNL54" i="1" s="1"/>
  <c r="KNM54" i="1" s="1"/>
  <c r="KNN54" i="1" s="1"/>
  <c r="KNO54" i="1" s="1"/>
  <c r="KNP54" i="1" s="1"/>
  <c r="KNQ54" i="1" s="1"/>
  <c r="KNR54" i="1" s="1"/>
  <c r="KNS54" i="1" s="1"/>
  <c r="KNT54" i="1" s="1"/>
  <c r="KNU54" i="1" s="1"/>
  <c r="KNV54" i="1" s="1"/>
  <c r="KNW54" i="1" s="1"/>
  <c r="KNX54" i="1" s="1"/>
  <c r="KNY54" i="1" s="1"/>
  <c r="KNZ54" i="1" s="1"/>
  <c r="KOA54" i="1" s="1"/>
  <c r="KOB54" i="1" s="1"/>
  <c r="KOC54" i="1" s="1"/>
  <c r="KOD54" i="1" s="1"/>
  <c r="KOE54" i="1" s="1"/>
  <c r="KOF54" i="1" s="1"/>
  <c r="KOG54" i="1" s="1"/>
  <c r="KOH54" i="1" s="1"/>
  <c r="KOI54" i="1" s="1"/>
  <c r="KOJ54" i="1" s="1"/>
  <c r="KOK54" i="1" s="1"/>
  <c r="KOL54" i="1" s="1"/>
  <c r="KOM54" i="1" s="1"/>
  <c r="KON54" i="1" s="1"/>
  <c r="KOO54" i="1" s="1"/>
  <c r="KOP54" i="1" s="1"/>
  <c r="KOQ54" i="1" s="1"/>
  <c r="KOR54" i="1" s="1"/>
  <c r="KOS54" i="1" s="1"/>
  <c r="KOT54" i="1" s="1"/>
  <c r="KOU54" i="1" s="1"/>
  <c r="KOV54" i="1" s="1"/>
  <c r="KOW54" i="1" s="1"/>
  <c r="KOX54" i="1" s="1"/>
  <c r="KOY54" i="1" s="1"/>
  <c r="KOZ54" i="1" s="1"/>
  <c r="KPA54" i="1" s="1"/>
  <c r="KPB54" i="1" s="1"/>
  <c r="KPC54" i="1" s="1"/>
  <c r="KPD54" i="1" s="1"/>
  <c r="KPE54" i="1" s="1"/>
  <c r="KPF54" i="1" s="1"/>
  <c r="KPG54" i="1" s="1"/>
  <c r="KPH54" i="1" s="1"/>
  <c r="KPI54" i="1" s="1"/>
  <c r="KPJ54" i="1" s="1"/>
  <c r="KPK54" i="1" s="1"/>
  <c r="KPL54" i="1" s="1"/>
  <c r="KPM54" i="1" s="1"/>
  <c r="KPN54" i="1" s="1"/>
  <c r="KPO54" i="1" s="1"/>
  <c r="KPP54" i="1" s="1"/>
  <c r="KPQ54" i="1" s="1"/>
  <c r="KPR54" i="1" s="1"/>
  <c r="KPS54" i="1" s="1"/>
  <c r="KPT54" i="1" s="1"/>
  <c r="KPU54" i="1" s="1"/>
  <c r="KPV54" i="1" s="1"/>
  <c r="KPW54" i="1" s="1"/>
  <c r="KPX54" i="1" s="1"/>
  <c r="KPY54" i="1" s="1"/>
  <c r="KPZ54" i="1" s="1"/>
  <c r="KQA54" i="1" s="1"/>
  <c r="KQB54" i="1" s="1"/>
  <c r="KQC54" i="1" s="1"/>
  <c r="KQD54" i="1" s="1"/>
  <c r="KQE54" i="1" s="1"/>
  <c r="KQF54" i="1" s="1"/>
  <c r="KQG54" i="1" s="1"/>
  <c r="KQH54" i="1" s="1"/>
  <c r="KQI54" i="1" s="1"/>
  <c r="KQJ54" i="1" s="1"/>
  <c r="KQK54" i="1" s="1"/>
  <c r="KQL54" i="1" s="1"/>
  <c r="KQM54" i="1" s="1"/>
  <c r="KQN54" i="1" s="1"/>
  <c r="KQO54" i="1" s="1"/>
  <c r="KQP54" i="1" s="1"/>
  <c r="KQQ54" i="1" s="1"/>
  <c r="KQR54" i="1" s="1"/>
  <c r="KQS54" i="1" s="1"/>
  <c r="KQT54" i="1" s="1"/>
  <c r="KQU54" i="1" s="1"/>
  <c r="KQV54" i="1" s="1"/>
  <c r="KQW54" i="1" s="1"/>
  <c r="KQX54" i="1" s="1"/>
  <c r="KQY54" i="1" s="1"/>
  <c r="KQZ54" i="1" s="1"/>
  <c r="KRA54" i="1" s="1"/>
  <c r="KRB54" i="1" s="1"/>
  <c r="KRC54" i="1" s="1"/>
  <c r="KRD54" i="1" s="1"/>
  <c r="KRE54" i="1" s="1"/>
  <c r="KRF54" i="1" s="1"/>
  <c r="KRG54" i="1" s="1"/>
  <c r="KRH54" i="1" s="1"/>
  <c r="KRI54" i="1" s="1"/>
  <c r="KRJ54" i="1" s="1"/>
  <c r="KRK54" i="1" s="1"/>
  <c r="KRL54" i="1" s="1"/>
  <c r="KRM54" i="1" s="1"/>
  <c r="KRN54" i="1" s="1"/>
  <c r="KRO54" i="1" s="1"/>
  <c r="KRP54" i="1" s="1"/>
  <c r="KRQ54" i="1" s="1"/>
  <c r="KRR54" i="1" s="1"/>
  <c r="KRS54" i="1" s="1"/>
  <c r="KRT54" i="1" s="1"/>
  <c r="KRU54" i="1" s="1"/>
  <c r="KRV54" i="1" s="1"/>
  <c r="KRW54" i="1" s="1"/>
  <c r="KRX54" i="1" s="1"/>
  <c r="KRY54" i="1" s="1"/>
  <c r="KRZ54" i="1" s="1"/>
  <c r="KSA54" i="1" s="1"/>
  <c r="KSB54" i="1" s="1"/>
  <c r="KSC54" i="1" s="1"/>
  <c r="KSD54" i="1" s="1"/>
  <c r="KSE54" i="1" s="1"/>
  <c r="KSF54" i="1" s="1"/>
  <c r="KSG54" i="1" s="1"/>
  <c r="KSH54" i="1" s="1"/>
  <c r="KSI54" i="1" s="1"/>
  <c r="KSJ54" i="1" s="1"/>
  <c r="KSK54" i="1" s="1"/>
  <c r="KSL54" i="1" s="1"/>
  <c r="KSM54" i="1" s="1"/>
  <c r="KSN54" i="1" s="1"/>
  <c r="KSO54" i="1" s="1"/>
  <c r="KSP54" i="1" s="1"/>
  <c r="KSQ54" i="1" s="1"/>
  <c r="KSR54" i="1" s="1"/>
  <c r="KSS54" i="1" s="1"/>
  <c r="KST54" i="1" s="1"/>
  <c r="KSU54" i="1" s="1"/>
  <c r="KSV54" i="1" s="1"/>
  <c r="KSW54" i="1" s="1"/>
  <c r="KSX54" i="1" s="1"/>
  <c r="KSY54" i="1" s="1"/>
  <c r="KSZ54" i="1" s="1"/>
  <c r="KTA54" i="1" s="1"/>
  <c r="KTB54" i="1" s="1"/>
  <c r="KTC54" i="1" s="1"/>
  <c r="KTD54" i="1" s="1"/>
  <c r="KTE54" i="1" s="1"/>
  <c r="KTF54" i="1" s="1"/>
  <c r="KTG54" i="1" s="1"/>
  <c r="KTH54" i="1" s="1"/>
  <c r="KTI54" i="1" s="1"/>
  <c r="KTJ54" i="1" s="1"/>
  <c r="KTK54" i="1" s="1"/>
  <c r="KTL54" i="1" s="1"/>
  <c r="KTM54" i="1" s="1"/>
  <c r="KTN54" i="1" s="1"/>
  <c r="KTO54" i="1" s="1"/>
  <c r="KTP54" i="1" s="1"/>
  <c r="KTQ54" i="1" s="1"/>
  <c r="KTR54" i="1" s="1"/>
  <c r="KTS54" i="1" s="1"/>
  <c r="KTT54" i="1" s="1"/>
  <c r="KTU54" i="1" s="1"/>
  <c r="KTV54" i="1" s="1"/>
  <c r="KTW54" i="1" s="1"/>
  <c r="KTX54" i="1" s="1"/>
  <c r="KTY54" i="1" s="1"/>
  <c r="KTZ54" i="1" s="1"/>
  <c r="KUA54" i="1" s="1"/>
  <c r="KUB54" i="1" s="1"/>
  <c r="KUC54" i="1" s="1"/>
  <c r="KUD54" i="1" s="1"/>
  <c r="KUE54" i="1" s="1"/>
  <c r="KUF54" i="1" s="1"/>
  <c r="KUG54" i="1" s="1"/>
  <c r="KUH54" i="1" s="1"/>
  <c r="KUI54" i="1" s="1"/>
  <c r="KUJ54" i="1" s="1"/>
  <c r="KUK54" i="1" s="1"/>
  <c r="KUL54" i="1" s="1"/>
  <c r="KUM54" i="1" s="1"/>
  <c r="KUN54" i="1" s="1"/>
  <c r="KUO54" i="1" s="1"/>
  <c r="KUP54" i="1" s="1"/>
  <c r="KUQ54" i="1" s="1"/>
  <c r="KUR54" i="1" s="1"/>
  <c r="KUS54" i="1" s="1"/>
  <c r="KUT54" i="1" s="1"/>
  <c r="KUU54" i="1" s="1"/>
  <c r="KUV54" i="1" s="1"/>
  <c r="KUW54" i="1" s="1"/>
  <c r="KUX54" i="1" s="1"/>
  <c r="KUY54" i="1" s="1"/>
  <c r="KUZ54" i="1" s="1"/>
  <c r="KVA54" i="1" s="1"/>
  <c r="KVB54" i="1" s="1"/>
  <c r="KVC54" i="1" s="1"/>
  <c r="KVD54" i="1" s="1"/>
  <c r="KVE54" i="1" s="1"/>
  <c r="KVF54" i="1" s="1"/>
  <c r="KVG54" i="1" s="1"/>
  <c r="KVH54" i="1" s="1"/>
  <c r="KVI54" i="1" s="1"/>
  <c r="KVJ54" i="1" s="1"/>
  <c r="KVK54" i="1" s="1"/>
  <c r="KVL54" i="1" s="1"/>
  <c r="KVM54" i="1" s="1"/>
  <c r="KVN54" i="1" s="1"/>
  <c r="KVO54" i="1" s="1"/>
  <c r="KVP54" i="1" s="1"/>
  <c r="KVQ54" i="1" s="1"/>
  <c r="KVR54" i="1" s="1"/>
  <c r="KVS54" i="1" s="1"/>
  <c r="KVT54" i="1" s="1"/>
  <c r="KVU54" i="1" s="1"/>
  <c r="KVV54" i="1" s="1"/>
  <c r="KVW54" i="1" s="1"/>
  <c r="KVX54" i="1" s="1"/>
  <c r="KVY54" i="1" s="1"/>
  <c r="KVZ54" i="1" s="1"/>
  <c r="KWA54" i="1" s="1"/>
  <c r="KWB54" i="1" s="1"/>
  <c r="KWC54" i="1" s="1"/>
  <c r="KWD54" i="1" s="1"/>
  <c r="KWE54" i="1" s="1"/>
  <c r="KWF54" i="1" s="1"/>
  <c r="KWG54" i="1" s="1"/>
  <c r="KWH54" i="1" s="1"/>
  <c r="KWI54" i="1" s="1"/>
  <c r="KWJ54" i="1" s="1"/>
  <c r="KWK54" i="1" s="1"/>
  <c r="KWL54" i="1" s="1"/>
  <c r="KWM54" i="1" s="1"/>
  <c r="KWN54" i="1" s="1"/>
  <c r="KWO54" i="1" s="1"/>
  <c r="KWP54" i="1" s="1"/>
  <c r="KWQ54" i="1" s="1"/>
  <c r="KWR54" i="1" s="1"/>
  <c r="KWS54" i="1" s="1"/>
  <c r="KWT54" i="1" s="1"/>
  <c r="KWU54" i="1" s="1"/>
  <c r="KWV54" i="1" s="1"/>
  <c r="KWW54" i="1" s="1"/>
  <c r="KWX54" i="1" s="1"/>
  <c r="KWY54" i="1" s="1"/>
  <c r="KWZ54" i="1" s="1"/>
  <c r="KXA54" i="1" s="1"/>
  <c r="KXB54" i="1" s="1"/>
  <c r="KXC54" i="1" s="1"/>
  <c r="KXD54" i="1" s="1"/>
  <c r="KXE54" i="1" s="1"/>
  <c r="KXF54" i="1" s="1"/>
  <c r="KXG54" i="1" s="1"/>
  <c r="KXH54" i="1" s="1"/>
  <c r="KXI54" i="1" s="1"/>
  <c r="KXJ54" i="1" s="1"/>
  <c r="KXK54" i="1" s="1"/>
  <c r="KXL54" i="1" s="1"/>
  <c r="KXM54" i="1" s="1"/>
  <c r="KXN54" i="1" s="1"/>
  <c r="KXO54" i="1" s="1"/>
  <c r="KXP54" i="1" s="1"/>
  <c r="KXQ54" i="1" s="1"/>
  <c r="KXR54" i="1" s="1"/>
  <c r="KXS54" i="1" s="1"/>
  <c r="KXT54" i="1" s="1"/>
  <c r="KXU54" i="1" s="1"/>
  <c r="KXV54" i="1" s="1"/>
  <c r="KXW54" i="1" s="1"/>
  <c r="KXX54" i="1" s="1"/>
  <c r="KXY54" i="1" s="1"/>
  <c r="KXZ54" i="1" s="1"/>
  <c r="KYA54" i="1" s="1"/>
  <c r="KYB54" i="1" s="1"/>
  <c r="KYC54" i="1" s="1"/>
  <c r="KYD54" i="1" s="1"/>
  <c r="KYE54" i="1" s="1"/>
  <c r="KYF54" i="1" s="1"/>
  <c r="KYG54" i="1" s="1"/>
  <c r="KYH54" i="1" s="1"/>
  <c r="KYI54" i="1" s="1"/>
  <c r="KYJ54" i="1" s="1"/>
  <c r="KYK54" i="1" s="1"/>
  <c r="KYL54" i="1" s="1"/>
  <c r="KYM54" i="1" s="1"/>
  <c r="KYN54" i="1" s="1"/>
  <c r="KYO54" i="1" s="1"/>
  <c r="KYP54" i="1" s="1"/>
  <c r="KYQ54" i="1" s="1"/>
  <c r="KYR54" i="1" s="1"/>
  <c r="KYS54" i="1" s="1"/>
  <c r="KYT54" i="1" s="1"/>
  <c r="KYU54" i="1" s="1"/>
  <c r="KYV54" i="1" s="1"/>
  <c r="KYW54" i="1" s="1"/>
  <c r="KYX54" i="1" s="1"/>
  <c r="KYY54" i="1" s="1"/>
  <c r="KYZ54" i="1" s="1"/>
  <c r="KZA54" i="1" s="1"/>
  <c r="KZB54" i="1" s="1"/>
  <c r="KZC54" i="1" s="1"/>
  <c r="KZD54" i="1" s="1"/>
  <c r="KZE54" i="1" s="1"/>
  <c r="KZF54" i="1" s="1"/>
  <c r="KZG54" i="1" s="1"/>
  <c r="KZH54" i="1" s="1"/>
  <c r="KZI54" i="1" s="1"/>
  <c r="KZJ54" i="1" s="1"/>
  <c r="KZK54" i="1" s="1"/>
  <c r="KZL54" i="1" s="1"/>
  <c r="KZM54" i="1" s="1"/>
  <c r="KZN54" i="1" s="1"/>
  <c r="KZO54" i="1" s="1"/>
  <c r="KZP54" i="1" s="1"/>
  <c r="KZQ54" i="1" s="1"/>
  <c r="KZR54" i="1" s="1"/>
  <c r="KZS54" i="1" s="1"/>
  <c r="KZT54" i="1" s="1"/>
  <c r="KZU54" i="1" s="1"/>
  <c r="KZV54" i="1" s="1"/>
  <c r="KZW54" i="1" s="1"/>
  <c r="KZX54" i="1" s="1"/>
  <c r="KZY54" i="1" s="1"/>
  <c r="KZZ54" i="1" s="1"/>
  <c r="LAA54" i="1" s="1"/>
  <c r="LAB54" i="1" s="1"/>
  <c r="LAC54" i="1" s="1"/>
  <c r="LAD54" i="1" s="1"/>
  <c r="LAE54" i="1" s="1"/>
  <c r="LAF54" i="1" s="1"/>
  <c r="LAG54" i="1" s="1"/>
  <c r="LAH54" i="1" s="1"/>
  <c r="LAI54" i="1" s="1"/>
  <c r="LAJ54" i="1" s="1"/>
  <c r="LAK54" i="1" s="1"/>
  <c r="LAL54" i="1" s="1"/>
  <c r="LAM54" i="1" s="1"/>
  <c r="LAN54" i="1" s="1"/>
  <c r="LAO54" i="1" s="1"/>
  <c r="LAP54" i="1" s="1"/>
  <c r="LAQ54" i="1" s="1"/>
  <c r="LAR54" i="1" s="1"/>
  <c r="LAS54" i="1" s="1"/>
  <c r="LAT54" i="1" s="1"/>
  <c r="LAU54" i="1" s="1"/>
  <c r="LAV54" i="1" s="1"/>
  <c r="LAW54" i="1" s="1"/>
  <c r="LAX54" i="1" s="1"/>
  <c r="LAY54" i="1" s="1"/>
  <c r="LAZ54" i="1" s="1"/>
  <c r="LBA54" i="1" s="1"/>
  <c r="LBB54" i="1" s="1"/>
  <c r="LBC54" i="1" s="1"/>
  <c r="LBD54" i="1" s="1"/>
  <c r="LBE54" i="1" s="1"/>
  <c r="LBF54" i="1" s="1"/>
  <c r="LBG54" i="1" s="1"/>
  <c r="LBH54" i="1" s="1"/>
  <c r="LBI54" i="1" s="1"/>
  <c r="LBJ54" i="1" s="1"/>
  <c r="LBK54" i="1" s="1"/>
  <c r="LBL54" i="1" s="1"/>
  <c r="LBM54" i="1" s="1"/>
  <c r="LBN54" i="1" s="1"/>
  <c r="LBO54" i="1" s="1"/>
  <c r="LBP54" i="1" s="1"/>
  <c r="LBQ54" i="1" s="1"/>
  <c r="LBR54" i="1" s="1"/>
  <c r="LBS54" i="1" s="1"/>
  <c r="LBT54" i="1" s="1"/>
  <c r="LBU54" i="1" s="1"/>
  <c r="LBV54" i="1" s="1"/>
  <c r="LBW54" i="1" s="1"/>
  <c r="LBX54" i="1" s="1"/>
  <c r="LBY54" i="1" s="1"/>
  <c r="LBZ54" i="1" s="1"/>
  <c r="LCA54" i="1" s="1"/>
  <c r="LCB54" i="1" s="1"/>
  <c r="LCC54" i="1" s="1"/>
  <c r="LCD54" i="1" s="1"/>
  <c r="LCE54" i="1" s="1"/>
  <c r="LCF54" i="1" s="1"/>
  <c r="LCG54" i="1" s="1"/>
  <c r="LCH54" i="1" s="1"/>
  <c r="LCI54" i="1" s="1"/>
  <c r="LCJ54" i="1" s="1"/>
  <c r="LCK54" i="1" s="1"/>
  <c r="LCL54" i="1" s="1"/>
  <c r="LCM54" i="1" s="1"/>
  <c r="LCN54" i="1" s="1"/>
  <c r="LCO54" i="1" s="1"/>
  <c r="LCP54" i="1" s="1"/>
  <c r="LCQ54" i="1" s="1"/>
  <c r="LCR54" i="1" s="1"/>
  <c r="LCS54" i="1" s="1"/>
  <c r="LCT54" i="1" s="1"/>
  <c r="LCU54" i="1" s="1"/>
  <c r="LCV54" i="1" s="1"/>
  <c r="LCW54" i="1" s="1"/>
  <c r="LCX54" i="1" s="1"/>
  <c r="LCY54" i="1" s="1"/>
  <c r="LCZ54" i="1" s="1"/>
  <c r="LDA54" i="1" s="1"/>
  <c r="LDB54" i="1" s="1"/>
  <c r="LDC54" i="1" s="1"/>
  <c r="LDD54" i="1" s="1"/>
  <c r="LDE54" i="1" s="1"/>
  <c r="LDF54" i="1" s="1"/>
  <c r="LDG54" i="1" s="1"/>
  <c r="LDH54" i="1" s="1"/>
  <c r="LDI54" i="1" s="1"/>
  <c r="LDJ54" i="1" s="1"/>
  <c r="LDK54" i="1" s="1"/>
  <c r="LDL54" i="1" s="1"/>
  <c r="LDM54" i="1" s="1"/>
  <c r="LDN54" i="1" s="1"/>
  <c r="LDO54" i="1" s="1"/>
  <c r="LDP54" i="1" s="1"/>
  <c r="LDQ54" i="1" s="1"/>
  <c r="LDR54" i="1" s="1"/>
  <c r="LDS54" i="1" s="1"/>
  <c r="LDT54" i="1" s="1"/>
  <c r="LDU54" i="1" s="1"/>
  <c r="LDV54" i="1" s="1"/>
  <c r="LDW54" i="1" s="1"/>
  <c r="LDX54" i="1" s="1"/>
  <c r="LDY54" i="1" s="1"/>
  <c r="LDZ54" i="1" s="1"/>
  <c r="LEA54" i="1" s="1"/>
  <c r="LEB54" i="1" s="1"/>
  <c r="LEC54" i="1" s="1"/>
  <c r="LED54" i="1" s="1"/>
  <c r="LEE54" i="1" s="1"/>
  <c r="LEF54" i="1" s="1"/>
  <c r="LEG54" i="1" s="1"/>
  <c r="LEH54" i="1" s="1"/>
  <c r="LEI54" i="1" s="1"/>
  <c r="LEJ54" i="1" s="1"/>
  <c r="LEK54" i="1" s="1"/>
  <c r="LEL54" i="1" s="1"/>
  <c r="LEM54" i="1" s="1"/>
  <c r="LEN54" i="1" s="1"/>
  <c r="LEO54" i="1" s="1"/>
  <c r="LEP54" i="1" s="1"/>
  <c r="LEQ54" i="1" s="1"/>
  <c r="LER54" i="1" s="1"/>
  <c r="LES54" i="1" s="1"/>
  <c r="LET54" i="1" s="1"/>
  <c r="LEU54" i="1" s="1"/>
  <c r="LEV54" i="1" s="1"/>
  <c r="LEW54" i="1" s="1"/>
  <c r="LEX54" i="1" s="1"/>
  <c r="LEY54" i="1" s="1"/>
  <c r="LEZ54" i="1" s="1"/>
  <c r="LFA54" i="1" s="1"/>
  <c r="LFB54" i="1" s="1"/>
  <c r="LFC54" i="1" s="1"/>
  <c r="LFD54" i="1" s="1"/>
  <c r="LFE54" i="1" s="1"/>
  <c r="LFF54" i="1" s="1"/>
  <c r="LFG54" i="1" s="1"/>
  <c r="LFH54" i="1" s="1"/>
  <c r="LFI54" i="1" s="1"/>
  <c r="LFJ54" i="1" s="1"/>
  <c r="LFK54" i="1" s="1"/>
  <c r="LFL54" i="1" s="1"/>
  <c r="LFM54" i="1" s="1"/>
  <c r="LFN54" i="1" s="1"/>
  <c r="LFO54" i="1" s="1"/>
  <c r="LFP54" i="1" s="1"/>
  <c r="LFQ54" i="1" s="1"/>
  <c r="LFR54" i="1" s="1"/>
  <c r="LFS54" i="1" s="1"/>
  <c r="LFT54" i="1" s="1"/>
  <c r="LFU54" i="1" s="1"/>
  <c r="LFV54" i="1" s="1"/>
  <c r="LFW54" i="1" s="1"/>
  <c r="LFX54" i="1" s="1"/>
  <c r="LFY54" i="1" s="1"/>
  <c r="LFZ54" i="1" s="1"/>
  <c r="LGA54" i="1" s="1"/>
  <c r="LGB54" i="1" s="1"/>
  <c r="LGC54" i="1" s="1"/>
  <c r="LGD54" i="1" s="1"/>
  <c r="LGE54" i="1" s="1"/>
  <c r="LGF54" i="1" s="1"/>
  <c r="LGG54" i="1" s="1"/>
  <c r="LGH54" i="1" s="1"/>
  <c r="LGI54" i="1" s="1"/>
  <c r="LGJ54" i="1" s="1"/>
  <c r="LGK54" i="1" s="1"/>
  <c r="LGL54" i="1" s="1"/>
  <c r="LGM54" i="1" s="1"/>
  <c r="LGN54" i="1" s="1"/>
  <c r="LGO54" i="1" s="1"/>
  <c r="LGP54" i="1" s="1"/>
  <c r="LGQ54" i="1" s="1"/>
  <c r="LGR54" i="1" s="1"/>
  <c r="LGS54" i="1" s="1"/>
  <c r="LGT54" i="1" s="1"/>
  <c r="LGU54" i="1" s="1"/>
  <c r="LGV54" i="1" s="1"/>
  <c r="LGW54" i="1" s="1"/>
  <c r="LGX54" i="1" s="1"/>
  <c r="LGY54" i="1" s="1"/>
  <c r="LGZ54" i="1" s="1"/>
  <c r="LHA54" i="1" s="1"/>
  <c r="LHB54" i="1" s="1"/>
  <c r="LHC54" i="1" s="1"/>
  <c r="LHD54" i="1" s="1"/>
  <c r="LHE54" i="1" s="1"/>
  <c r="LHF54" i="1" s="1"/>
  <c r="LHG54" i="1" s="1"/>
  <c r="LHH54" i="1" s="1"/>
  <c r="LHI54" i="1" s="1"/>
  <c r="LHJ54" i="1" s="1"/>
  <c r="LHK54" i="1" s="1"/>
  <c r="LHL54" i="1" s="1"/>
  <c r="LHM54" i="1" s="1"/>
  <c r="LHN54" i="1" s="1"/>
  <c r="LHO54" i="1" s="1"/>
  <c r="LHP54" i="1" s="1"/>
  <c r="LHQ54" i="1" s="1"/>
  <c r="LHR54" i="1" s="1"/>
  <c r="LHS54" i="1" s="1"/>
  <c r="LHT54" i="1" s="1"/>
  <c r="LHU54" i="1" s="1"/>
  <c r="LHV54" i="1" s="1"/>
  <c r="LHW54" i="1" s="1"/>
  <c r="LHX54" i="1" s="1"/>
  <c r="LHY54" i="1" s="1"/>
  <c r="LHZ54" i="1" s="1"/>
  <c r="LIA54" i="1" s="1"/>
  <c r="LIB54" i="1" s="1"/>
  <c r="LIC54" i="1" s="1"/>
  <c r="LID54" i="1" s="1"/>
  <c r="LIE54" i="1" s="1"/>
  <c r="LIF54" i="1" s="1"/>
  <c r="LIG54" i="1" s="1"/>
  <c r="LIH54" i="1" s="1"/>
  <c r="LII54" i="1" s="1"/>
  <c r="LIJ54" i="1" s="1"/>
  <c r="LIK54" i="1" s="1"/>
  <c r="LIL54" i="1" s="1"/>
  <c r="LIM54" i="1" s="1"/>
  <c r="LIN54" i="1" s="1"/>
  <c r="LIO54" i="1" s="1"/>
  <c r="LIP54" i="1" s="1"/>
  <c r="LIQ54" i="1" s="1"/>
  <c r="LIR54" i="1" s="1"/>
  <c r="LIS54" i="1" s="1"/>
  <c r="LIT54" i="1" s="1"/>
  <c r="LIU54" i="1" s="1"/>
  <c r="LIV54" i="1" s="1"/>
  <c r="LIW54" i="1" s="1"/>
  <c r="LIX54" i="1" s="1"/>
  <c r="LIY54" i="1" s="1"/>
  <c r="LIZ54" i="1" s="1"/>
  <c r="LJA54" i="1" s="1"/>
  <c r="LJB54" i="1" s="1"/>
  <c r="LJC54" i="1" s="1"/>
  <c r="LJD54" i="1" s="1"/>
  <c r="LJE54" i="1" s="1"/>
  <c r="LJF54" i="1" s="1"/>
  <c r="LJG54" i="1" s="1"/>
  <c r="LJH54" i="1" s="1"/>
  <c r="LJI54" i="1" s="1"/>
  <c r="LJJ54" i="1" s="1"/>
  <c r="LJK54" i="1" s="1"/>
  <c r="LJL54" i="1" s="1"/>
  <c r="LJM54" i="1" s="1"/>
  <c r="LJN54" i="1" s="1"/>
  <c r="LJO54" i="1" s="1"/>
  <c r="LJP54" i="1" s="1"/>
  <c r="LJQ54" i="1" s="1"/>
  <c r="LJR54" i="1" s="1"/>
  <c r="LJS54" i="1" s="1"/>
  <c r="LJT54" i="1" s="1"/>
  <c r="LJU54" i="1" s="1"/>
  <c r="LJV54" i="1" s="1"/>
  <c r="LJW54" i="1" s="1"/>
  <c r="LJX54" i="1" s="1"/>
  <c r="LJY54" i="1" s="1"/>
  <c r="LJZ54" i="1" s="1"/>
  <c r="LKA54" i="1" s="1"/>
  <c r="LKB54" i="1" s="1"/>
  <c r="LKC54" i="1" s="1"/>
  <c r="LKD54" i="1" s="1"/>
  <c r="LKE54" i="1" s="1"/>
  <c r="LKF54" i="1" s="1"/>
  <c r="LKG54" i="1" s="1"/>
  <c r="LKH54" i="1" s="1"/>
  <c r="LKI54" i="1" s="1"/>
  <c r="LKJ54" i="1" s="1"/>
  <c r="LKK54" i="1" s="1"/>
  <c r="LKL54" i="1" s="1"/>
  <c r="LKM54" i="1" s="1"/>
  <c r="LKN54" i="1" s="1"/>
  <c r="LKO54" i="1" s="1"/>
  <c r="LKP54" i="1" s="1"/>
  <c r="LKQ54" i="1" s="1"/>
  <c r="LKR54" i="1" s="1"/>
  <c r="LKS54" i="1" s="1"/>
  <c r="LKT54" i="1" s="1"/>
  <c r="LKU54" i="1" s="1"/>
  <c r="LKV54" i="1" s="1"/>
  <c r="LKW54" i="1" s="1"/>
  <c r="LKX54" i="1" s="1"/>
  <c r="LKY54" i="1" s="1"/>
  <c r="LKZ54" i="1" s="1"/>
  <c r="LLA54" i="1" s="1"/>
  <c r="LLB54" i="1" s="1"/>
  <c r="LLC54" i="1" s="1"/>
  <c r="LLD54" i="1" s="1"/>
  <c r="LLE54" i="1" s="1"/>
  <c r="LLF54" i="1" s="1"/>
  <c r="LLG54" i="1" s="1"/>
  <c r="LLH54" i="1" s="1"/>
  <c r="LLI54" i="1" s="1"/>
  <c r="LLJ54" i="1" s="1"/>
  <c r="LLK54" i="1" s="1"/>
  <c r="LLL54" i="1" s="1"/>
  <c r="LLM54" i="1" s="1"/>
  <c r="LLN54" i="1" s="1"/>
  <c r="LLO54" i="1" s="1"/>
  <c r="LLP54" i="1" s="1"/>
  <c r="LLQ54" i="1" s="1"/>
  <c r="LLR54" i="1" s="1"/>
  <c r="LLS54" i="1" s="1"/>
  <c r="LLT54" i="1" s="1"/>
  <c r="LLU54" i="1" s="1"/>
  <c r="LLV54" i="1" s="1"/>
  <c r="LLW54" i="1" s="1"/>
  <c r="LLX54" i="1" s="1"/>
  <c r="LLY54" i="1" s="1"/>
  <c r="LLZ54" i="1" s="1"/>
  <c r="LMA54" i="1" s="1"/>
  <c r="LMB54" i="1" s="1"/>
  <c r="LMC54" i="1" s="1"/>
  <c r="LMD54" i="1" s="1"/>
  <c r="LME54" i="1" s="1"/>
  <c r="LMF54" i="1" s="1"/>
  <c r="LMG54" i="1" s="1"/>
  <c r="LMH54" i="1" s="1"/>
  <c r="LMI54" i="1" s="1"/>
  <c r="LMJ54" i="1" s="1"/>
  <c r="LMK54" i="1" s="1"/>
  <c r="LML54" i="1" s="1"/>
  <c r="LMM54" i="1" s="1"/>
  <c r="LMN54" i="1" s="1"/>
  <c r="LMO54" i="1" s="1"/>
  <c r="LMP54" i="1" s="1"/>
  <c r="LMQ54" i="1" s="1"/>
  <c r="LMR54" i="1" s="1"/>
  <c r="LMS54" i="1" s="1"/>
  <c r="LMT54" i="1" s="1"/>
  <c r="LMU54" i="1" s="1"/>
  <c r="LMV54" i="1" s="1"/>
  <c r="LMW54" i="1" s="1"/>
  <c r="LMX54" i="1" s="1"/>
  <c r="LMY54" i="1" s="1"/>
  <c r="LMZ54" i="1" s="1"/>
  <c r="LNA54" i="1" s="1"/>
  <c r="LNB54" i="1" s="1"/>
  <c r="LNC54" i="1" s="1"/>
  <c r="LND54" i="1" s="1"/>
  <c r="LNE54" i="1" s="1"/>
  <c r="LNF54" i="1" s="1"/>
  <c r="LNG54" i="1" s="1"/>
  <c r="LNH54" i="1" s="1"/>
  <c r="LNI54" i="1" s="1"/>
  <c r="LNJ54" i="1" s="1"/>
  <c r="LNK54" i="1" s="1"/>
  <c r="LNL54" i="1" s="1"/>
  <c r="LNM54" i="1" s="1"/>
  <c r="LNN54" i="1" s="1"/>
  <c r="LNO54" i="1" s="1"/>
  <c r="LNP54" i="1" s="1"/>
  <c r="LNQ54" i="1" s="1"/>
  <c r="LNR54" i="1" s="1"/>
  <c r="LNS54" i="1" s="1"/>
  <c r="LNT54" i="1" s="1"/>
  <c r="LNU54" i="1" s="1"/>
  <c r="LNV54" i="1" s="1"/>
  <c r="LNW54" i="1" s="1"/>
  <c r="LNX54" i="1" s="1"/>
  <c r="LNY54" i="1" s="1"/>
  <c r="LNZ54" i="1" s="1"/>
  <c r="LOA54" i="1" s="1"/>
  <c r="LOB54" i="1" s="1"/>
  <c r="LOC54" i="1" s="1"/>
  <c r="LOD54" i="1" s="1"/>
  <c r="LOE54" i="1" s="1"/>
  <c r="LOF54" i="1" s="1"/>
  <c r="LOG54" i="1" s="1"/>
  <c r="LOH54" i="1" s="1"/>
  <c r="LOI54" i="1" s="1"/>
  <c r="LOJ54" i="1" s="1"/>
  <c r="LOK54" i="1" s="1"/>
  <c r="LOL54" i="1" s="1"/>
  <c r="LOM54" i="1" s="1"/>
  <c r="LON54" i="1" s="1"/>
  <c r="LOO54" i="1" s="1"/>
  <c r="LOP54" i="1" s="1"/>
  <c r="LOQ54" i="1" s="1"/>
  <c r="LOR54" i="1" s="1"/>
  <c r="LOS54" i="1" s="1"/>
  <c r="LOT54" i="1" s="1"/>
  <c r="LOU54" i="1" s="1"/>
  <c r="LOV54" i="1" s="1"/>
  <c r="LOW54" i="1" s="1"/>
  <c r="LOX54" i="1" s="1"/>
  <c r="LOY54" i="1" s="1"/>
  <c r="LOZ54" i="1" s="1"/>
  <c r="LPA54" i="1" s="1"/>
  <c r="LPB54" i="1" s="1"/>
  <c r="LPC54" i="1" s="1"/>
  <c r="LPD54" i="1" s="1"/>
  <c r="LPE54" i="1" s="1"/>
  <c r="LPF54" i="1" s="1"/>
  <c r="LPG54" i="1" s="1"/>
  <c r="LPH54" i="1" s="1"/>
  <c r="LPI54" i="1" s="1"/>
  <c r="LPJ54" i="1" s="1"/>
  <c r="LPK54" i="1" s="1"/>
  <c r="LPL54" i="1" s="1"/>
  <c r="LPM54" i="1" s="1"/>
  <c r="LPN54" i="1" s="1"/>
  <c r="LPO54" i="1" s="1"/>
  <c r="LPP54" i="1" s="1"/>
  <c r="LPQ54" i="1" s="1"/>
  <c r="LPR54" i="1" s="1"/>
  <c r="LPS54" i="1" s="1"/>
  <c r="LPT54" i="1" s="1"/>
  <c r="LPU54" i="1" s="1"/>
  <c r="LPV54" i="1" s="1"/>
  <c r="LPW54" i="1" s="1"/>
  <c r="LPX54" i="1" s="1"/>
  <c r="LPY54" i="1" s="1"/>
  <c r="LPZ54" i="1" s="1"/>
  <c r="LQA54" i="1" s="1"/>
  <c r="LQB54" i="1" s="1"/>
  <c r="LQC54" i="1" s="1"/>
  <c r="LQD54" i="1" s="1"/>
  <c r="LQE54" i="1" s="1"/>
  <c r="LQF54" i="1" s="1"/>
  <c r="LQG54" i="1" s="1"/>
  <c r="LQH54" i="1" s="1"/>
  <c r="LQI54" i="1" s="1"/>
  <c r="LQJ54" i="1" s="1"/>
  <c r="LQK54" i="1" s="1"/>
  <c r="LQL54" i="1" s="1"/>
  <c r="LQM54" i="1" s="1"/>
  <c r="LQN54" i="1" s="1"/>
  <c r="LQO54" i="1" s="1"/>
  <c r="LQP54" i="1" s="1"/>
  <c r="LQQ54" i="1" s="1"/>
  <c r="LQR54" i="1" s="1"/>
  <c r="LQS54" i="1" s="1"/>
  <c r="LQT54" i="1" s="1"/>
  <c r="LQU54" i="1" s="1"/>
  <c r="LQV54" i="1" s="1"/>
  <c r="LQW54" i="1" s="1"/>
  <c r="LQX54" i="1" s="1"/>
  <c r="LQY54" i="1" s="1"/>
  <c r="LQZ54" i="1" s="1"/>
  <c r="LRA54" i="1" s="1"/>
  <c r="LRB54" i="1" s="1"/>
  <c r="LRC54" i="1" s="1"/>
  <c r="LRD54" i="1" s="1"/>
  <c r="LRE54" i="1" s="1"/>
  <c r="LRF54" i="1" s="1"/>
  <c r="LRG54" i="1" s="1"/>
  <c r="LRH54" i="1" s="1"/>
  <c r="LRI54" i="1" s="1"/>
  <c r="LRJ54" i="1" s="1"/>
  <c r="LRK54" i="1" s="1"/>
  <c r="LRL54" i="1" s="1"/>
  <c r="LRM54" i="1" s="1"/>
  <c r="LRN54" i="1" s="1"/>
  <c r="LRO54" i="1" s="1"/>
  <c r="LRP54" i="1" s="1"/>
  <c r="LRQ54" i="1" s="1"/>
  <c r="LRR54" i="1" s="1"/>
  <c r="LRS54" i="1" s="1"/>
  <c r="LRT54" i="1" s="1"/>
  <c r="LRU54" i="1" s="1"/>
  <c r="LRV54" i="1" s="1"/>
  <c r="LRW54" i="1" s="1"/>
  <c r="LRX54" i="1" s="1"/>
  <c r="LRY54" i="1" s="1"/>
  <c r="LRZ54" i="1" s="1"/>
  <c r="LSA54" i="1" s="1"/>
  <c r="LSB54" i="1" s="1"/>
  <c r="LSC54" i="1" s="1"/>
  <c r="LSD54" i="1" s="1"/>
  <c r="LSE54" i="1" s="1"/>
  <c r="LSF54" i="1" s="1"/>
  <c r="LSG54" i="1" s="1"/>
  <c r="LSH54" i="1" s="1"/>
  <c r="LSI54" i="1" s="1"/>
  <c r="LSJ54" i="1" s="1"/>
  <c r="LSK54" i="1" s="1"/>
  <c r="LSL54" i="1" s="1"/>
  <c r="LSM54" i="1" s="1"/>
  <c r="LSN54" i="1" s="1"/>
  <c r="LSO54" i="1" s="1"/>
  <c r="LSP54" i="1" s="1"/>
  <c r="LSQ54" i="1" s="1"/>
  <c r="LSR54" i="1" s="1"/>
  <c r="LSS54" i="1" s="1"/>
  <c r="LST54" i="1" s="1"/>
  <c r="LSU54" i="1" s="1"/>
  <c r="LSV54" i="1" s="1"/>
  <c r="LSW54" i="1" s="1"/>
  <c r="LSX54" i="1" s="1"/>
  <c r="LSY54" i="1" s="1"/>
  <c r="LSZ54" i="1" s="1"/>
  <c r="LTA54" i="1" s="1"/>
  <c r="LTB54" i="1" s="1"/>
  <c r="LTC54" i="1" s="1"/>
  <c r="LTD54" i="1" s="1"/>
  <c r="LTE54" i="1" s="1"/>
  <c r="LTF54" i="1" s="1"/>
  <c r="LTG54" i="1" s="1"/>
  <c r="LTH54" i="1" s="1"/>
  <c r="LTI54" i="1" s="1"/>
  <c r="LTJ54" i="1" s="1"/>
  <c r="LTK54" i="1" s="1"/>
  <c r="LTL54" i="1" s="1"/>
  <c r="LTM54" i="1" s="1"/>
  <c r="LTN54" i="1" s="1"/>
  <c r="LTO54" i="1" s="1"/>
  <c r="LTP54" i="1" s="1"/>
  <c r="LTQ54" i="1" s="1"/>
  <c r="LTR54" i="1" s="1"/>
  <c r="LTS54" i="1" s="1"/>
  <c r="LTT54" i="1" s="1"/>
  <c r="LTU54" i="1" s="1"/>
  <c r="LTV54" i="1" s="1"/>
  <c r="LTW54" i="1" s="1"/>
  <c r="LTX54" i="1" s="1"/>
  <c r="LTY54" i="1" s="1"/>
  <c r="LTZ54" i="1" s="1"/>
  <c r="LUA54" i="1" s="1"/>
  <c r="LUB54" i="1" s="1"/>
  <c r="LUC54" i="1" s="1"/>
  <c r="LUD54" i="1" s="1"/>
  <c r="LUE54" i="1" s="1"/>
  <c r="LUF54" i="1" s="1"/>
  <c r="LUG54" i="1" s="1"/>
  <c r="LUH54" i="1" s="1"/>
  <c r="LUI54" i="1" s="1"/>
  <c r="LUJ54" i="1" s="1"/>
  <c r="LUK54" i="1" s="1"/>
  <c r="LUL54" i="1" s="1"/>
  <c r="LUM54" i="1" s="1"/>
  <c r="LUN54" i="1" s="1"/>
  <c r="LUO54" i="1" s="1"/>
  <c r="LUP54" i="1" s="1"/>
  <c r="LUQ54" i="1" s="1"/>
  <c r="LUR54" i="1" s="1"/>
  <c r="LUS54" i="1" s="1"/>
  <c r="LUT54" i="1" s="1"/>
  <c r="LUU54" i="1" s="1"/>
  <c r="LUV54" i="1" s="1"/>
  <c r="LUW54" i="1" s="1"/>
  <c r="LUX54" i="1" s="1"/>
  <c r="LUY54" i="1" s="1"/>
  <c r="LUZ54" i="1" s="1"/>
  <c r="LVA54" i="1" s="1"/>
  <c r="LVB54" i="1" s="1"/>
  <c r="LVC54" i="1" s="1"/>
  <c r="LVD54" i="1" s="1"/>
  <c r="LVE54" i="1" s="1"/>
  <c r="LVF54" i="1" s="1"/>
  <c r="LVG54" i="1" s="1"/>
  <c r="LVH54" i="1" s="1"/>
  <c r="LVI54" i="1" s="1"/>
  <c r="LVJ54" i="1" s="1"/>
  <c r="LVK54" i="1" s="1"/>
  <c r="LVL54" i="1" s="1"/>
  <c r="LVM54" i="1" s="1"/>
  <c r="LVN54" i="1" s="1"/>
  <c r="LVO54" i="1" s="1"/>
  <c r="LVP54" i="1" s="1"/>
  <c r="LVQ54" i="1" s="1"/>
  <c r="LVR54" i="1" s="1"/>
  <c r="LVS54" i="1" s="1"/>
  <c r="LVT54" i="1" s="1"/>
  <c r="LVU54" i="1" s="1"/>
  <c r="LVV54" i="1" s="1"/>
  <c r="LVW54" i="1" s="1"/>
  <c r="LVX54" i="1" s="1"/>
  <c r="LVY54" i="1" s="1"/>
  <c r="LVZ54" i="1" s="1"/>
  <c r="LWA54" i="1" s="1"/>
  <c r="LWB54" i="1" s="1"/>
  <c r="LWC54" i="1" s="1"/>
  <c r="LWD54" i="1" s="1"/>
  <c r="LWE54" i="1" s="1"/>
  <c r="LWF54" i="1" s="1"/>
  <c r="LWG54" i="1" s="1"/>
  <c r="LWH54" i="1" s="1"/>
  <c r="LWI54" i="1" s="1"/>
  <c r="LWJ54" i="1" s="1"/>
  <c r="LWK54" i="1" s="1"/>
  <c r="LWL54" i="1" s="1"/>
  <c r="LWM54" i="1" s="1"/>
  <c r="LWN54" i="1" s="1"/>
  <c r="LWO54" i="1" s="1"/>
  <c r="LWP54" i="1" s="1"/>
  <c r="LWQ54" i="1" s="1"/>
  <c r="LWR54" i="1" s="1"/>
  <c r="LWS54" i="1" s="1"/>
  <c r="LWT54" i="1" s="1"/>
  <c r="LWU54" i="1" s="1"/>
  <c r="LWV54" i="1" s="1"/>
  <c r="LWW54" i="1" s="1"/>
  <c r="LWX54" i="1" s="1"/>
  <c r="LWY54" i="1" s="1"/>
  <c r="LWZ54" i="1" s="1"/>
  <c r="LXA54" i="1" s="1"/>
  <c r="LXB54" i="1" s="1"/>
  <c r="LXC54" i="1" s="1"/>
  <c r="LXD54" i="1" s="1"/>
  <c r="LXE54" i="1" s="1"/>
  <c r="LXF54" i="1" s="1"/>
  <c r="LXG54" i="1" s="1"/>
  <c r="LXH54" i="1" s="1"/>
  <c r="LXI54" i="1" s="1"/>
  <c r="LXJ54" i="1" s="1"/>
  <c r="LXK54" i="1" s="1"/>
  <c r="LXL54" i="1" s="1"/>
  <c r="LXM54" i="1" s="1"/>
  <c r="LXN54" i="1" s="1"/>
  <c r="LXO54" i="1" s="1"/>
  <c r="LXP54" i="1" s="1"/>
  <c r="LXQ54" i="1" s="1"/>
  <c r="LXR54" i="1" s="1"/>
  <c r="LXS54" i="1" s="1"/>
  <c r="LXT54" i="1" s="1"/>
  <c r="LXU54" i="1" s="1"/>
  <c r="LXV54" i="1" s="1"/>
  <c r="LXW54" i="1" s="1"/>
  <c r="LXX54" i="1" s="1"/>
  <c r="LXY54" i="1" s="1"/>
  <c r="LXZ54" i="1" s="1"/>
  <c r="LYA54" i="1" s="1"/>
  <c r="LYB54" i="1" s="1"/>
  <c r="LYC54" i="1" s="1"/>
  <c r="LYD54" i="1" s="1"/>
  <c r="LYE54" i="1" s="1"/>
  <c r="LYF54" i="1" s="1"/>
  <c r="LYG54" i="1" s="1"/>
  <c r="LYH54" i="1" s="1"/>
  <c r="LYI54" i="1" s="1"/>
  <c r="LYJ54" i="1" s="1"/>
  <c r="LYK54" i="1" s="1"/>
  <c r="LYL54" i="1" s="1"/>
  <c r="LYM54" i="1" s="1"/>
  <c r="LYN54" i="1" s="1"/>
  <c r="LYO54" i="1" s="1"/>
  <c r="LYP54" i="1" s="1"/>
  <c r="LYQ54" i="1" s="1"/>
  <c r="LYR54" i="1" s="1"/>
  <c r="LYS54" i="1" s="1"/>
  <c r="LYT54" i="1" s="1"/>
  <c r="LYU54" i="1" s="1"/>
  <c r="LYV54" i="1" s="1"/>
  <c r="LYW54" i="1" s="1"/>
  <c r="LYX54" i="1" s="1"/>
  <c r="LYY54" i="1" s="1"/>
  <c r="LYZ54" i="1" s="1"/>
  <c r="LZA54" i="1" s="1"/>
  <c r="LZB54" i="1" s="1"/>
  <c r="LZC54" i="1" s="1"/>
  <c r="LZD54" i="1" s="1"/>
  <c r="LZE54" i="1" s="1"/>
  <c r="LZF54" i="1" s="1"/>
  <c r="LZG54" i="1" s="1"/>
  <c r="LZH54" i="1" s="1"/>
  <c r="LZI54" i="1" s="1"/>
  <c r="LZJ54" i="1" s="1"/>
  <c r="LZK54" i="1" s="1"/>
  <c r="LZL54" i="1" s="1"/>
  <c r="LZM54" i="1" s="1"/>
  <c r="LZN54" i="1" s="1"/>
  <c r="LZO54" i="1" s="1"/>
  <c r="LZP54" i="1" s="1"/>
  <c r="LZQ54" i="1" s="1"/>
  <c r="LZR54" i="1" s="1"/>
  <c r="LZS54" i="1" s="1"/>
  <c r="LZT54" i="1" s="1"/>
  <c r="LZU54" i="1" s="1"/>
  <c r="LZV54" i="1" s="1"/>
  <c r="LZW54" i="1" s="1"/>
  <c r="LZX54" i="1" s="1"/>
  <c r="LZY54" i="1" s="1"/>
  <c r="LZZ54" i="1" s="1"/>
  <c r="MAA54" i="1" s="1"/>
  <c r="MAB54" i="1" s="1"/>
  <c r="MAC54" i="1" s="1"/>
  <c r="MAD54" i="1" s="1"/>
  <c r="MAE54" i="1" s="1"/>
  <c r="MAF54" i="1" s="1"/>
  <c r="MAG54" i="1" s="1"/>
  <c r="MAH54" i="1" s="1"/>
  <c r="MAI54" i="1" s="1"/>
  <c r="MAJ54" i="1" s="1"/>
  <c r="MAK54" i="1" s="1"/>
  <c r="MAL54" i="1" s="1"/>
  <c r="MAM54" i="1" s="1"/>
  <c r="MAN54" i="1" s="1"/>
  <c r="MAO54" i="1" s="1"/>
  <c r="MAP54" i="1" s="1"/>
  <c r="MAQ54" i="1" s="1"/>
  <c r="MAR54" i="1" s="1"/>
  <c r="MAS54" i="1" s="1"/>
  <c r="MAT54" i="1" s="1"/>
  <c r="MAU54" i="1" s="1"/>
  <c r="MAV54" i="1" s="1"/>
  <c r="MAW54" i="1" s="1"/>
  <c r="MAX54" i="1" s="1"/>
  <c r="MAY54" i="1" s="1"/>
  <c r="MAZ54" i="1" s="1"/>
  <c r="MBA54" i="1" s="1"/>
  <c r="MBB54" i="1" s="1"/>
  <c r="MBC54" i="1" s="1"/>
  <c r="MBD54" i="1" s="1"/>
  <c r="MBE54" i="1" s="1"/>
  <c r="MBF54" i="1" s="1"/>
  <c r="MBG54" i="1" s="1"/>
  <c r="MBH54" i="1" s="1"/>
  <c r="MBI54" i="1" s="1"/>
  <c r="MBJ54" i="1" s="1"/>
  <c r="MBK54" i="1" s="1"/>
  <c r="MBL54" i="1" s="1"/>
  <c r="MBM54" i="1" s="1"/>
  <c r="MBN54" i="1" s="1"/>
  <c r="MBO54" i="1" s="1"/>
  <c r="MBP54" i="1" s="1"/>
  <c r="MBQ54" i="1" s="1"/>
  <c r="MBR54" i="1" s="1"/>
  <c r="MBS54" i="1" s="1"/>
  <c r="MBT54" i="1" s="1"/>
  <c r="MBU54" i="1" s="1"/>
  <c r="MBV54" i="1" s="1"/>
  <c r="MBW54" i="1" s="1"/>
  <c r="MBX54" i="1" s="1"/>
  <c r="MBY54" i="1" s="1"/>
  <c r="MBZ54" i="1" s="1"/>
  <c r="MCA54" i="1" s="1"/>
  <c r="MCB54" i="1" s="1"/>
  <c r="MCC54" i="1" s="1"/>
  <c r="MCD54" i="1" s="1"/>
  <c r="MCE54" i="1" s="1"/>
  <c r="MCF54" i="1" s="1"/>
  <c r="MCG54" i="1" s="1"/>
  <c r="MCH54" i="1" s="1"/>
  <c r="MCI54" i="1" s="1"/>
  <c r="MCJ54" i="1" s="1"/>
  <c r="MCK54" i="1" s="1"/>
  <c r="MCL54" i="1" s="1"/>
  <c r="MCM54" i="1" s="1"/>
  <c r="MCN54" i="1" s="1"/>
  <c r="MCO54" i="1" s="1"/>
  <c r="MCP54" i="1" s="1"/>
  <c r="MCQ54" i="1" s="1"/>
  <c r="MCR54" i="1" s="1"/>
  <c r="MCS54" i="1" s="1"/>
  <c r="MCT54" i="1" s="1"/>
  <c r="MCU54" i="1" s="1"/>
  <c r="MCV54" i="1" s="1"/>
  <c r="MCW54" i="1" s="1"/>
  <c r="MCX54" i="1" s="1"/>
  <c r="MCY54" i="1" s="1"/>
  <c r="MCZ54" i="1" s="1"/>
  <c r="MDA54" i="1" s="1"/>
  <c r="MDB54" i="1" s="1"/>
  <c r="MDC54" i="1" s="1"/>
  <c r="MDD54" i="1" s="1"/>
  <c r="MDE54" i="1" s="1"/>
  <c r="MDF54" i="1" s="1"/>
  <c r="MDG54" i="1" s="1"/>
  <c r="MDH54" i="1" s="1"/>
  <c r="MDI54" i="1" s="1"/>
  <c r="MDJ54" i="1" s="1"/>
  <c r="MDK54" i="1" s="1"/>
  <c r="MDL54" i="1" s="1"/>
  <c r="MDM54" i="1" s="1"/>
  <c r="MDN54" i="1" s="1"/>
  <c r="MDO54" i="1" s="1"/>
  <c r="MDP54" i="1" s="1"/>
  <c r="MDQ54" i="1" s="1"/>
  <c r="MDR54" i="1" s="1"/>
  <c r="MDS54" i="1" s="1"/>
  <c r="MDT54" i="1" s="1"/>
  <c r="MDU54" i="1" s="1"/>
  <c r="MDV54" i="1" s="1"/>
  <c r="MDW54" i="1" s="1"/>
  <c r="MDX54" i="1" s="1"/>
  <c r="MDY54" i="1" s="1"/>
  <c r="MDZ54" i="1" s="1"/>
  <c r="MEA54" i="1" s="1"/>
  <c r="MEB54" i="1" s="1"/>
  <c r="MEC54" i="1" s="1"/>
  <c r="MED54" i="1" s="1"/>
  <c r="MEE54" i="1" s="1"/>
  <c r="MEF54" i="1" s="1"/>
  <c r="MEG54" i="1" s="1"/>
  <c r="MEH54" i="1" s="1"/>
  <c r="MEI54" i="1" s="1"/>
  <c r="MEJ54" i="1" s="1"/>
  <c r="MEK54" i="1" s="1"/>
  <c r="MEL54" i="1" s="1"/>
  <c r="MEM54" i="1" s="1"/>
  <c r="MEN54" i="1" s="1"/>
  <c r="MEO54" i="1" s="1"/>
  <c r="MEP54" i="1" s="1"/>
  <c r="MEQ54" i="1" s="1"/>
  <c r="MER54" i="1" s="1"/>
  <c r="MES54" i="1" s="1"/>
  <c r="MET54" i="1" s="1"/>
  <c r="MEU54" i="1" s="1"/>
  <c r="MEV54" i="1" s="1"/>
  <c r="MEW54" i="1" s="1"/>
  <c r="MEX54" i="1" s="1"/>
  <c r="MEY54" i="1" s="1"/>
  <c r="MEZ54" i="1" s="1"/>
  <c r="MFA54" i="1" s="1"/>
  <c r="MFB54" i="1" s="1"/>
  <c r="MFC54" i="1" s="1"/>
  <c r="MFD54" i="1" s="1"/>
  <c r="MFE54" i="1" s="1"/>
  <c r="MFF54" i="1" s="1"/>
  <c r="MFG54" i="1" s="1"/>
  <c r="MFH54" i="1" s="1"/>
  <c r="MFI54" i="1" s="1"/>
  <c r="MFJ54" i="1" s="1"/>
  <c r="MFK54" i="1" s="1"/>
  <c r="MFL54" i="1" s="1"/>
  <c r="MFM54" i="1" s="1"/>
  <c r="MFN54" i="1" s="1"/>
  <c r="MFO54" i="1" s="1"/>
  <c r="MFP54" i="1" s="1"/>
  <c r="MFQ54" i="1" s="1"/>
  <c r="MFR54" i="1" s="1"/>
  <c r="MFS54" i="1" s="1"/>
  <c r="MFT54" i="1" s="1"/>
  <c r="MFU54" i="1" s="1"/>
  <c r="MFV54" i="1" s="1"/>
  <c r="MFW54" i="1" s="1"/>
  <c r="MFX54" i="1" s="1"/>
  <c r="MFY54" i="1" s="1"/>
  <c r="MFZ54" i="1" s="1"/>
  <c r="MGA54" i="1" s="1"/>
  <c r="MGB54" i="1" s="1"/>
  <c r="MGC54" i="1" s="1"/>
  <c r="MGD54" i="1" s="1"/>
  <c r="MGE54" i="1" s="1"/>
  <c r="MGF54" i="1" s="1"/>
  <c r="MGG54" i="1" s="1"/>
  <c r="MGH54" i="1" s="1"/>
  <c r="MGI54" i="1" s="1"/>
  <c r="MGJ54" i="1" s="1"/>
  <c r="MGK54" i="1" s="1"/>
  <c r="MGL54" i="1" s="1"/>
  <c r="MGM54" i="1" s="1"/>
  <c r="MGN54" i="1" s="1"/>
  <c r="MGO54" i="1" s="1"/>
  <c r="MGP54" i="1" s="1"/>
  <c r="MGQ54" i="1" s="1"/>
  <c r="MGR54" i="1" s="1"/>
  <c r="MGS54" i="1" s="1"/>
  <c r="MGT54" i="1" s="1"/>
  <c r="MGU54" i="1" s="1"/>
  <c r="MGV54" i="1" s="1"/>
  <c r="MGW54" i="1" s="1"/>
  <c r="MGX54" i="1" s="1"/>
  <c r="MGY54" i="1" s="1"/>
  <c r="MGZ54" i="1" s="1"/>
  <c r="MHA54" i="1" s="1"/>
  <c r="MHB54" i="1" s="1"/>
  <c r="MHC54" i="1" s="1"/>
  <c r="MHD54" i="1" s="1"/>
  <c r="MHE54" i="1" s="1"/>
  <c r="MHF54" i="1" s="1"/>
  <c r="MHG54" i="1" s="1"/>
  <c r="MHH54" i="1" s="1"/>
  <c r="MHI54" i="1" s="1"/>
  <c r="MHJ54" i="1" s="1"/>
  <c r="MHK54" i="1" s="1"/>
  <c r="MHL54" i="1" s="1"/>
  <c r="MHM54" i="1" s="1"/>
  <c r="MHN54" i="1" s="1"/>
  <c r="MHO54" i="1" s="1"/>
  <c r="MHP54" i="1" s="1"/>
  <c r="MHQ54" i="1" s="1"/>
  <c r="MHR54" i="1" s="1"/>
  <c r="MHS54" i="1" s="1"/>
  <c r="MHT54" i="1" s="1"/>
  <c r="MHU54" i="1" s="1"/>
  <c r="MHV54" i="1" s="1"/>
  <c r="MHW54" i="1" s="1"/>
  <c r="MHX54" i="1" s="1"/>
  <c r="MHY54" i="1" s="1"/>
  <c r="MHZ54" i="1" s="1"/>
  <c r="MIA54" i="1" s="1"/>
  <c r="MIB54" i="1" s="1"/>
  <c r="MIC54" i="1" s="1"/>
  <c r="MID54" i="1" s="1"/>
  <c r="MIE54" i="1" s="1"/>
  <c r="MIF54" i="1" s="1"/>
  <c r="MIG54" i="1" s="1"/>
  <c r="MIH54" i="1" s="1"/>
  <c r="MII54" i="1" s="1"/>
  <c r="MIJ54" i="1" s="1"/>
  <c r="MIK54" i="1" s="1"/>
  <c r="MIL54" i="1" s="1"/>
  <c r="MIM54" i="1" s="1"/>
  <c r="MIN54" i="1" s="1"/>
  <c r="MIO54" i="1" s="1"/>
  <c r="MIP54" i="1" s="1"/>
  <c r="MIQ54" i="1" s="1"/>
  <c r="MIR54" i="1" s="1"/>
  <c r="MIS54" i="1" s="1"/>
  <c r="MIT54" i="1" s="1"/>
  <c r="MIU54" i="1" s="1"/>
  <c r="MIV54" i="1" s="1"/>
  <c r="MIW54" i="1" s="1"/>
  <c r="MIX54" i="1" s="1"/>
  <c r="MIY54" i="1" s="1"/>
  <c r="MIZ54" i="1" s="1"/>
  <c r="MJA54" i="1" s="1"/>
  <c r="MJB54" i="1" s="1"/>
  <c r="MJC54" i="1" s="1"/>
  <c r="MJD54" i="1" s="1"/>
  <c r="MJE54" i="1" s="1"/>
  <c r="MJF54" i="1" s="1"/>
  <c r="MJG54" i="1" s="1"/>
  <c r="MJH54" i="1" s="1"/>
  <c r="MJI54" i="1" s="1"/>
  <c r="MJJ54" i="1" s="1"/>
  <c r="MJK54" i="1" s="1"/>
  <c r="MJL54" i="1" s="1"/>
  <c r="MJM54" i="1" s="1"/>
  <c r="MJN54" i="1" s="1"/>
  <c r="MJO54" i="1" s="1"/>
  <c r="MJP54" i="1" s="1"/>
  <c r="MJQ54" i="1" s="1"/>
  <c r="MJR54" i="1" s="1"/>
  <c r="MJS54" i="1" s="1"/>
  <c r="MJT54" i="1" s="1"/>
  <c r="MJU54" i="1" s="1"/>
  <c r="MJV54" i="1" s="1"/>
  <c r="MJW54" i="1" s="1"/>
  <c r="MJX54" i="1" s="1"/>
  <c r="MJY54" i="1" s="1"/>
  <c r="MJZ54" i="1" s="1"/>
  <c r="MKA54" i="1" s="1"/>
  <c r="MKB54" i="1" s="1"/>
  <c r="MKC54" i="1" s="1"/>
  <c r="MKD54" i="1" s="1"/>
  <c r="MKE54" i="1" s="1"/>
  <c r="MKF54" i="1" s="1"/>
  <c r="MKG54" i="1" s="1"/>
  <c r="MKH54" i="1" s="1"/>
  <c r="MKI54" i="1" s="1"/>
  <c r="MKJ54" i="1" s="1"/>
  <c r="MKK54" i="1" s="1"/>
  <c r="MKL54" i="1" s="1"/>
  <c r="MKM54" i="1" s="1"/>
  <c r="MKN54" i="1" s="1"/>
  <c r="MKO54" i="1" s="1"/>
  <c r="MKP54" i="1" s="1"/>
  <c r="MKQ54" i="1" s="1"/>
  <c r="MKR54" i="1" s="1"/>
  <c r="MKS54" i="1" s="1"/>
  <c r="MKT54" i="1" s="1"/>
  <c r="MKU54" i="1" s="1"/>
  <c r="MKV54" i="1" s="1"/>
  <c r="MKW54" i="1" s="1"/>
  <c r="MKX54" i="1" s="1"/>
  <c r="MKY54" i="1" s="1"/>
  <c r="MKZ54" i="1" s="1"/>
  <c r="MLA54" i="1" s="1"/>
  <c r="MLB54" i="1" s="1"/>
  <c r="MLC54" i="1" s="1"/>
  <c r="MLD54" i="1" s="1"/>
  <c r="MLE54" i="1" s="1"/>
  <c r="MLF54" i="1" s="1"/>
  <c r="MLG54" i="1" s="1"/>
  <c r="MLH54" i="1" s="1"/>
  <c r="MLI54" i="1" s="1"/>
  <c r="MLJ54" i="1" s="1"/>
  <c r="MLK54" i="1" s="1"/>
  <c r="MLL54" i="1" s="1"/>
  <c r="MLM54" i="1" s="1"/>
  <c r="MLN54" i="1" s="1"/>
  <c r="MLO54" i="1" s="1"/>
  <c r="MLP54" i="1" s="1"/>
  <c r="MLQ54" i="1" s="1"/>
  <c r="MLR54" i="1" s="1"/>
  <c r="MLS54" i="1" s="1"/>
  <c r="MLT54" i="1" s="1"/>
  <c r="MLU54" i="1" s="1"/>
  <c r="MLV54" i="1" s="1"/>
  <c r="MLW54" i="1" s="1"/>
  <c r="MLX54" i="1" s="1"/>
  <c r="MLY54" i="1" s="1"/>
  <c r="MLZ54" i="1" s="1"/>
  <c r="MMA54" i="1" s="1"/>
  <c r="MMB54" i="1" s="1"/>
  <c r="MMC54" i="1" s="1"/>
  <c r="MMD54" i="1" s="1"/>
  <c r="MME54" i="1" s="1"/>
  <c r="MMF54" i="1" s="1"/>
  <c r="MMG54" i="1" s="1"/>
  <c r="MMH54" i="1" s="1"/>
  <c r="MMI54" i="1" s="1"/>
  <c r="MMJ54" i="1" s="1"/>
  <c r="MMK54" i="1" s="1"/>
  <c r="MML54" i="1" s="1"/>
  <c r="MMM54" i="1" s="1"/>
  <c r="MMN54" i="1" s="1"/>
  <c r="MMO54" i="1" s="1"/>
  <c r="MMP54" i="1" s="1"/>
  <c r="MMQ54" i="1" s="1"/>
  <c r="MMR54" i="1" s="1"/>
  <c r="MMS54" i="1" s="1"/>
  <c r="MMT54" i="1" s="1"/>
  <c r="MMU54" i="1" s="1"/>
  <c r="MMV54" i="1" s="1"/>
  <c r="MMW54" i="1" s="1"/>
  <c r="MMX54" i="1" s="1"/>
  <c r="MMY54" i="1" s="1"/>
  <c r="MMZ54" i="1" s="1"/>
  <c r="MNA54" i="1" s="1"/>
  <c r="MNB54" i="1" s="1"/>
  <c r="MNC54" i="1" s="1"/>
  <c r="MND54" i="1" s="1"/>
  <c r="MNE54" i="1" s="1"/>
  <c r="MNF54" i="1" s="1"/>
  <c r="MNG54" i="1" s="1"/>
  <c r="MNH54" i="1" s="1"/>
  <c r="MNI54" i="1" s="1"/>
  <c r="MNJ54" i="1" s="1"/>
  <c r="MNK54" i="1" s="1"/>
  <c r="MNL54" i="1" s="1"/>
  <c r="MNM54" i="1" s="1"/>
  <c r="MNN54" i="1" s="1"/>
  <c r="MNO54" i="1" s="1"/>
  <c r="MNP54" i="1" s="1"/>
  <c r="MNQ54" i="1" s="1"/>
  <c r="MNR54" i="1" s="1"/>
  <c r="MNS54" i="1" s="1"/>
  <c r="MNT54" i="1" s="1"/>
  <c r="MNU54" i="1" s="1"/>
  <c r="MNV54" i="1" s="1"/>
  <c r="MNW54" i="1" s="1"/>
  <c r="MNX54" i="1" s="1"/>
  <c r="MNY54" i="1" s="1"/>
  <c r="MNZ54" i="1" s="1"/>
  <c r="MOA54" i="1" s="1"/>
  <c r="MOB54" i="1" s="1"/>
  <c r="MOC54" i="1" s="1"/>
  <c r="MOD54" i="1" s="1"/>
  <c r="MOE54" i="1" s="1"/>
  <c r="MOF54" i="1" s="1"/>
  <c r="MOG54" i="1" s="1"/>
  <c r="MOH54" i="1" s="1"/>
  <c r="MOI54" i="1" s="1"/>
  <c r="MOJ54" i="1" s="1"/>
  <c r="MOK54" i="1" s="1"/>
  <c r="MOL54" i="1" s="1"/>
  <c r="MOM54" i="1" s="1"/>
  <c r="MON54" i="1" s="1"/>
  <c r="MOO54" i="1" s="1"/>
  <c r="MOP54" i="1" s="1"/>
  <c r="MOQ54" i="1" s="1"/>
  <c r="MOR54" i="1" s="1"/>
  <c r="MOS54" i="1" s="1"/>
  <c r="MOT54" i="1" s="1"/>
  <c r="MOU54" i="1" s="1"/>
  <c r="MOV54" i="1" s="1"/>
  <c r="MOW54" i="1" s="1"/>
  <c r="MOX54" i="1" s="1"/>
  <c r="MOY54" i="1" s="1"/>
  <c r="MOZ54" i="1" s="1"/>
  <c r="MPA54" i="1" s="1"/>
  <c r="MPB54" i="1" s="1"/>
  <c r="MPC54" i="1" s="1"/>
  <c r="MPD54" i="1" s="1"/>
  <c r="MPE54" i="1" s="1"/>
  <c r="MPF54" i="1" s="1"/>
  <c r="MPG54" i="1" s="1"/>
  <c r="MPH54" i="1" s="1"/>
  <c r="MPI54" i="1" s="1"/>
  <c r="MPJ54" i="1" s="1"/>
  <c r="MPK54" i="1" s="1"/>
  <c r="MPL54" i="1" s="1"/>
  <c r="MPM54" i="1" s="1"/>
  <c r="MPN54" i="1" s="1"/>
  <c r="MPO54" i="1" s="1"/>
  <c r="MPP54" i="1" s="1"/>
  <c r="MPQ54" i="1" s="1"/>
  <c r="MPR54" i="1" s="1"/>
  <c r="MPS54" i="1" s="1"/>
  <c r="MPT54" i="1" s="1"/>
  <c r="MPU54" i="1" s="1"/>
  <c r="MPV54" i="1" s="1"/>
  <c r="MPW54" i="1" s="1"/>
  <c r="MPX54" i="1" s="1"/>
  <c r="MPY54" i="1" s="1"/>
  <c r="MPZ54" i="1" s="1"/>
  <c r="MQA54" i="1" s="1"/>
  <c r="MQB54" i="1" s="1"/>
  <c r="MQC54" i="1" s="1"/>
  <c r="MQD54" i="1" s="1"/>
  <c r="MQE54" i="1" s="1"/>
  <c r="MQF54" i="1" s="1"/>
  <c r="MQG54" i="1" s="1"/>
  <c r="MQH54" i="1" s="1"/>
  <c r="MQI54" i="1" s="1"/>
  <c r="MQJ54" i="1" s="1"/>
  <c r="MQK54" i="1" s="1"/>
  <c r="MQL54" i="1" s="1"/>
  <c r="MQM54" i="1" s="1"/>
  <c r="MQN54" i="1" s="1"/>
  <c r="MQO54" i="1" s="1"/>
  <c r="MQP54" i="1" s="1"/>
  <c r="MQQ54" i="1" s="1"/>
  <c r="MQR54" i="1" s="1"/>
  <c r="MQS54" i="1" s="1"/>
  <c r="MQT54" i="1" s="1"/>
  <c r="MQU54" i="1" s="1"/>
  <c r="MQV54" i="1" s="1"/>
  <c r="MQW54" i="1" s="1"/>
  <c r="MQX54" i="1" s="1"/>
  <c r="MQY54" i="1" s="1"/>
  <c r="MQZ54" i="1" s="1"/>
  <c r="MRA54" i="1" s="1"/>
  <c r="MRB54" i="1" s="1"/>
  <c r="MRC54" i="1" s="1"/>
  <c r="MRD54" i="1" s="1"/>
  <c r="MRE54" i="1" s="1"/>
  <c r="MRF54" i="1" s="1"/>
  <c r="MRG54" i="1" s="1"/>
  <c r="MRH54" i="1" s="1"/>
  <c r="MRI54" i="1" s="1"/>
  <c r="MRJ54" i="1" s="1"/>
  <c r="MRK54" i="1" s="1"/>
  <c r="MRL54" i="1" s="1"/>
  <c r="MRM54" i="1" s="1"/>
  <c r="MRN54" i="1" s="1"/>
  <c r="MRO54" i="1" s="1"/>
  <c r="MRP54" i="1" s="1"/>
  <c r="MRQ54" i="1" s="1"/>
  <c r="MRR54" i="1" s="1"/>
  <c r="MRS54" i="1" s="1"/>
  <c r="MRT54" i="1" s="1"/>
  <c r="MRU54" i="1" s="1"/>
  <c r="MRV54" i="1" s="1"/>
  <c r="MRW54" i="1" s="1"/>
  <c r="MRX54" i="1" s="1"/>
  <c r="MRY54" i="1" s="1"/>
  <c r="MRZ54" i="1" s="1"/>
  <c r="MSA54" i="1" s="1"/>
  <c r="MSB54" i="1" s="1"/>
  <c r="MSC54" i="1" s="1"/>
  <c r="MSD54" i="1" s="1"/>
  <c r="MSE54" i="1" s="1"/>
  <c r="MSF54" i="1" s="1"/>
  <c r="MSG54" i="1" s="1"/>
  <c r="MSH54" i="1" s="1"/>
  <c r="MSI54" i="1" s="1"/>
  <c r="MSJ54" i="1" s="1"/>
  <c r="MSK54" i="1" s="1"/>
  <c r="MSL54" i="1" s="1"/>
  <c r="MSM54" i="1" s="1"/>
  <c r="MSN54" i="1" s="1"/>
  <c r="MSO54" i="1" s="1"/>
  <c r="MSP54" i="1" s="1"/>
  <c r="MSQ54" i="1" s="1"/>
  <c r="MSR54" i="1" s="1"/>
  <c r="MSS54" i="1" s="1"/>
  <c r="MST54" i="1" s="1"/>
  <c r="MSU54" i="1" s="1"/>
  <c r="MSV54" i="1" s="1"/>
  <c r="MSW54" i="1" s="1"/>
  <c r="MSX54" i="1" s="1"/>
  <c r="MSY54" i="1" s="1"/>
  <c r="MSZ54" i="1" s="1"/>
  <c r="MTA54" i="1" s="1"/>
  <c r="MTB54" i="1" s="1"/>
  <c r="MTC54" i="1" s="1"/>
  <c r="MTD54" i="1" s="1"/>
  <c r="MTE54" i="1" s="1"/>
  <c r="MTF54" i="1" s="1"/>
  <c r="MTG54" i="1" s="1"/>
  <c r="MTH54" i="1" s="1"/>
  <c r="MTI54" i="1" s="1"/>
  <c r="MTJ54" i="1" s="1"/>
  <c r="MTK54" i="1" s="1"/>
  <c r="MTL54" i="1" s="1"/>
  <c r="MTM54" i="1" s="1"/>
  <c r="MTN54" i="1" s="1"/>
  <c r="MTO54" i="1" s="1"/>
  <c r="MTP54" i="1" s="1"/>
  <c r="MTQ54" i="1" s="1"/>
  <c r="MTR54" i="1" s="1"/>
  <c r="MTS54" i="1" s="1"/>
  <c r="MTT54" i="1" s="1"/>
  <c r="MTU54" i="1" s="1"/>
  <c r="MTV54" i="1" s="1"/>
  <c r="MTW54" i="1" s="1"/>
  <c r="MTX54" i="1" s="1"/>
  <c r="MTY54" i="1" s="1"/>
  <c r="MTZ54" i="1" s="1"/>
  <c r="MUA54" i="1" s="1"/>
  <c r="MUB54" i="1" s="1"/>
  <c r="MUC54" i="1" s="1"/>
  <c r="MUD54" i="1" s="1"/>
  <c r="MUE54" i="1" s="1"/>
  <c r="MUF54" i="1" s="1"/>
  <c r="MUG54" i="1" s="1"/>
  <c r="MUH54" i="1" s="1"/>
  <c r="MUI54" i="1" s="1"/>
  <c r="MUJ54" i="1" s="1"/>
  <c r="MUK54" i="1" s="1"/>
  <c r="MUL54" i="1" s="1"/>
  <c r="MUM54" i="1" s="1"/>
  <c r="MUN54" i="1" s="1"/>
  <c r="MUO54" i="1" s="1"/>
  <c r="MUP54" i="1" s="1"/>
  <c r="MUQ54" i="1" s="1"/>
  <c r="MUR54" i="1" s="1"/>
  <c r="MUS54" i="1" s="1"/>
  <c r="MUT54" i="1" s="1"/>
  <c r="MUU54" i="1" s="1"/>
  <c r="MUV54" i="1" s="1"/>
  <c r="MUW54" i="1" s="1"/>
  <c r="MUX54" i="1" s="1"/>
  <c r="MUY54" i="1" s="1"/>
  <c r="MUZ54" i="1" s="1"/>
  <c r="MVA54" i="1" s="1"/>
  <c r="MVB54" i="1" s="1"/>
  <c r="MVC54" i="1" s="1"/>
  <c r="MVD54" i="1" s="1"/>
  <c r="MVE54" i="1" s="1"/>
  <c r="MVF54" i="1" s="1"/>
  <c r="MVG54" i="1" s="1"/>
  <c r="MVH54" i="1" s="1"/>
  <c r="MVI54" i="1" s="1"/>
  <c r="MVJ54" i="1" s="1"/>
  <c r="MVK54" i="1" s="1"/>
  <c r="MVL54" i="1" s="1"/>
  <c r="MVM54" i="1" s="1"/>
  <c r="MVN54" i="1" s="1"/>
  <c r="MVO54" i="1" s="1"/>
  <c r="MVP54" i="1" s="1"/>
  <c r="MVQ54" i="1" s="1"/>
  <c r="MVR54" i="1" s="1"/>
  <c r="MVS54" i="1" s="1"/>
  <c r="MVT54" i="1" s="1"/>
  <c r="MVU54" i="1" s="1"/>
  <c r="MVV54" i="1" s="1"/>
  <c r="MVW54" i="1" s="1"/>
  <c r="MVX54" i="1" s="1"/>
  <c r="MVY54" i="1" s="1"/>
  <c r="MVZ54" i="1" s="1"/>
  <c r="MWA54" i="1" s="1"/>
  <c r="MWB54" i="1" s="1"/>
  <c r="MWC54" i="1" s="1"/>
  <c r="MWD54" i="1" s="1"/>
  <c r="MWE54" i="1" s="1"/>
  <c r="MWF54" i="1" s="1"/>
  <c r="MWG54" i="1" s="1"/>
  <c r="MWH54" i="1" s="1"/>
  <c r="MWI54" i="1" s="1"/>
  <c r="MWJ54" i="1" s="1"/>
  <c r="MWK54" i="1" s="1"/>
  <c r="MWL54" i="1" s="1"/>
  <c r="MWM54" i="1" s="1"/>
  <c r="MWN54" i="1" s="1"/>
  <c r="MWO54" i="1" s="1"/>
  <c r="MWP54" i="1" s="1"/>
  <c r="MWQ54" i="1" s="1"/>
  <c r="MWR54" i="1" s="1"/>
  <c r="MWS54" i="1" s="1"/>
  <c r="MWT54" i="1" s="1"/>
  <c r="MWU54" i="1" s="1"/>
  <c r="MWV54" i="1" s="1"/>
  <c r="MWW54" i="1" s="1"/>
  <c r="MWX54" i="1" s="1"/>
  <c r="MWY54" i="1" s="1"/>
  <c r="MWZ54" i="1" s="1"/>
  <c r="MXA54" i="1" s="1"/>
  <c r="MXB54" i="1" s="1"/>
  <c r="MXC54" i="1" s="1"/>
  <c r="MXD54" i="1" s="1"/>
  <c r="MXE54" i="1" s="1"/>
  <c r="MXF54" i="1" s="1"/>
  <c r="MXG54" i="1" s="1"/>
  <c r="MXH54" i="1" s="1"/>
  <c r="MXI54" i="1" s="1"/>
  <c r="MXJ54" i="1" s="1"/>
  <c r="MXK54" i="1" s="1"/>
  <c r="MXL54" i="1" s="1"/>
  <c r="MXM54" i="1" s="1"/>
  <c r="MXN54" i="1" s="1"/>
  <c r="MXO54" i="1" s="1"/>
  <c r="MXP54" i="1" s="1"/>
  <c r="MXQ54" i="1" s="1"/>
  <c r="MXR54" i="1" s="1"/>
  <c r="MXS54" i="1" s="1"/>
  <c r="MXT54" i="1" s="1"/>
  <c r="MXU54" i="1" s="1"/>
  <c r="MXV54" i="1" s="1"/>
  <c r="MXW54" i="1" s="1"/>
  <c r="MXX54" i="1" s="1"/>
  <c r="MXY54" i="1" s="1"/>
  <c r="MXZ54" i="1" s="1"/>
  <c r="MYA54" i="1" s="1"/>
  <c r="MYB54" i="1" s="1"/>
  <c r="MYC54" i="1" s="1"/>
  <c r="MYD54" i="1" s="1"/>
  <c r="MYE54" i="1" s="1"/>
  <c r="MYF54" i="1" s="1"/>
  <c r="MYG54" i="1" s="1"/>
  <c r="MYH54" i="1" s="1"/>
  <c r="MYI54" i="1" s="1"/>
  <c r="MYJ54" i="1" s="1"/>
  <c r="MYK54" i="1" s="1"/>
  <c r="MYL54" i="1" s="1"/>
  <c r="MYM54" i="1" s="1"/>
  <c r="MYN54" i="1" s="1"/>
  <c r="MYO54" i="1" s="1"/>
  <c r="MYP54" i="1" s="1"/>
  <c r="MYQ54" i="1" s="1"/>
  <c r="MYR54" i="1" s="1"/>
  <c r="MYS54" i="1" s="1"/>
  <c r="MYT54" i="1" s="1"/>
  <c r="MYU54" i="1" s="1"/>
  <c r="MYV54" i="1" s="1"/>
  <c r="MYW54" i="1" s="1"/>
  <c r="MYX54" i="1" s="1"/>
  <c r="MYY54" i="1" s="1"/>
  <c r="MYZ54" i="1" s="1"/>
  <c r="MZA54" i="1" s="1"/>
  <c r="MZB54" i="1" s="1"/>
  <c r="MZC54" i="1" s="1"/>
  <c r="MZD54" i="1" s="1"/>
  <c r="MZE54" i="1" s="1"/>
  <c r="MZF54" i="1" s="1"/>
  <c r="MZG54" i="1" s="1"/>
  <c r="MZH54" i="1" s="1"/>
  <c r="MZI54" i="1" s="1"/>
  <c r="MZJ54" i="1" s="1"/>
  <c r="MZK54" i="1" s="1"/>
  <c r="MZL54" i="1" s="1"/>
  <c r="MZM54" i="1" s="1"/>
  <c r="MZN54" i="1" s="1"/>
  <c r="MZO54" i="1" s="1"/>
  <c r="MZP54" i="1" s="1"/>
  <c r="MZQ54" i="1" s="1"/>
  <c r="MZR54" i="1" s="1"/>
  <c r="MZS54" i="1" s="1"/>
  <c r="MZT54" i="1" s="1"/>
  <c r="MZU54" i="1" s="1"/>
  <c r="MZV54" i="1" s="1"/>
  <c r="MZW54" i="1" s="1"/>
  <c r="MZX54" i="1" s="1"/>
  <c r="MZY54" i="1" s="1"/>
  <c r="MZZ54" i="1" s="1"/>
  <c r="NAA54" i="1" s="1"/>
  <c r="NAB54" i="1" s="1"/>
  <c r="NAC54" i="1" s="1"/>
  <c r="NAD54" i="1" s="1"/>
  <c r="NAE54" i="1" s="1"/>
  <c r="NAF54" i="1" s="1"/>
  <c r="NAG54" i="1" s="1"/>
  <c r="NAH54" i="1" s="1"/>
  <c r="NAI54" i="1" s="1"/>
  <c r="NAJ54" i="1" s="1"/>
  <c r="NAK54" i="1" s="1"/>
  <c r="NAL54" i="1" s="1"/>
  <c r="NAM54" i="1" s="1"/>
  <c r="NAN54" i="1" s="1"/>
  <c r="NAO54" i="1" s="1"/>
  <c r="NAP54" i="1" s="1"/>
  <c r="NAQ54" i="1" s="1"/>
  <c r="NAR54" i="1" s="1"/>
  <c r="NAS54" i="1" s="1"/>
  <c r="NAT54" i="1" s="1"/>
  <c r="NAU54" i="1" s="1"/>
  <c r="NAV54" i="1" s="1"/>
  <c r="NAW54" i="1" s="1"/>
  <c r="NAX54" i="1" s="1"/>
  <c r="NAY54" i="1" s="1"/>
  <c r="NAZ54" i="1" s="1"/>
  <c r="NBA54" i="1" s="1"/>
  <c r="NBB54" i="1" s="1"/>
  <c r="NBC54" i="1" s="1"/>
  <c r="NBD54" i="1" s="1"/>
  <c r="NBE54" i="1" s="1"/>
  <c r="NBF54" i="1" s="1"/>
  <c r="NBG54" i="1" s="1"/>
  <c r="NBH54" i="1" s="1"/>
  <c r="NBI54" i="1" s="1"/>
  <c r="NBJ54" i="1" s="1"/>
  <c r="NBK54" i="1" s="1"/>
  <c r="NBL54" i="1" s="1"/>
  <c r="NBM54" i="1" s="1"/>
  <c r="NBN54" i="1" s="1"/>
  <c r="NBO54" i="1" s="1"/>
  <c r="NBP54" i="1" s="1"/>
  <c r="NBQ54" i="1" s="1"/>
  <c r="NBR54" i="1" s="1"/>
  <c r="NBS54" i="1" s="1"/>
  <c r="NBT54" i="1" s="1"/>
  <c r="NBU54" i="1" s="1"/>
  <c r="NBV54" i="1" s="1"/>
  <c r="NBW54" i="1" s="1"/>
  <c r="NBX54" i="1" s="1"/>
  <c r="NBY54" i="1" s="1"/>
  <c r="NBZ54" i="1" s="1"/>
  <c r="NCA54" i="1" s="1"/>
  <c r="NCB54" i="1" s="1"/>
  <c r="NCC54" i="1" s="1"/>
  <c r="NCD54" i="1" s="1"/>
  <c r="NCE54" i="1" s="1"/>
  <c r="NCF54" i="1" s="1"/>
  <c r="NCG54" i="1" s="1"/>
  <c r="NCH54" i="1" s="1"/>
  <c r="NCI54" i="1" s="1"/>
  <c r="NCJ54" i="1" s="1"/>
  <c r="NCK54" i="1" s="1"/>
  <c r="NCL54" i="1" s="1"/>
  <c r="NCM54" i="1" s="1"/>
  <c r="NCN54" i="1" s="1"/>
  <c r="NCO54" i="1" s="1"/>
  <c r="NCP54" i="1" s="1"/>
  <c r="NCQ54" i="1" s="1"/>
  <c r="NCR54" i="1" s="1"/>
  <c r="NCS54" i="1" s="1"/>
  <c r="NCT54" i="1" s="1"/>
  <c r="NCU54" i="1" s="1"/>
  <c r="NCV54" i="1" s="1"/>
  <c r="NCW54" i="1" s="1"/>
  <c r="NCX54" i="1" s="1"/>
  <c r="NCY54" i="1" s="1"/>
  <c r="NCZ54" i="1" s="1"/>
  <c r="NDA54" i="1" s="1"/>
  <c r="NDB54" i="1" s="1"/>
  <c r="NDC54" i="1" s="1"/>
  <c r="NDD54" i="1" s="1"/>
  <c r="NDE54" i="1" s="1"/>
  <c r="NDF54" i="1" s="1"/>
  <c r="NDG54" i="1" s="1"/>
  <c r="NDH54" i="1" s="1"/>
  <c r="NDI54" i="1" s="1"/>
  <c r="NDJ54" i="1" s="1"/>
  <c r="NDK54" i="1" s="1"/>
  <c r="NDL54" i="1" s="1"/>
  <c r="NDM54" i="1" s="1"/>
  <c r="NDN54" i="1" s="1"/>
  <c r="NDO54" i="1" s="1"/>
  <c r="NDP54" i="1" s="1"/>
  <c r="NDQ54" i="1" s="1"/>
  <c r="NDR54" i="1" s="1"/>
  <c r="NDS54" i="1" s="1"/>
  <c r="NDT54" i="1" s="1"/>
  <c r="NDU54" i="1" s="1"/>
  <c r="NDV54" i="1" s="1"/>
  <c r="NDW54" i="1" s="1"/>
  <c r="NDX54" i="1" s="1"/>
  <c r="NDY54" i="1" s="1"/>
  <c r="NDZ54" i="1" s="1"/>
  <c r="NEA54" i="1" s="1"/>
  <c r="NEB54" i="1" s="1"/>
  <c r="NEC54" i="1" s="1"/>
  <c r="NED54" i="1" s="1"/>
  <c r="NEE54" i="1" s="1"/>
  <c r="NEF54" i="1" s="1"/>
  <c r="NEG54" i="1" s="1"/>
  <c r="NEH54" i="1" s="1"/>
  <c r="NEI54" i="1" s="1"/>
  <c r="NEJ54" i="1" s="1"/>
  <c r="NEK54" i="1" s="1"/>
  <c r="NEL54" i="1" s="1"/>
  <c r="NEM54" i="1" s="1"/>
  <c r="NEN54" i="1" s="1"/>
  <c r="NEO54" i="1" s="1"/>
  <c r="NEP54" i="1" s="1"/>
  <c r="NEQ54" i="1" s="1"/>
  <c r="NER54" i="1" s="1"/>
  <c r="NES54" i="1" s="1"/>
  <c r="NET54" i="1" s="1"/>
  <c r="NEU54" i="1" s="1"/>
  <c r="NEV54" i="1" s="1"/>
  <c r="NEW54" i="1" s="1"/>
  <c r="NEX54" i="1" s="1"/>
  <c r="NEY54" i="1" s="1"/>
  <c r="NEZ54" i="1" s="1"/>
  <c r="NFA54" i="1" s="1"/>
  <c r="NFB54" i="1" s="1"/>
  <c r="NFC54" i="1" s="1"/>
  <c r="NFD54" i="1" s="1"/>
  <c r="NFE54" i="1" s="1"/>
  <c r="NFF54" i="1" s="1"/>
  <c r="NFG54" i="1" s="1"/>
  <c r="NFH54" i="1" s="1"/>
  <c r="NFI54" i="1" s="1"/>
  <c r="NFJ54" i="1" s="1"/>
  <c r="NFK54" i="1" s="1"/>
  <c r="NFL54" i="1" s="1"/>
  <c r="NFM54" i="1" s="1"/>
  <c r="NFN54" i="1" s="1"/>
  <c r="NFO54" i="1" s="1"/>
  <c r="NFP54" i="1" s="1"/>
  <c r="NFQ54" i="1" s="1"/>
  <c r="NFR54" i="1" s="1"/>
  <c r="NFS54" i="1" s="1"/>
  <c r="NFT54" i="1" s="1"/>
  <c r="NFU54" i="1" s="1"/>
  <c r="NFV54" i="1" s="1"/>
  <c r="NFW54" i="1" s="1"/>
  <c r="NFX54" i="1" s="1"/>
  <c r="NFY54" i="1" s="1"/>
  <c r="NFZ54" i="1" s="1"/>
  <c r="NGA54" i="1" s="1"/>
  <c r="NGB54" i="1" s="1"/>
  <c r="NGC54" i="1" s="1"/>
  <c r="NGD54" i="1" s="1"/>
  <c r="NGE54" i="1" s="1"/>
  <c r="NGF54" i="1" s="1"/>
  <c r="NGG54" i="1" s="1"/>
  <c r="NGH54" i="1" s="1"/>
  <c r="NGI54" i="1" s="1"/>
  <c r="NGJ54" i="1" s="1"/>
  <c r="NGK54" i="1" s="1"/>
  <c r="NGL54" i="1" s="1"/>
  <c r="NGM54" i="1" s="1"/>
  <c r="NGN54" i="1" s="1"/>
  <c r="NGO54" i="1" s="1"/>
  <c r="NGP54" i="1" s="1"/>
  <c r="NGQ54" i="1" s="1"/>
  <c r="NGR54" i="1" s="1"/>
  <c r="NGS54" i="1" s="1"/>
  <c r="NGT54" i="1" s="1"/>
  <c r="NGU54" i="1" s="1"/>
  <c r="NGV54" i="1" s="1"/>
  <c r="NGW54" i="1" s="1"/>
  <c r="NGX54" i="1" s="1"/>
  <c r="NGY54" i="1" s="1"/>
  <c r="NGZ54" i="1" s="1"/>
  <c r="NHA54" i="1" s="1"/>
  <c r="NHB54" i="1" s="1"/>
  <c r="NHC54" i="1" s="1"/>
  <c r="NHD54" i="1" s="1"/>
  <c r="NHE54" i="1" s="1"/>
  <c r="NHF54" i="1" s="1"/>
  <c r="NHG54" i="1" s="1"/>
  <c r="NHH54" i="1" s="1"/>
  <c r="NHI54" i="1" s="1"/>
  <c r="NHJ54" i="1" s="1"/>
  <c r="NHK54" i="1" s="1"/>
  <c r="NHL54" i="1" s="1"/>
  <c r="NHM54" i="1" s="1"/>
  <c r="NHN54" i="1" s="1"/>
  <c r="NHO54" i="1" s="1"/>
  <c r="NHP54" i="1" s="1"/>
  <c r="NHQ54" i="1" s="1"/>
  <c r="NHR54" i="1" s="1"/>
  <c r="NHS54" i="1" s="1"/>
  <c r="NHT54" i="1" s="1"/>
  <c r="NHU54" i="1" s="1"/>
  <c r="NHV54" i="1" s="1"/>
  <c r="NHW54" i="1" s="1"/>
  <c r="NHX54" i="1" s="1"/>
  <c r="NHY54" i="1" s="1"/>
  <c r="NHZ54" i="1" s="1"/>
  <c r="NIA54" i="1" s="1"/>
  <c r="NIB54" i="1" s="1"/>
  <c r="NIC54" i="1" s="1"/>
  <c r="NID54" i="1" s="1"/>
  <c r="NIE54" i="1" s="1"/>
  <c r="NIF54" i="1" s="1"/>
  <c r="NIG54" i="1" s="1"/>
  <c r="NIH54" i="1" s="1"/>
  <c r="NII54" i="1" s="1"/>
  <c r="NIJ54" i="1" s="1"/>
  <c r="NIK54" i="1" s="1"/>
  <c r="NIL54" i="1" s="1"/>
  <c r="NIM54" i="1" s="1"/>
  <c r="NIN54" i="1" s="1"/>
  <c r="NIO54" i="1" s="1"/>
  <c r="NIP54" i="1" s="1"/>
  <c r="NIQ54" i="1" s="1"/>
  <c r="NIR54" i="1" s="1"/>
  <c r="NIS54" i="1" s="1"/>
  <c r="NIT54" i="1" s="1"/>
  <c r="NIU54" i="1" s="1"/>
  <c r="NIV54" i="1" s="1"/>
  <c r="NIW54" i="1" s="1"/>
  <c r="NIX54" i="1" s="1"/>
  <c r="NIY54" i="1" s="1"/>
  <c r="NIZ54" i="1" s="1"/>
  <c r="NJA54" i="1" s="1"/>
  <c r="NJB54" i="1" s="1"/>
  <c r="NJC54" i="1" s="1"/>
  <c r="NJD54" i="1" s="1"/>
  <c r="NJE54" i="1" s="1"/>
  <c r="NJF54" i="1" s="1"/>
  <c r="NJG54" i="1" s="1"/>
  <c r="NJH54" i="1" s="1"/>
  <c r="NJI54" i="1" s="1"/>
  <c r="NJJ54" i="1" s="1"/>
  <c r="NJK54" i="1" s="1"/>
  <c r="NJL54" i="1" s="1"/>
  <c r="NJM54" i="1" s="1"/>
  <c r="NJN54" i="1" s="1"/>
  <c r="NJO54" i="1" s="1"/>
  <c r="NJP54" i="1" s="1"/>
  <c r="NJQ54" i="1" s="1"/>
  <c r="NJR54" i="1" s="1"/>
  <c r="NJS54" i="1" s="1"/>
  <c r="NJT54" i="1" s="1"/>
  <c r="NJU54" i="1" s="1"/>
  <c r="NJV54" i="1" s="1"/>
  <c r="NJW54" i="1" s="1"/>
  <c r="NJX54" i="1" s="1"/>
  <c r="NJY54" i="1" s="1"/>
  <c r="NJZ54" i="1" s="1"/>
  <c r="NKA54" i="1" s="1"/>
  <c r="NKB54" i="1" s="1"/>
  <c r="NKC54" i="1" s="1"/>
  <c r="NKD54" i="1" s="1"/>
  <c r="NKE54" i="1" s="1"/>
  <c r="NKF54" i="1" s="1"/>
  <c r="NKG54" i="1" s="1"/>
  <c r="NKH54" i="1" s="1"/>
  <c r="NKI54" i="1" s="1"/>
  <c r="NKJ54" i="1" s="1"/>
  <c r="NKK54" i="1" s="1"/>
  <c r="NKL54" i="1" s="1"/>
  <c r="NKM54" i="1" s="1"/>
  <c r="NKN54" i="1" s="1"/>
  <c r="NKO54" i="1" s="1"/>
  <c r="NKP54" i="1" s="1"/>
  <c r="NKQ54" i="1" s="1"/>
  <c r="NKR54" i="1" s="1"/>
  <c r="NKS54" i="1" s="1"/>
  <c r="NKT54" i="1" s="1"/>
  <c r="NKU54" i="1" s="1"/>
  <c r="NKV54" i="1" s="1"/>
  <c r="NKW54" i="1" s="1"/>
  <c r="NKX54" i="1" s="1"/>
  <c r="NKY54" i="1" s="1"/>
  <c r="NKZ54" i="1" s="1"/>
  <c r="NLA54" i="1" s="1"/>
  <c r="NLB54" i="1" s="1"/>
  <c r="NLC54" i="1" s="1"/>
  <c r="NLD54" i="1" s="1"/>
  <c r="NLE54" i="1" s="1"/>
  <c r="NLF54" i="1" s="1"/>
  <c r="NLG54" i="1" s="1"/>
  <c r="NLH54" i="1" s="1"/>
  <c r="NLI54" i="1" s="1"/>
  <c r="NLJ54" i="1" s="1"/>
  <c r="NLK54" i="1" s="1"/>
  <c r="NLL54" i="1" s="1"/>
  <c r="NLM54" i="1" s="1"/>
  <c r="NLN54" i="1" s="1"/>
  <c r="NLO54" i="1" s="1"/>
  <c r="NLP54" i="1" s="1"/>
  <c r="NLQ54" i="1" s="1"/>
  <c r="NLR54" i="1" s="1"/>
  <c r="NLS54" i="1" s="1"/>
  <c r="NLT54" i="1" s="1"/>
  <c r="NLU54" i="1" s="1"/>
  <c r="NLV54" i="1" s="1"/>
  <c r="NLW54" i="1" s="1"/>
  <c r="NLX54" i="1" s="1"/>
  <c r="NLY54" i="1" s="1"/>
  <c r="NLZ54" i="1" s="1"/>
  <c r="NMA54" i="1" s="1"/>
  <c r="NMB54" i="1" s="1"/>
  <c r="NMC54" i="1" s="1"/>
  <c r="NMD54" i="1" s="1"/>
  <c r="NME54" i="1" s="1"/>
  <c r="NMF54" i="1" s="1"/>
  <c r="NMG54" i="1" s="1"/>
  <c r="NMH54" i="1" s="1"/>
  <c r="NMI54" i="1" s="1"/>
  <c r="NMJ54" i="1" s="1"/>
  <c r="NMK54" i="1" s="1"/>
  <c r="NML54" i="1" s="1"/>
  <c r="NMM54" i="1" s="1"/>
  <c r="NMN54" i="1" s="1"/>
  <c r="NMO54" i="1" s="1"/>
  <c r="NMP54" i="1" s="1"/>
  <c r="NMQ54" i="1" s="1"/>
  <c r="NMR54" i="1" s="1"/>
  <c r="NMS54" i="1" s="1"/>
  <c r="NMT54" i="1" s="1"/>
  <c r="NMU54" i="1" s="1"/>
  <c r="NMV54" i="1" s="1"/>
  <c r="NMW54" i="1" s="1"/>
  <c r="NMX54" i="1" s="1"/>
  <c r="NMY54" i="1" s="1"/>
  <c r="NMZ54" i="1" s="1"/>
  <c r="NNA54" i="1" s="1"/>
  <c r="NNB54" i="1" s="1"/>
  <c r="NNC54" i="1" s="1"/>
  <c r="NND54" i="1" s="1"/>
  <c r="NNE54" i="1" s="1"/>
  <c r="NNF54" i="1" s="1"/>
  <c r="NNG54" i="1" s="1"/>
  <c r="NNH54" i="1" s="1"/>
  <c r="NNI54" i="1" s="1"/>
  <c r="NNJ54" i="1" s="1"/>
  <c r="NNK54" i="1" s="1"/>
  <c r="NNL54" i="1" s="1"/>
  <c r="NNM54" i="1" s="1"/>
  <c r="NNN54" i="1" s="1"/>
  <c r="NNO54" i="1" s="1"/>
  <c r="NNP54" i="1" s="1"/>
  <c r="NNQ54" i="1" s="1"/>
  <c r="NNR54" i="1" s="1"/>
  <c r="NNS54" i="1" s="1"/>
  <c r="NNT54" i="1" s="1"/>
  <c r="NNU54" i="1" s="1"/>
  <c r="NNV54" i="1" s="1"/>
  <c r="NNW54" i="1" s="1"/>
  <c r="NNX54" i="1" s="1"/>
  <c r="NNY54" i="1" s="1"/>
  <c r="NNZ54" i="1" s="1"/>
  <c r="NOA54" i="1" s="1"/>
  <c r="NOB54" i="1" s="1"/>
  <c r="NOC54" i="1" s="1"/>
  <c r="NOD54" i="1" s="1"/>
  <c r="NOE54" i="1" s="1"/>
  <c r="NOF54" i="1" s="1"/>
  <c r="NOG54" i="1" s="1"/>
  <c r="NOH54" i="1" s="1"/>
  <c r="NOI54" i="1" s="1"/>
  <c r="NOJ54" i="1" s="1"/>
  <c r="NOK54" i="1" s="1"/>
  <c r="NOL54" i="1" s="1"/>
  <c r="NOM54" i="1" s="1"/>
  <c r="NON54" i="1" s="1"/>
  <c r="NOO54" i="1" s="1"/>
  <c r="NOP54" i="1" s="1"/>
  <c r="NOQ54" i="1" s="1"/>
  <c r="NOR54" i="1" s="1"/>
  <c r="NOS54" i="1" s="1"/>
  <c r="NOT54" i="1" s="1"/>
  <c r="NOU54" i="1" s="1"/>
  <c r="NOV54" i="1" s="1"/>
  <c r="NOW54" i="1" s="1"/>
  <c r="NOX54" i="1" s="1"/>
  <c r="NOY54" i="1" s="1"/>
  <c r="NOZ54" i="1" s="1"/>
  <c r="NPA54" i="1" s="1"/>
  <c r="NPB54" i="1" s="1"/>
  <c r="NPC54" i="1" s="1"/>
  <c r="NPD54" i="1" s="1"/>
  <c r="NPE54" i="1" s="1"/>
  <c r="NPF54" i="1" s="1"/>
  <c r="NPG54" i="1" s="1"/>
  <c r="NPH54" i="1" s="1"/>
  <c r="NPI54" i="1" s="1"/>
  <c r="NPJ54" i="1" s="1"/>
  <c r="NPK54" i="1" s="1"/>
  <c r="NPL54" i="1" s="1"/>
  <c r="NPM54" i="1" s="1"/>
  <c r="NPN54" i="1" s="1"/>
  <c r="NPO54" i="1" s="1"/>
  <c r="NPP54" i="1" s="1"/>
  <c r="NPQ54" i="1" s="1"/>
  <c r="NPR54" i="1" s="1"/>
  <c r="NPS54" i="1" s="1"/>
  <c r="NPT54" i="1" s="1"/>
  <c r="NPU54" i="1" s="1"/>
  <c r="NPV54" i="1" s="1"/>
  <c r="NPW54" i="1" s="1"/>
  <c r="NPX54" i="1" s="1"/>
  <c r="NPY54" i="1" s="1"/>
  <c r="NPZ54" i="1" s="1"/>
  <c r="NQA54" i="1" s="1"/>
  <c r="NQB54" i="1" s="1"/>
  <c r="NQC54" i="1" s="1"/>
  <c r="NQD54" i="1" s="1"/>
  <c r="NQE54" i="1" s="1"/>
  <c r="NQF54" i="1" s="1"/>
  <c r="NQG54" i="1" s="1"/>
  <c r="NQH54" i="1" s="1"/>
  <c r="NQI54" i="1" s="1"/>
  <c r="NQJ54" i="1" s="1"/>
  <c r="NQK54" i="1" s="1"/>
  <c r="NQL54" i="1" s="1"/>
  <c r="NQM54" i="1" s="1"/>
  <c r="NQN54" i="1" s="1"/>
  <c r="NQO54" i="1" s="1"/>
  <c r="NQP54" i="1" s="1"/>
  <c r="NQQ54" i="1" s="1"/>
  <c r="NQR54" i="1" s="1"/>
  <c r="NQS54" i="1" s="1"/>
  <c r="NQT54" i="1" s="1"/>
  <c r="NQU54" i="1" s="1"/>
  <c r="NQV54" i="1" s="1"/>
  <c r="NQW54" i="1" s="1"/>
  <c r="NQX54" i="1" s="1"/>
  <c r="NQY54" i="1" s="1"/>
  <c r="NQZ54" i="1" s="1"/>
  <c r="NRA54" i="1" s="1"/>
  <c r="NRB54" i="1" s="1"/>
  <c r="NRC54" i="1" s="1"/>
  <c r="NRD54" i="1" s="1"/>
  <c r="NRE54" i="1" s="1"/>
  <c r="NRF54" i="1" s="1"/>
  <c r="NRG54" i="1" s="1"/>
  <c r="NRH54" i="1" s="1"/>
  <c r="NRI54" i="1" s="1"/>
  <c r="NRJ54" i="1" s="1"/>
  <c r="NRK54" i="1" s="1"/>
  <c r="NRL54" i="1" s="1"/>
  <c r="NRM54" i="1" s="1"/>
  <c r="NRN54" i="1" s="1"/>
  <c r="NRO54" i="1" s="1"/>
  <c r="NRP54" i="1" s="1"/>
  <c r="NRQ54" i="1" s="1"/>
  <c r="NRR54" i="1" s="1"/>
  <c r="NRS54" i="1" s="1"/>
  <c r="NRT54" i="1" s="1"/>
  <c r="NRU54" i="1" s="1"/>
  <c r="NRV54" i="1" s="1"/>
  <c r="NRW54" i="1" s="1"/>
  <c r="NRX54" i="1" s="1"/>
  <c r="NRY54" i="1" s="1"/>
  <c r="NRZ54" i="1" s="1"/>
  <c r="NSA54" i="1" s="1"/>
  <c r="NSB54" i="1" s="1"/>
  <c r="NSC54" i="1" s="1"/>
  <c r="NSD54" i="1" s="1"/>
  <c r="NSE54" i="1" s="1"/>
  <c r="NSF54" i="1" s="1"/>
  <c r="NSG54" i="1" s="1"/>
  <c r="NSH54" i="1" s="1"/>
  <c r="NSI54" i="1" s="1"/>
  <c r="NSJ54" i="1" s="1"/>
  <c r="NSK54" i="1" s="1"/>
  <c r="NSL54" i="1" s="1"/>
  <c r="NSM54" i="1" s="1"/>
  <c r="NSN54" i="1" s="1"/>
  <c r="NSO54" i="1" s="1"/>
  <c r="NSP54" i="1" s="1"/>
  <c r="NSQ54" i="1" s="1"/>
  <c r="NSR54" i="1" s="1"/>
  <c r="NSS54" i="1" s="1"/>
  <c r="NST54" i="1" s="1"/>
  <c r="NSU54" i="1" s="1"/>
  <c r="NSV54" i="1" s="1"/>
  <c r="NSW54" i="1" s="1"/>
  <c r="NSX54" i="1" s="1"/>
  <c r="NSY54" i="1" s="1"/>
  <c r="NSZ54" i="1" s="1"/>
  <c r="NTA54" i="1" s="1"/>
  <c r="NTB54" i="1" s="1"/>
  <c r="NTC54" i="1" s="1"/>
  <c r="NTD54" i="1" s="1"/>
  <c r="NTE54" i="1" s="1"/>
  <c r="NTF54" i="1" s="1"/>
  <c r="NTG54" i="1" s="1"/>
  <c r="NTH54" i="1" s="1"/>
  <c r="NTI54" i="1" s="1"/>
  <c r="NTJ54" i="1" s="1"/>
  <c r="NTK54" i="1" s="1"/>
  <c r="NTL54" i="1" s="1"/>
  <c r="NTM54" i="1" s="1"/>
  <c r="NTN54" i="1" s="1"/>
  <c r="NTO54" i="1" s="1"/>
  <c r="NTP54" i="1" s="1"/>
  <c r="NTQ54" i="1" s="1"/>
  <c r="NTR54" i="1" s="1"/>
  <c r="NTS54" i="1" s="1"/>
  <c r="NTT54" i="1" s="1"/>
  <c r="NTU54" i="1" s="1"/>
  <c r="NTV54" i="1" s="1"/>
  <c r="NTW54" i="1" s="1"/>
  <c r="NTX54" i="1" s="1"/>
  <c r="NTY54" i="1" s="1"/>
  <c r="NTZ54" i="1" s="1"/>
  <c r="NUA54" i="1" s="1"/>
  <c r="NUB54" i="1" s="1"/>
  <c r="NUC54" i="1" s="1"/>
  <c r="NUD54" i="1" s="1"/>
  <c r="NUE54" i="1" s="1"/>
  <c r="NUF54" i="1" s="1"/>
  <c r="NUG54" i="1" s="1"/>
  <c r="NUH54" i="1" s="1"/>
  <c r="NUI54" i="1" s="1"/>
  <c r="NUJ54" i="1" s="1"/>
  <c r="NUK54" i="1" s="1"/>
  <c r="NUL54" i="1" s="1"/>
  <c r="NUM54" i="1" s="1"/>
  <c r="NUN54" i="1" s="1"/>
  <c r="NUO54" i="1" s="1"/>
  <c r="NUP54" i="1" s="1"/>
  <c r="NUQ54" i="1" s="1"/>
  <c r="NUR54" i="1" s="1"/>
  <c r="NUS54" i="1" s="1"/>
  <c r="NUT54" i="1" s="1"/>
  <c r="NUU54" i="1" s="1"/>
  <c r="NUV54" i="1" s="1"/>
  <c r="NUW54" i="1" s="1"/>
  <c r="NUX54" i="1" s="1"/>
  <c r="NUY54" i="1" s="1"/>
  <c r="NUZ54" i="1" s="1"/>
  <c r="NVA54" i="1" s="1"/>
  <c r="NVB54" i="1" s="1"/>
  <c r="NVC54" i="1" s="1"/>
  <c r="NVD54" i="1" s="1"/>
  <c r="NVE54" i="1" s="1"/>
  <c r="NVF54" i="1" s="1"/>
  <c r="NVG54" i="1" s="1"/>
  <c r="NVH54" i="1" s="1"/>
  <c r="NVI54" i="1" s="1"/>
  <c r="NVJ54" i="1" s="1"/>
  <c r="NVK54" i="1" s="1"/>
  <c r="NVL54" i="1" s="1"/>
  <c r="NVM54" i="1" s="1"/>
  <c r="NVN54" i="1" s="1"/>
  <c r="NVO54" i="1" s="1"/>
  <c r="NVP54" i="1" s="1"/>
  <c r="NVQ54" i="1" s="1"/>
  <c r="NVR54" i="1" s="1"/>
  <c r="NVS54" i="1" s="1"/>
  <c r="NVT54" i="1" s="1"/>
  <c r="NVU54" i="1" s="1"/>
  <c r="NVV54" i="1" s="1"/>
  <c r="NVW54" i="1" s="1"/>
  <c r="NVX54" i="1" s="1"/>
  <c r="NVY54" i="1" s="1"/>
  <c r="NVZ54" i="1" s="1"/>
  <c r="NWA54" i="1" s="1"/>
  <c r="NWB54" i="1" s="1"/>
  <c r="NWC54" i="1" s="1"/>
  <c r="NWD54" i="1" s="1"/>
  <c r="NWE54" i="1" s="1"/>
  <c r="NWF54" i="1" s="1"/>
  <c r="NWG54" i="1" s="1"/>
  <c r="NWH54" i="1" s="1"/>
  <c r="NWI54" i="1" s="1"/>
  <c r="NWJ54" i="1" s="1"/>
  <c r="NWK54" i="1" s="1"/>
  <c r="NWL54" i="1" s="1"/>
  <c r="NWM54" i="1" s="1"/>
  <c r="NWN54" i="1" s="1"/>
  <c r="NWO54" i="1" s="1"/>
  <c r="NWP54" i="1" s="1"/>
  <c r="NWQ54" i="1" s="1"/>
  <c r="NWR54" i="1" s="1"/>
  <c r="NWS54" i="1" s="1"/>
  <c r="NWT54" i="1" s="1"/>
  <c r="NWU54" i="1" s="1"/>
  <c r="NWV54" i="1" s="1"/>
  <c r="NWW54" i="1" s="1"/>
  <c r="NWX54" i="1" s="1"/>
  <c r="NWY54" i="1" s="1"/>
  <c r="NWZ54" i="1" s="1"/>
  <c r="NXA54" i="1" s="1"/>
  <c r="NXB54" i="1" s="1"/>
  <c r="NXC54" i="1" s="1"/>
  <c r="NXD54" i="1" s="1"/>
  <c r="NXE54" i="1" s="1"/>
  <c r="NXF54" i="1" s="1"/>
  <c r="NXG54" i="1" s="1"/>
  <c r="NXH54" i="1" s="1"/>
  <c r="NXI54" i="1" s="1"/>
  <c r="NXJ54" i="1" s="1"/>
  <c r="NXK54" i="1" s="1"/>
  <c r="NXL54" i="1" s="1"/>
  <c r="NXM54" i="1" s="1"/>
  <c r="NXN54" i="1" s="1"/>
  <c r="NXO54" i="1" s="1"/>
  <c r="NXP54" i="1" s="1"/>
  <c r="NXQ54" i="1" s="1"/>
  <c r="NXR54" i="1" s="1"/>
  <c r="NXS54" i="1" s="1"/>
  <c r="NXT54" i="1" s="1"/>
  <c r="NXU54" i="1" s="1"/>
  <c r="NXV54" i="1" s="1"/>
  <c r="NXW54" i="1" s="1"/>
  <c r="NXX54" i="1" s="1"/>
  <c r="NXY54" i="1" s="1"/>
  <c r="NXZ54" i="1" s="1"/>
  <c r="NYA54" i="1" s="1"/>
  <c r="NYB54" i="1" s="1"/>
  <c r="NYC54" i="1" s="1"/>
  <c r="NYD54" i="1" s="1"/>
  <c r="NYE54" i="1" s="1"/>
  <c r="NYF54" i="1" s="1"/>
  <c r="NYG54" i="1" s="1"/>
  <c r="NYH54" i="1" s="1"/>
  <c r="NYI54" i="1" s="1"/>
  <c r="NYJ54" i="1" s="1"/>
  <c r="NYK54" i="1" s="1"/>
  <c r="NYL54" i="1" s="1"/>
  <c r="NYM54" i="1" s="1"/>
  <c r="NYN54" i="1" s="1"/>
  <c r="NYO54" i="1" s="1"/>
  <c r="NYP54" i="1" s="1"/>
  <c r="NYQ54" i="1" s="1"/>
  <c r="NYR54" i="1" s="1"/>
  <c r="NYS54" i="1" s="1"/>
  <c r="NYT54" i="1" s="1"/>
  <c r="NYU54" i="1" s="1"/>
  <c r="NYV54" i="1" s="1"/>
  <c r="NYW54" i="1" s="1"/>
  <c r="NYX54" i="1" s="1"/>
  <c r="NYY54" i="1" s="1"/>
  <c r="NYZ54" i="1" s="1"/>
  <c r="NZA54" i="1" s="1"/>
  <c r="NZB54" i="1" s="1"/>
  <c r="NZC54" i="1" s="1"/>
  <c r="NZD54" i="1" s="1"/>
  <c r="NZE54" i="1" s="1"/>
  <c r="NZF54" i="1" s="1"/>
  <c r="NZG54" i="1" s="1"/>
  <c r="NZH54" i="1" s="1"/>
  <c r="NZI54" i="1" s="1"/>
  <c r="NZJ54" i="1" s="1"/>
  <c r="NZK54" i="1" s="1"/>
  <c r="NZL54" i="1" s="1"/>
  <c r="NZM54" i="1" s="1"/>
  <c r="NZN54" i="1" s="1"/>
  <c r="NZO54" i="1" s="1"/>
  <c r="NZP54" i="1" s="1"/>
  <c r="NZQ54" i="1" s="1"/>
  <c r="NZR54" i="1" s="1"/>
  <c r="NZS54" i="1" s="1"/>
  <c r="NZT54" i="1" s="1"/>
  <c r="NZU54" i="1" s="1"/>
  <c r="NZV54" i="1" s="1"/>
  <c r="NZW54" i="1" s="1"/>
  <c r="NZX54" i="1" s="1"/>
  <c r="NZY54" i="1" s="1"/>
  <c r="NZZ54" i="1" s="1"/>
  <c r="OAA54" i="1" s="1"/>
  <c r="OAB54" i="1" s="1"/>
  <c r="OAC54" i="1" s="1"/>
  <c r="OAD54" i="1" s="1"/>
  <c r="OAE54" i="1" s="1"/>
  <c r="OAF54" i="1" s="1"/>
  <c r="OAG54" i="1" s="1"/>
  <c r="OAH54" i="1" s="1"/>
  <c r="OAI54" i="1" s="1"/>
  <c r="OAJ54" i="1" s="1"/>
  <c r="OAK54" i="1" s="1"/>
  <c r="OAL54" i="1" s="1"/>
  <c r="OAM54" i="1" s="1"/>
  <c r="OAN54" i="1" s="1"/>
  <c r="OAO54" i="1" s="1"/>
  <c r="OAP54" i="1" s="1"/>
  <c r="OAQ54" i="1" s="1"/>
  <c r="OAR54" i="1" s="1"/>
  <c r="OAS54" i="1" s="1"/>
  <c r="OAT54" i="1" s="1"/>
  <c r="OAU54" i="1" s="1"/>
  <c r="OAV54" i="1" s="1"/>
  <c r="OAW54" i="1" s="1"/>
  <c r="OAX54" i="1" s="1"/>
  <c r="OAY54" i="1" s="1"/>
  <c r="OAZ54" i="1" s="1"/>
  <c r="OBA54" i="1" s="1"/>
  <c r="OBB54" i="1" s="1"/>
  <c r="OBC54" i="1" s="1"/>
  <c r="OBD54" i="1" s="1"/>
  <c r="OBE54" i="1" s="1"/>
  <c r="OBF54" i="1" s="1"/>
  <c r="OBG54" i="1" s="1"/>
  <c r="OBH54" i="1" s="1"/>
  <c r="OBI54" i="1" s="1"/>
  <c r="OBJ54" i="1" s="1"/>
  <c r="OBK54" i="1" s="1"/>
  <c r="OBL54" i="1" s="1"/>
  <c r="OBM54" i="1" s="1"/>
  <c r="OBN54" i="1" s="1"/>
  <c r="OBO54" i="1" s="1"/>
  <c r="OBP54" i="1" s="1"/>
  <c r="OBQ54" i="1" s="1"/>
  <c r="OBR54" i="1" s="1"/>
  <c r="OBS54" i="1" s="1"/>
  <c r="OBT54" i="1" s="1"/>
  <c r="OBU54" i="1" s="1"/>
  <c r="OBV54" i="1" s="1"/>
  <c r="OBW54" i="1" s="1"/>
  <c r="OBX54" i="1" s="1"/>
  <c r="OBY54" i="1" s="1"/>
  <c r="OBZ54" i="1" s="1"/>
  <c r="OCA54" i="1" s="1"/>
  <c r="OCB54" i="1" s="1"/>
  <c r="OCC54" i="1" s="1"/>
  <c r="OCD54" i="1" s="1"/>
  <c r="OCE54" i="1" s="1"/>
  <c r="OCF54" i="1" s="1"/>
  <c r="OCG54" i="1" s="1"/>
  <c r="OCH54" i="1" s="1"/>
  <c r="OCI54" i="1" s="1"/>
  <c r="OCJ54" i="1" s="1"/>
  <c r="OCK54" i="1" s="1"/>
  <c r="OCL54" i="1" s="1"/>
  <c r="OCM54" i="1" s="1"/>
  <c r="OCN54" i="1" s="1"/>
  <c r="OCO54" i="1" s="1"/>
  <c r="OCP54" i="1" s="1"/>
  <c r="OCQ54" i="1" s="1"/>
  <c r="OCR54" i="1" s="1"/>
  <c r="OCS54" i="1" s="1"/>
  <c r="OCT54" i="1" s="1"/>
  <c r="OCU54" i="1" s="1"/>
  <c r="OCV54" i="1" s="1"/>
  <c r="OCW54" i="1" s="1"/>
  <c r="OCX54" i="1" s="1"/>
  <c r="OCY54" i="1" s="1"/>
  <c r="OCZ54" i="1" s="1"/>
  <c r="ODA54" i="1" s="1"/>
  <c r="ODB54" i="1" s="1"/>
  <c r="ODC54" i="1" s="1"/>
  <c r="ODD54" i="1" s="1"/>
  <c r="ODE54" i="1" s="1"/>
  <c r="ODF54" i="1" s="1"/>
  <c r="ODG54" i="1" s="1"/>
  <c r="ODH54" i="1" s="1"/>
  <c r="ODI54" i="1" s="1"/>
  <c r="ODJ54" i="1" s="1"/>
  <c r="ODK54" i="1" s="1"/>
  <c r="ODL54" i="1" s="1"/>
  <c r="ODM54" i="1" s="1"/>
  <c r="ODN54" i="1" s="1"/>
  <c r="ODO54" i="1" s="1"/>
  <c r="ODP54" i="1" s="1"/>
  <c r="ODQ54" i="1" s="1"/>
  <c r="ODR54" i="1" s="1"/>
  <c r="ODS54" i="1" s="1"/>
  <c r="ODT54" i="1" s="1"/>
  <c r="ODU54" i="1" s="1"/>
  <c r="ODV54" i="1" s="1"/>
  <c r="ODW54" i="1" s="1"/>
  <c r="ODX54" i="1" s="1"/>
  <c r="ODY54" i="1" s="1"/>
  <c r="ODZ54" i="1" s="1"/>
  <c r="OEA54" i="1" s="1"/>
  <c r="OEB54" i="1" s="1"/>
  <c r="OEC54" i="1" s="1"/>
  <c r="OED54" i="1" s="1"/>
  <c r="OEE54" i="1" s="1"/>
  <c r="OEF54" i="1" s="1"/>
  <c r="OEG54" i="1" s="1"/>
  <c r="OEH54" i="1" s="1"/>
  <c r="OEI54" i="1" s="1"/>
  <c r="OEJ54" i="1" s="1"/>
  <c r="OEK54" i="1" s="1"/>
  <c r="OEL54" i="1" s="1"/>
  <c r="OEM54" i="1" s="1"/>
  <c r="OEN54" i="1" s="1"/>
  <c r="OEO54" i="1" s="1"/>
  <c r="OEP54" i="1" s="1"/>
  <c r="OEQ54" i="1" s="1"/>
  <c r="OER54" i="1" s="1"/>
  <c r="OES54" i="1" s="1"/>
  <c r="OET54" i="1" s="1"/>
  <c r="OEU54" i="1" s="1"/>
  <c r="OEV54" i="1" s="1"/>
  <c r="OEW54" i="1" s="1"/>
  <c r="OEX54" i="1" s="1"/>
  <c r="OEY54" i="1" s="1"/>
  <c r="OEZ54" i="1" s="1"/>
  <c r="OFA54" i="1" s="1"/>
  <c r="OFB54" i="1" s="1"/>
  <c r="OFC54" i="1" s="1"/>
  <c r="OFD54" i="1" s="1"/>
  <c r="OFE54" i="1" s="1"/>
  <c r="OFF54" i="1" s="1"/>
  <c r="OFG54" i="1" s="1"/>
  <c r="OFH54" i="1" s="1"/>
  <c r="OFI54" i="1" s="1"/>
  <c r="OFJ54" i="1" s="1"/>
  <c r="OFK54" i="1" s="1"/>
  <c r="OFL54" i="1" s="1"/>
  <c r="OFM54" i="1" s="1"/>
  <c r="OFN54" i="1" s="1"/>
  <c r="OFO54" i="1" s="1"/>
  <c r="OFP54" i="1" s="1"/>
  <c r="OFQ54" i="1" s="1"/>
  <c r="OFR54" i="1" s="1"/>
  <c r="OFS54" i="1" s="1"/>
  <c r="OFT54" i="1" s="1"/>
  <c r="OFU54" i="1" s="1"/>
  <c r="OFV54" i="1" s="1"/>
  <c r="OFW54" i="1" s="1"/>
  <c r="OFX54" i="1" s="1"/>
  <c r="OFY54" i="1" s="1"/>
  <c r="OFZ54" i="1" s="1"/>
  <c r="OGA54" i="1" s="1"/>
  <c r="OGB54" i="1" s="1"/>
  <c r="OGC54" i="1" s="1"/>
  <c r="OGD54" i="1" s="1"/>
  <c r="OGE54" i="1" s="1"/>
  <c r="OGF54" i="1" s="1"/>
  <c r="OGG54" i="1" s="1"/>
  <c r="OGH54" i="1" s="1"/>
  <c r="OGI54" i="1" s="1"/>
  <c r="OGJ54" i="1" s="1"/>
  <c r="OGK54" i="1" s="1"/>
  <c r="OGL54" i="1" s="1"/>
  <c r="OGM54" i="1" s="1"/>
  <c r="OGN54" i="1" s="1"/>
  <c r="OGO54" i="1" s="1"/>
  <c r="OGP54" i="1" s="1"/>
  <c r="OGQ54" i="1" s="1"/>
  <c r="OGR54" i="1" s="1"/>
  <c r="OGS54" i="1" s="1"/>
  <c r="OGT54" i="1" s="1"/>
  <c r="OGU54" i="1" s="1"/>
  <c r="OGV54" i="1" s="1"/>
  <c r="OGW54" i="1" s="1"/>
  <c r="OGX54" i="1" s="1"/>
  <c r="OGY54" i="1" s="1"/>
  <c r="OGZ54" i="1" s="1"/>
  <c r="OHA54" i="1" s="1"/>
  <c r="OHB54" i="1" s="1"/>
  <c r="OHC54" i="1" s="1"/>
  <c r="OHD54" i="1" s="1"/>
  <c r="OHE54" i="1" s="1"/>
  <c r="OHF54" i="1" s="1"/>
  <c r="OHG54" i="1" s="1"/>
  <c r="OHH54" i="1" s="1"/>
  <c r="OHI54" i="1" s="1"/>
  <c r="OHJ54" i="1" s="1"/>
  <c r="OHK54" i="1" s="1"/>
  <c r="OHL54" i="1" s="1"/>
  <c r="OHM54" i="1" s="1"/>
  <c r="OHN54" i="1" s="1"/>
  <c r="OHO54" i="1" s="1"/>
  <c r="OHP54" i="1" s="1"/>
  <c r="OHQ54" i="1" s="1"/>
  <c r="OHR54" i="1" s="1"/>
  <c r="OHS54" i="1" s="1"/>
  <c r="OHT54" i="1" s="1"/>
  <c r="OHU54" i="1" s="1"/>
  <c r="OHV54" i="1" s="1"/>
  <c r="OHW54" i="1" s="1"/>
  <c r="OHX54" i="1" s="1"/>
  <c r="OHY54" i="1" s="1"/>
  <c r="OHZ54" i="1" s="1"/>
  <c r="OIA54" i="1" s="1"/>
  <c r="OIB54" i="1" s="1"/>
  <c r="OIC54" i="1" s="1"/>
  <c r="OID54" i="1" s="1"/>
  <c r="OIE54" i="1" s="1"/>
  <c r="OIF54" i="1" s="1"/>
  <c r="OIG54" i="1" s="1"/>
  <c r="OIH54" i="1" s="1"/>
  <c r="OII54" i="1" s="1"/>
  <c r="OIJ54" i="1" s="1"/>
  <c r="OIK54" i="1" s="1"/>
  <c r="OIL54" i="1" s="1"/>
  <c r="OIM54" i="1" s="1"/>
  <c r="OIN54" i="1" s="1"/>
  <c r="OIO54" i="1" s="1"/>
  <c r="OIP54" i="1" s="1"/>
  <c r="OIQ54" i="1" s="1"/>
  <c r="OIR54" i="1" s="1"/>
  <c r="OIS54" i="1" s="1"/>
  <c r="OIT54" i="1" s="1"/>
  <c r="OIU54" i="1" s="1"/>
  <c r="OIV54" i="1" s="1"/>
  <c r="OIW54" i="1" s="1"/>
  <c r="OIX54" i="1" s="1"/>
  <c r="OIY54" i="1" s="1"/>
  <c r="OIZ54" i="1" s="1"/>
  <c r="OJA54" i="1" s="1"/>
  <c r="OJB54" i="1" s="1"/>
  <c r="OJC54" i="1" s="1"/>
  <c r="OJD54" i="1" s="1"/>
  <c r="OJE54" i="1" s="1"/>
  <c r="OJF54" i="1" s="1"/>
  <c r="OJG54" i="1" s="1"/>
  <c r="OJH54" i="1" s="1"/>
  <c r="OJI54" i="1" s="1"/>
  <c r="OJJ54" i="1" s="1"/>
  <c r="OJK54" i="1" s="1"/>
  <c r="OJL54" i="1" s="1"/>
  <c r="OJM54" i="1" s="1"/>
  <c r="OJN54" i="1" s="1"/>
  <c r="OJO54" i="1" s="1"/>
  <c r="OJP54" i="1" s="1"/>
  <c r="OJQ54" i="1" s="1"/>
  <c r="OJR54" i="1" s="1"/>
  <c r="OJS54" i="1" s="1"/>
  <c r="OJT54" i="1" s="1"/>
  <c r="OJU54" i="1" s="1"/>
  <c r="OJV54" i="1" s="1"/>
  <c r="OJW54" i="1" s="1"/>
  <c r="OJX54" i="1" s="1"/>
  <c r="OJY54" i="1" s="1"/>
  <c r="OJZ54" i="1" s="1"/>
  <c r="OKA54" i="1" s="1"/>
  <c r="OKB54" i="1" s="1"/>
  <c r="OKC54" i="1" s="1"/>
  <c r="OKD54" i="1" s="1"/>
  <c r="OKE54" i="1" s="1"/>
  <c r="OKF54" i="1" s="1"/>
  <c r="OKG54" i="1" s="1"/>
  <c r="OKH54" i="1" s="1"/>
  <c r="OKI54" i="1" s="1"/>
  <c r="OKJ54" i="1" s="1"/>
  <c r="OKK54" i="1" s="1"/>
  <c r="OKL54" i="1" s="1"/>
  <c r="OKM54" i="1" s="1"/>
  <c r="OKN54" i="1" s="1"/>
  <c r="OKO54" i="1" s="1"/>
  <c r="OKP54" i="1" s="1"/>
  <c r="OKQ54" i="1" s="1"/>
  <c r="OKR54" i="1" s="1"/>
  <c r="OKS54" i="1" s="1"/>
  <c r="OKT54" i="1" s="1"/>
  <c r="OKU54" i="1" s="1"/>
  <c r="OKV54" i="1" s="1"/>
  <c r="OKW54" i="1" s="1"/>
  <c r="OKX54" i="1" s="1"/>
  <c r="OKY54" i="1" s="1"/>
  <c r="OKZ54" i="1" s="1"/>
  <c r="OLA54" i="1" s="1"/>
  <c r="OLB54" i="1" s="1"/>
  <c r="OLC54" i="1" s="1"/>
  <c r="OLD54" i="1" s="1"/>
  <c r="OLE54" i="1" s="1"/>
  <c r="OLF54" i="1" s="1"/>
  <c r="OLG54" i="1" s="1"/>
  <c r="OLH54" i="1" s="1"/>
  <c r="OLI54" i="1" s="1"/>
  <c r="OLJ54" i="1" s="1"/>
  <c r="OLK54" i="1" s="1"/>
  <c r="OLL54" i="1" s="1"/>
  <c r="OLM54" i="1" s="1"/>
  <c r="OLN54" i="1" s="1"/>
  <c r="OLO54" i="1" s="1"/>
  <c r="OLP54" i="1" s="1"/>
  <c r="OLQ54" i="1" s="1"/>
  <c r="OLR54" i="1" s="1"/>
  <c r="OLS54" i="1" s="1"/>
  <c r="OLT54" i="1" s="1"/>
  <c r="OLU54" i="1" s="1"/>
  <c r="OLV54" i="1" s="1"/>
  <c r="OLW54" i="1" s="1"/>
  <c r="OLX54" i="1" s="1"/>
  <c r="OLY54" i="1" s="1"/>
  <c r="OLZ54" i="1" s="1"/>
  <c r="OMA54" i="1" s="1"/>
  <c r="OMB54" i="1" s="1"/>
  <c r="OMC54" i="1" s="1"/>
  <c r="OMD54" i="1" s="1"/>
  <c r="OME54" i="1" s="1"/>
  <c r="OMF54" i="1" s="1"/>
  <c r="OMG54" i="1" s="1"/>
  <c r="OMH54" i="1" s="1"/>
  <c r="OMI54" i="1" s="1"/>
  <c r="OMJ54" i="1" s="1"/>
  <c r="OMK54" i="1" s="1"/>
  <c r="OML54" i="1" s="1"/>
  <c r="OMM54" i="1" s="1"/>
  <c r="OMN54" i="1" s="1"/>
  <c r="OMO54" i="1" s="1"/>
  <c r="OMP54" i="1" s="1"/>
  <c r="OMQ54" i="1" s="1"/>
  <c r="OMR54" i="1" s="1"/>
  <c r="OMS54" i="1" s="1"/>
  <c r="OMT54" i="1" s="1"/>
  <c r="OMU54" i="1" s="1"/>
  <c r="OMV54" i="1" s="1"/>
  <c r="OMW54" i="1" s="1"/>
  <c r="OMX54" i="1" s="1"/>
  <c r="OMY54" i="1" s="1"/>
  <c r="OMZ54" i="1" s="1"/>
  <c r="ONA54" i="1" s="1"/>
  <c r="ONB54" i="1" s="1"/>
  <c r="ONC54" i="1" s="1"/>
  <c r="OND54" i="1" s="1"/>
  <c r="ONE54" i="1" s="1"/>
  <c r="ONF54" i="1" s="1"/>
  <c r="ONG54" i="1" s="1"/>
  <c r="ONH54" i="1" s="1"/>
  <c r="ONI54" i="1" s="1"/>
  <c r="ONJ54" i="1" s="1"/>
  <c r="ONK54" i="1" s="1"/>
  <c r="ONL54" i="1" s="1"/>
  <c r="ONM54" i="1" s="1"/>
  <c r="ONN54" i="1" s="1"/>
  <c r="ONO54" i="1" s="1"/>
  <c r="ONP54" i="1" s="1"/>
  <c r="ONQ54" i="1" s="1"/>
  <c r="ONR54" i="1" s="1"/>
  <c r="ONS54" i="1" s="1"/>
  <c r="ONT54" i="1" s="1"/>
  <c r="ONU54" i="1" s="1"/>
  <c r="ONV54" i="1" s="1"/>
  <c r="ONW54" i="1" s="1"/>
  <c r="ONX54" i="1" s="1"/>
  <c r="ONY54" i="1" s="1"/>
  <c r="ONZ54" i="1" s="1"/>
  <c r="OOA54" i="1" s="1"/>
  <c r="OOB54" i="1" s="1"/>
  <c r="OOC54" i="1" s="1"/>
  <c r="OOD54" i="1" s="1"/>
  <c r="OOE54" i="1" s="1"/>
  <c r="OOF54" i="1" s="1"/>
  <c r="OOG54" i="1" s="1"/>
  <c r="OOH54" i="1" s="1"/>
  <c r="OOI54" i="1" s="1"/>
  <c r="OOJ54" i="1" s="1"/>
  <c r="OOK54" i="1" s="1"/>
  <c r="OOL54" i="1" s="1"/>
  <c r="OOM54" i="1" s="1"/>
  <c r="OON54" i="1" s="1"/>
  <c r="OOO54" i="1" s="1"/>
  <c r="OOP54" i="1" s="1"/>
  <c r="OOQ54" i="1" s="1"/>
  <c r="OOR54" i="1" s="1"/>
  <c r="OOS54" i="1" s="1"/>
  <c r="OOT54" i="1" s="1"/>
  <c r="OOU54" i="1" s="1"/>
  <c r="OOV54" i="1" s="1"/>
  <c r="OOW54" i="1" s="1"/>
  <c r="OOX54" i="1" s="1"/>
  <c r="OOY54" i="1" s="1"/>
  <c r="OOZ54" i="1" s="1"/>
  <c r="OPA54" i="1" s="1"/>
  <c r="OPB54" i="1" s="1"/>
  <c r="OPC54" i="1" s="1"/>
  <c r="OPD54" i="1" s="1"/>
  <c r="OPE54" i="1" s="1"/>
  <c r="OPF54" i="1" s="1"/>
  <c r="OPG54" i="1" s="1"/>
  <c r="OPH54" i="1" s="1"/>
  <c r="OPI54" i="1" s="1"/>
  <c r="OPJ54" i="1" s="1"/>
  <c r="OPK54" i="1" s="1"/>
  <c r="OPL54" i="1" s="1"/>
  <c r="OPM54" i="1" s="1"/>
  <c r="OPN54" i="1" s="1"/>
  <c r="OPO54" i="1" s="1"/>
  <c r="OPP54" i="1" s="1"/>
  <c r="OPQ54" i="1" s="1"/>
  <c r="OPR54" i="1" s="1"/>
  <c r="OPS54" i="1" s="1"/>
  <c r="OPT54" i="1" s="1"/>
  <c r="OPU54" i="1" s="1"/>
  <c r="OPV54" i="1" s="1"/>
  <c r="OPW54" i="1" s="1"/>
  <c r="OPX54" i="1" s="1"/>
  <c r="OPY54" i="1" s="1"/>
  <c r="OPZ54" i="1" s="1"/>
  <c r="OQA54" i="1" s="1"/>
  <c r="OQB54" i="1" s="1"/>
  <c r="OQC54" i="1" s="1"/>
  <c r="OQD54" i="1" s="1"/>
  <c r="OQE54" i="1" s="1"/>
  <c r="OQF54" i="1" s="1"/>
  <c r="OQG54" i="1" s="1"/>
  <c r="OQH54" i="1" s="1"/>
  <c r="OQI54" i="1" s="1"/>
  <c r="OQJ54" i="1" s="1"/>
  <c r="OQK54" i="1" s="1"/>
  <c r="OQL54" i="1" s="1"/>
  <c r="OQM54" i="1" s="1"/>
  <c r="OQN54" i="1" s="1"/>
  <c r="OQO54" i="1" s="1"/>
  <c r="OQP54" i="1" s="1"/>
  <c r="OQQ54" i="1" s="1"/>
  <c r="OQR54" i="1" s="1"/>
  <c r="OQS54" i="1" s="1"/>
  <c r="OQT54" i="1" s="1"/>
  <c r="OQU54" i="1" s="1"/>
  <c r="OQV54" i="1" s="1"/>
  <c r="OQW54" i="1" s="1"/>
  <c r="OQX54" i="1" s="1"/>
  <c r="OQY54" i="1" s="1"/>
  <c r="OQZ54" i="1" s="1"/>
  <c r="ORA54" i="1" s="1"/>
  <c r="ORB54" i="1" s="1"/>
  <c r="ORC54" i="1" s="1"/>
  <c r="ORD54" i="1" s="1"/>
  <c r="ORE54" i="1" s="1"/>
  <c r="ORF54" i="1" s="1"/>
  <c r="ORG54" i="1" s="1"/>
  <c r="ORH54" i="1" s="1"/>
  <c r="ORI54" i="1" s="1"/>
  <c r="ORJ54" i="1" s="1"/>
  <c r="ORK54" i="1" s="1"/>
  <c r="ORL54" i="1" s="1"/>
  <c r="ORM54" i="1" s="1"/>
  <c r="ORN54" i="1" s="1"/>
  <c r="ORO54" i="1" s="1"/>
  <c r="ORP54" i="1" s="1"/>
  <c r="ORQ54" i="1" s="1"/>
  <c r="ORR54" i="1" s="1"/>
  <c r="ORS54" i="1" s="1"/>
  <c r="ORT54" i="1" s="1"/>
  <c r="ORU54" i="1" s="1"/>
  <c r="ORV54" i="1" s="1"/>
  <c r="ORW54" i="1" s="1"/>
  <c r="ORX54" i="1" s="1"/>
  <c r="ORY54" i="1" s="1"/>
  <c r="ORZ54" i="1" s="1"/>
  <c r="OSA54" i="1" s="1"/>
  <c r="OSB54" i="1" s="1"/>
  <c r="OSC54" i="1" s="1"/>
  <c r="OSD54" i="1" s="1"/>
  <c r="OSE54" i="1" s="1"/>
  <c r="OSF54" i="1" s="1"/>
  <c r="OSG54" i="1" s="1"/>
  <c r="OSH54" i="1" s="1"/>
  <c r="OSI54" i="1" s="1"/>
  <c r="OSJ54" i="1" s="1"/>
  <c r="OSK54" i="1" s="1"/>
  <c r="OSL54" i="1" s="1"/>
  <c r="OSM54" i="1" s="1"/>
  <c r="OSN54" i="1" s="1"/>
  <c r="OSO54" i="1" s="1"/>
  <c r="OSP54" i="1" s="1"/>
  <c r="OSQ54" i="1" s="1"/>
  <c r="OSR54" i="1" s="1"/>
  <c r="OSS54" i="1" s="1"/>
  <c r="OST54" i="1" s="1"/>
  <c r="OSU54" i="1" s="1"/>
  <c r="OSV54" i="1" s="1"/>
  <c r="OSW54" i="1" s="1"/>
  <c r="OSX54" i="1" s="1"/>
  <c r="OSY54" i="1" s="1"/>
  <c r="OSZ54" i="1" s="1"/>
  <c r="OTA54" i="1" s="1"/>
  <c r="OTB54" i="1" s="1"/>
  <c r="OTC54" i="1" s="1"/>
  <c r="OTD54" i="1" s="1"/>
  <c r="OTE54" i="1" s="1"/>
  <c r="OTF54" i="1" s="1"/>
  <c r="OTG54" i="1" s="1"/>
  <c r="OTH54" i="1" s="1"/>
  <c r="OTI54" i="1" s="1"/>
  <c r="OTJ54" i="1" s="1"/>
  <c r="OTK54" i="1" s="1"/>
  <c r="OTL54" i="1" s="1"/>
  <c r="OTM54" i="1" s="1"/>
  <c r="OTN54" i="1" s="1"/>
  <c r="OTO54" i="1" s="1"/>
  <c r="OTP54" i="1" s="1"/>
  <c r="OTQ54" i="1" s="1"/>
  <c r="OTR54" i="1" s="1"/>
  <c r="OTS54" i="1" s="1"/>
  <c r="OTT54" i="1" s="1"/>
  <c r="OTU54" i="1" s="1"/>
  <c r="OTV54" i="1" s="1"/>
  <c r="OTW54" i="1" s="1"/>
  <c r="OTX54" i="1" s="1"/>
  <c r="OTY54" i="1" s="1"/>
  <c r="OTZ54" i="1" s="1"/>
  <c r="OUA54" i="1" s="1"/>
  <c r="OUB54" i="1" s="1"/>
  <c r="OUC54" i="1" s="1"/>
  <c r="OUD54" i="1" s="1"/>
  <c r="OUE54" i="1" s="1"/>
  <c r="OUF54" i="1" s="1"/>
  <c r="OUG54" i="1" s="1"/>
  <c r="OUH54" i="1" s="1"/>
  <c r="OUI54" i="1" s="1"/>
  <c r="OUJ54" i="1" s="1"/>
  <c r="OUK54" i="1" s="1"/>
  <c r="OUL54" i="1" s="1"/>
  <c r="OUM54" i="1" s="1"/>
  <c r="OUN54" i="1" s="1"/>
  <c r="OUO54" i="1" s="1"/>
  <c r="OUP54" i="1" s="1"/>
  <c r="OUQ54" i="1" s="1"/>
  <c r="OUR54" i="1" s="1"/>
  <c r="OUS54" i="1" s="1"/>
  <c r="OUT54" i="1" s="1"/>
  <c r="OUU54" i="1" s="1"/>
  <c r="OUV54" i="1" s="1"/>
  <c r="OUW54" i="1" s="1"/>
  <c r="OUX54" i="1" s="1"/>
  <c r="OUY54" i="1" s="1"/>
  <c r="OUZ54" i="1" s="1"/>
  <c r="OVA54" i="1" s="1"/>
  <c r="OVB54" i="1" s="1"/>
  <c r="OVC54" i="1" s="1"/>
  <c r="OVD54" i="1" s="1"/>
  <c r="OVE54" i="1" s="1"/>
  <c r="OVF54" i="1" s="1"/>
  <c r="OVG54" i="1" s="1"/>
  <c r="OVH54" i="1" s="1"/>
  <c r="OVI54" i="1" s="1"/>
  <c r="OVJ54" i="1" s="1"/>
  <c r="OVK54" i="1" s="1"/>
  <c r="OVL54" i="1" s="1"/>
  <c r="OVM54" i="1" s="1"/>
  <c r="OVN54" i="1" s="1"/>
  <c r="OVO54" i="1" s="1"/>
  <c r="OVP54" i="1" s="1"/>
  <c r="OVQ54" i="1" s="1"/>
  <c r="OVR54" i="1" s="1"/>
  <c r="OVS54" i="1" s="1"/>
  <c r="OVT54" i="1" s="1"/>
  <c r="OVU54" i="1" s="1"/>
  <c r="OVV54" i="1" s="1"/>
  <c r="OVW54" i="1" s="1"/>
  <c r="OVX54" i="1" s="1"/>
  <c r="OVY54" i="1" s="1"/>
  <c r="OVZ54" i="1" s="1"/>
  <c r="OWA54" i="1" s="1"/>
  <c r="OWB54" i="1" s="1"/>
  <c r="OWC54" i="1" s="1"/>
  <c r="OWD54" i="1" s="1"/>
  <c r="OWE54" i="1" s="1"/>
  <c r="OWF54" i="1" s="1"/>
  <c r="OWG54" i="1" s="1"/>
  <c r="OWH54" i="1" s="1"/>
  <c r="OWI54" i="1" s="1"/>
  <c r="OWJ54" i="1" s="1"/>
  <c r="OWK54" i="1" s="1"/>
  <c r="OWL54" i="1" s="1"/>
  <c r="OWM54" i="1" s="1"/>
  <c r="OWN54" i="1" s="1"/>
  <c r="OWO54" i="1" s="1"/>
  <c r="OWP54" i="1" s="1"/>
  <c r="OWQ54" i="1" s="1"/>
  <c r="OWR54" i="1" s="1"/>
  <c r="OWS54" i="1" s="1"/>
  <c r="OWT54" i="1" s="1"/>
  <c r="OWU54" i="1" s="1"/>
  <c r="OWV54" i="1" s="1"/>
  <c r="OWW54" i="1" s="1"/>
  <c r="OWX54" i="1" s="1"/>
  <c r="OWY54" i="1" s="1"/>
  <c r="OWZ54" i="1" s="1"/>
  <c r="OXA54" i="1" s="1"/>
  <c r="OXB54" i="1" s="1"/>
  <c r="OXC54" i="1" s="1"/>
  <c r="OXD54" i="1" s="1"/>
  <c r="OXE54" i="1" s="1"/>
  <c r="OXF54" i="1" s="1"/>
  <c r="OXG54" i="1" s="1"/>
  <c r="OXH54" i="1" s="1"/>
  <c r="OXI54" i="1" s="1"/>
  <c r="OXJ54" i="1" s="1"/>
  <c r="OXK54" i="1" s="1"/>
  <c r="OXL54" i="1" s="1"/>
  <c r="OXM54" i="1" s="1"/>
  <c r="OXN54" i="1" s="1"/>
  <c r="OXO54" i="1" s="1"/>
  <c r="OXP54" i="1" s="1"/>
  <c r="OXQ54" i="1" s="1"/>
  <c r="OXR54" i="1" s="1"/>
  <c r="OXS54" i="1" s="1"/>
  <c r="OXT54" i="1" s="1"/>
  <c r="OXU54" i="1" s="1"/>
  <c r="OXV54" i="1" s="1"/>
  <c r="OXW54" i="1" s="1"/>
  <c r="OXX54" i="1" s="1"/>
  <c r="OXY54" i="1" s="1"/>
  <c r="OXZ54" i="1" s="1"/>
  <c r="OYA54" i="1" s="1"/>
  <c r="OYB54" i="1" s="1"/>
  <c r="OYC54" i="1" s="1"/>
  <c r="OYD54" i="1" s="1"/>
  <c r="OYE54" i="1" s="1"/>
  <c r="OYF54" i="1" s="1"/>
  <c r="OYG54" i="1" s="1"/>
  <c r="OYH54" i="1" s="1"/>
  <c r="OYI54" i="1" s="1"/>
  <c r="OYJ54" i="1" s="1"/>
  <c r="OYK54" i="1" s="1"/>
  <c r="OYL54" i="1" s="1"/>
  <c r="OYM54" i="1" s="1"/>
  <c r="OYN54" i="1" s="1"/>
  <c r="OYO54" i="1" s="1"/>
  <c r="OYP54" i="1" s="1"/>
  <c r="OYQ54" i="1" s="1"/>
  <c r="OYR54" i="1" s="1"/>
  <c r="OYS54" i="1" s="1"/>
  <c r="OYT54" i="1" s="1"/>
  <c r="OYU54" i="1" s="1"/>
  <c r="OYV54" i="1" s="1"/>
  <c r="OYW54" i="1" s="1"/>
  <c r="OYX54" i="1" s="1"/>
  <c r="OYY54" i="1" s="1"/>
  <c r="OYZ54" i="1" s="1"/>
  <c r="OZA54" i="1" s="1"/>
  <c r="OZB54" i="1" s="1"/>
  <c r="OZC54" i="1" s="1"/>
  <c r="OZD54" i="1" s="1"/>
  <c r="OZE54" i="1" s="1"/>
  <c r="OZF54" i="1" s="1"/>
  <c r="OZG54" i="1" s="1"/>
  <c r="OZH54" i="1" s="1"/>
  <c r="OZI54" i="1" s="1"/>
  <c r="OZJ54" i="1" s="1"/>
  <c r="OZK54" i="1" s="1"/>
  <c r="OZL54" i="1" s="1"/>
  <c r="OZM54" i="1" s="1"/>
  <c r="OZN54" i="1" s="1"/>
  <c r="OZO54" i="1" s="1"/>
  <c r="OZP54" i="1" s="1"/>
  <c r="OZQ54" i="1" s="1"/>
  <c r="OZR54" i="1" s="1"/>
  <c r="OZS54" i="1" s="1"/>
  <c r="OZT54" i="1" s="1"/>
  <c r="OZU54" i="1" s="1"/>
  <c r="OZV54" i="1" s="1"/>
  <c r="OZW54" i="1" s="1"/>
  <c r="OZX54" i="1" s="1"/>
  <c r="OZY54" i="1" s="1"/>
  <c r="OZZ54" i="1" s="1"/>
  <c r="PAA54" i="1" s="1"/>
  <c r="PAB54" i="1" s="1"/>
  <c r="PAC54" i="1" s="1"/>
  <c r="PAD54" i="1" s="1"/>
  <c r="PAE54" i="1" s="1"/>
  <c r="PAF54" i="1" s="1"/>
  <c r="PAG54" i="1" s="1"/>
  <c r="PAH54" i="1" s="1"/>
  <c r="PAI54" i="1" s="1"/>
  <c r="PAJ54" i="1" s="1"/>
  <c r="PAK54" i="1" s="1"/>
  <c r="PAL54" i="1" s="1"/>
  <c r="PAM54" i="1" s="1"/>
  <c r="PAN54" i="1" s="1"/>
  <c r="PAO54" i="1" s="1"/>
  <c r="PAP54" i="1" s="1"/>
  <c r="PAQ54" i="1" s="1"/>
  <c r="PAR54" i="1" s="1"/>
  <c r="PAS54" i="1" s="1"/>
  <c r="PAT54" i="1" s="1"/>
  <c r="PAU54" i="1" s="1"/>
  <c r="PAV54" i="1" s="1"/>
  <c r="PAW54" i="1" s="1"/>
  <c r="PAX54" i="1" s="1"/>
  <c r="PAY54" i="1" s="1"/>
  <c r="PAZ54" i="1" s="1"/>
  <c r="PBA54" i="1" s="1"/>
  <c r="PBB54" i="1" s="1"/>
  <c r="PBC54" i="1" s="1"/>
  <c r="PBD54" i="1" s="1"/>
  <c r="PBE54" i="1" s="1"/>
  <c r="PBF54" i="1" s="1"/>
  <c r="PBG54" i="1" s="1"/>
  <c r="PBH54" i="1" s="1"/>
  <c r="PBI54" i="1" s="1"/>
  <c r="PBJ54" i="1" s="1"/>
  <c r="PBK54" i="1" s="1"/>
  <c r="PBL54" i="1" s="1"/>
  <c r="PBM54" i="1" s="1"/>
  <c r="PBN54" i="1" s="1"/>
  <c r="PBO54" i="1" s="1"/>
  <c r="PBP54" i="1" s="1"/>
  <c r="PBQ54" i="1" s="1"/>
  <c r="PBR54" i="1" s="1"/>
  <c r="PBS54" i="1" s="1"/>
  <c r="PBT54" i="1" s="1"/>
  <c r="PBU54" i="1" s="1"/>
  <c r="PBV54" i="1" s="1"/>
  <c r="PBW54" i="1" s="1"/>
  <c r="PBX54" i="1" s="1"/>
  <c r="PBY54" i="1" s="1"/>
  <c r="PBZ54" i="1" s="1"/>
  <c r="PCA54" i="1" s="1"/>
  <c r="PCB54" i="1" s="1"/>
  <c r="PCC54" i="1" s="1"/>
  <c r="PCD54" i="1" s="1"/>
  <c r="PCE54" i="1" s="1"/>
  <c r="PCF54" i="1" s="1"/>
  <c r="PCG54" i="1" s="1"/>
  <c r="PCH54" i="1" s="1"/>
  <c r="PCI54" i="1" s="1"/>
  <c r="PCJ54" i="1" s="1"/>
  <c r="PCK54" i="1" s="1"/>
  <c r="PCL54" i="1" s="1"/>
  <c r="PCM54" i="1" s="1"/>
  <c r="PCN54" i="1" s="1"/>
  <c r="PCO54" i="1" s="1"/>
  <c r="PCP54" i="1" s="1"/>
  <c r="PCQ54" i="1" s="1"/>
  <c r="PCR54" i="1" s="1"/>
  <c r="PCS54" i="1" s="1"/>
  <c r="PCT54" i="1" s="1"/>
  <c r="PCU54" i="1" s="1"/>
  <c r="PCV54" i="1" s="1"/>
  <c r="PCW54" i="1" s="1"/>
  <c r="PCX54" i="1" s="1"/>
  <c r="PCY54" i="1" s="1"/>
  <c r="PCZ54" i="1" s="1"/>
  <c r="PDA54" i="1" s="1"/>
  <c r="PDB54" i="1" s="1"/>
  <c r="PDC54" i="1" s="1"/>
  <c r="PDD54" i="1" s="1"/>
  <c r="PDE54" i="1" s="1"/>
  <c r="PDF54" i="1" s="1"/>
  <c r="PDG54" i="1" s="1"/>
  <c r="PDH54" i="1" s="1"/>
  <c r="PDI54" i="1" s="1"/>
  <c r="PDJ54" i="1" s="1"/>
  <c r="PDK54" i="1" s="1"/>
  <c r="PDL54" i="1" s="1"/>
  <c r="PDM54" i="1" s="1"/>
  <c r="PDN54" i="1" s="1"/>
  <c r="PDO54" i="1" s="1"/>
  <c r="PDP54" i="1" s="1"/>
  <c r="PDQ54" i="1" s="1"/>
  <c r="PDR54" i="1" s="1"/>
  <c r="PDS54" i="1" s="1"/>
  <c r="PDT54" i="1" s="1"/>
  <c r="PDU54" i="1" s="1"/>
  <c r="PDV54" i="1" s="1"/>
  <c r="PDW54" i="1" s="1"/>
  <c r="PDX54" i="1" s="1"/>
  <c r="PDY54" i="1" s="1"/>
  <c r="PDZ54" i="1" s="1"/>
  <c r="PEA54" i="1" s="1"/>
  <c r="PEB54" i="1" s="1"/>
  <c r="PEC54" i="1" s="1"/>
  <c r="PED54" i="1" s="1"/>
  <c r="PEE54" i="1" s="1"/>
  <c r="PEF54" i="1" s="1"/>
  <c r="PEG54" i="1" s="1"/>
  <c r="PEH54" i="1" s="1"/>
  <c r="PEI54" i="1" s="1"/>
  <c r="PEJ54" i="1" s="1"/>
  <c r="PEK54" i="1" s="1"/>
  <c r="PEL54" i="1" s="1"/>
  <c r="PEM54" i="1" s="1"/>
  <c r="PEN54" i="1" s="1"/>
  <c r="PEO54" i="1" s="1"/>
  <c r="PEP54" i="1" s="1"/>
  <c r="PEQ54" i="1" s="1"/>
  <c r="PER54" i="1" s="1"/>
  <c r="PES54" i="1" s="1"/>
  <c r="PET54" i="1" s="1"/>
  <c r="PEU54" i="1" s="1"/>
  <c r="PEV54" i="1" s="1"/>
  <c r="PEW54" i="1" s="1"/>
  <c r="PEX54" i="1" s="1"/>
  <c r="PEY54" i="1" s="1"/>
  <c r="PEZ54" i="1" s="1"/>
  <c r="PFA54" i="1" s="1"/>
  <c r="PFB54" i="1" s="1"/>
  <c r="PFC54" i="1" s="1"/>
  <c r="PFD54" i="1" s="1"/>
  <c r="PFE54" i="1" s="1"/>
  <c r="PFF54" i="1" s="1"/>
  <c r="PFG54" i="1" s="1"/>
  <c r="PFH54" i="1" s="1"/>
  <c r="PFI54" i="1" s="1"/>
  <c r="PFJ54" i="1" s="1"/>
  <c r="PFK54" i="1" s="1"/>
  <c r="PFL54" i="1" s="1"/>
  <c r="PFM54" i="1" s="1"/>
  <c r="PFN54" i="1" s="1"/>
  <c r="PFO54" i="1" s="1"/>
  <c r="PFP54" i="1" s="1"/>
  <c r="PFQ54" i="1" s="1"/>
  <c r="PFR54" i="1" s="1"/>
  <c r="PFS54" i="1" s="1"/>
  <c r="PFT54" i="1" s="1"/>
  <c r="PFU54" i="1" s="1"/>
  <c r="PFV54" i="1" s="1"/>
  <c r="PFW54" i="1" s="1"/>
  <c r="PFX54" i="1" s="1"/>
  <c r="PFY54" i="1" s="1"/>
  <c r="PFZ54" i="1" s="1"/>
  <c r="PGA54" i="1" s="1"/>
  <c r="PGB54" i="1" s="1"/>
  <c r="PGC54" i="1" s="1"/>
  <c r="PGD54" i="1" s="1"/>
  <c r="PGE54" i="1" s="1"/>
  <c r="PGF54" i="1" s="1"/>
  <c r="PGG54" i="1" s="1"/>
  <c r="PGH54" i="1" s="1"/>
  <c r="PGI54" i="1" s="1"/>
  <c r="PGJ54" i="1" s="1"/>
  <c r="PGK54" i="1" s="1"/>
  <c r="PGL54" i="1" s="1"/>
  <c r="PGM54" i="1" s="1"/>
  <c r="PGN54" i="1" s="1"/>
  <c r="PGO54" i="1" s="1"/>
  <c r="PGP54" i="1" s="1"/>
  <c r="PGQ54" i="1" s="1"/>
  <c r="PGR54" i="1" s="1"/>
  <c r="PGS54" i="1" s="1"/>
  <c r="PGT54" i="1" s="1"/>
  <c r="PGU54" i="1" s="1"/>
  <c r="PGV54" i="1" s="1"/>
  <c r="PGW54" i="1" s="1"/>
  <c r="PGX54" i="1" s="1"/>
  <c r="PGY54" i="1" s="1"/>
  <c r="PGZ54" i="1" s="1"/>
  <c r="PHA54" i="1" s="1"/>
  <c r="PHB54" i="1" s="1"/>
  <c r="PHC54" i="1" s="1"/>
  <c r="PHD54" i="1" s="1"/>
  <c r="PHE54" i="1" s="1"/>
  <c r="PHF54" i="1" s="1"/>
  <c r="PHG54" i="1" s="1"/>
  <c r="PHH54" i="1" s="1"/>
  <c r="PHI54" i="1" s="1"/>
  <c r="PHJ54" i="1" s="1"/>
  <c r="PHK54" i="1" s="1"/>
  <c r="PHL54" i="1" s="1"/>
  <c r="PHM54" i="1" s="1"/>
  <c r="PHN54" i="1" s="1"/>
  <c r="PHO54" i="1" s="1"/>
  <c r="PHP54" i="1" s="1"/>
  <c r="PHQ54" i="1" s="1"/>
  <c r="PHR54" i="1" s="1"/>
  <c r="PHS54" i="1" s="1"/>
  <c r="PHT54" i="1" s="1"/>
  <c r="PHU54" i="1" s="1"/>
  <c r="PHV54" i="1" s="1"/>
  <c r="PHW54" i="1" s="1"/>
  <c r="PHX54" i="1" s="1"/>
  <c r="PHY54" i="1" s="1"/>
  <c r="PHZ54" i="1" s="1"/>
  <c r="PIA54" i="1" s="1"/>
  <c r="PIB54" i="1" s="1"/>
  <c r="PIC54" i="1" s="1"/>
  <c r="PID54" i="1" s="1"/>
  <c r="PIE54" i="1" s="1"/>
  <c r="PIF54" i="1" s="1"/>
  <c r="PIG54" i="1" s="1"/>
  <c r="PIH54" i="1" s="1"/>
  <c r="PII54" i="1" s="1"/>
  <c r="PIJ54" i="1" s="1"/>
  <c r="PIK54" i="1" s="1"/>
  <c r="PIL54" i="1" s="1"/>
  <c r="PIM54" i="1" s="1"/>
  <c r="PIN54" i="1" s="1"/>
  <c r="PIO54" i="1" s="1"/>
  <c r="PIP54" i="1" s="1"/>
  <c r="PIQ54" i="1" s="1"/>
  <c r="PIR54" i="1" s="1"/>
  <c r="PIS54" i="1" s="1"/>
  <c r="PIT54" i="1" s="1"/>
  <c r="PIU54" i="1" s="1"/>
  <c r="PIV54" i="1" s="1"/>
  <c r="PIW54" i="1" s="1"/>
  <c r="PIX54" i="1" s="1"/>
  <c r="PIY54" i="1" s="1"/>
  <c r="PIZ54" i="1" s="1"/>
  <c r="PJA54" i="1" s="1"/>
  <c r="PJB54" i="1" s="1"/>
  <c r="PJC54" i="1" s="1"/>
  <c r="PJD54" i="1" s="1"/>
  <c r="PJE54" i="1" s="1"/>
  <c r="PJF54" i="1" s="1"/>
  <c r="PJG54" i="1" s="1"/>
  <c r="PJH54" i="1" s="1"/>
  <c r="PJI54" i="1" s="1"/>
  <c r="PJJ54" i="1" s="1"/>
  <c r="PJK54" i="1" s="1"/>
  <c r="PJL54" i="1" s="1"/>
  <c r="PJM54" i="1" s="1"/>
  <c r="PJN54" i="1" s="1"/>
  <c r="PJO54" i="1" s="1"/>
  <c r="PJP54" i="1" s="1"/>
  <c r="PJQ54" i="1" s="1"/>
  <c r="PJR54" i="1" s="1"/>
  <c r="PJS54" i="1" s="1"/>
  <c r="PJT54" i="1" s="1"/>
  <c r="PJU54" i="1" s="1"/>
  <c r="PJV54" i="1" s="1"/>
  <c r="PJW54" i="1" s="1"/>
  <c r="PJX54" i="1" s="1"/>
  <c r="PJY54" i="1" s="1"/>
  <c r="PJZ54" i="1" s="1"/>
  <c r="PKA54" i="1" s="1"/>
  <c r="PKB54" i="1" s="1"/>
  <c r="PKC54" i="1" s="1"/>
  <c r="PKD54" i="1" s="1"/>
  <c r="PKE54" i="1" s="1"/>
  <c r="PKF54" i="1" s="1"/>
  <c r="PKG54" i="1" s="1"/>
  <c r="PKH54" i="1" s="1"/>
  <c r="PKI54" i="1" s="1"/>
  <c r="PKJ54" i="1" s="1"/>
  <c r="PKK54" i="1" s="1"/>
  <c r="PKL54" i="1" s="1"/>
  <c r="PKM54" i="1" s="1"/>
  <c r="PKN54" i="1" s="1"/>
  <c r="PKO54" i="1" s="1"/>
  <c r="PKP54" i="1" s="1"/>
  <c r="PKQ54" i="1" s="1"/>
  <c r="PKR54" i="1" s="1"/>
  <c r="PKS54" i="1" s="1"/>
  <c r="PKT54" i="1" s="1"/>
  <c r="PKU54" i="1" s="1"/>
  <c r="PKV54" i="1" s="1"/>
  <c r="PKW54" i="1" s="1"/>
  <c r="PKX54" i="1" s="1"/>
  <c r="PKY54" i="1" s="1"/>
  <c r="PKZ54" i="1" s="1"/>
  <c r="PLA54" i="1" s="1"/>
  <c r="PLB54" i="1" s="1"/>
  <c r="PLC54" i="1" s="1"/>
  <c r="PLD54" i="1" s="1"/>
  <c r="PLE54" i="1" s="1"/>
  <c r="PLF54" i="1" s="1"/>
  <c r="PLG54" i="1" s="1"/>
  <c r="PLH54" i="1" s="1"/>
  <c r="PLI54" i="1" s="1"/>
  <c r="PLJ54" i="1" s="1"/>
  <c r="PLK54" i="1" s="1"/>
  <c r="PLL54" i="1" s="1"/>
  <c r="PLM54" i="1" s="1"/>
  <c r="PLN54" i="1" s="1"/>
  <c r="PLO54" i="1" s="1"/>
  <c r="PLP54" i="1" s="1"/>
  <c r="PLQ54" i="1" s="1"/>
  <c r="PLR54" i="1" s="1"/>
  <c r="PLS54" i="1" s="1"/>
  <c r="PLT54" i="1" s="1"/>
  <c r="PLU54" i="1" s="1"/>
  <c r="PLV54" i="1" s="1"/>
  <c r="PLW54" i="1" s="1"/>
  <c r="PLX54" i="1" s="1"/>
  <c r="PLY54" i="1" s="1"/>
  <c r="PLZ54" i="1" s="1"/>
  <c r="PMA54" i="1" s="1"/>
  <c r="PMB54" i="1" s="1"/>
  <c r="PMC54" i="1" s="1"/>
  <c r="PMD54" i="1" s="1"/>
  <c r="PME54" i="1" s="1"/>
  <c r="PMF54" i="1" s="1"/>
  <c r="PMG54" i="1" s="1"/>
  <c r="PMH54" i="1" s="1"/>
  <c r="PMI54" i="1" s="1"/>
  <c r="PMJ54" i="1" s="1"/>
  <c r="PMK54" i="1" s="1"/>
  <c r="PML54" i="1" s="1"/>
  <c r="PMM54" i="1" s="1"/>
  <c r="PMN54" i="1" s="1"/>
  <c r="PMO54" i="1" s="1"/>
  <c r="PMP54" i="1" s="1"/>
  <c r="PMQ54" i="1" s="1"/>
  <c r="PMR54" i="1" s="1"/>
  <c r="PMS54" i="1" s="1"/>
  <c r="PMT54" i="1" s="1"/>
  <c r="PMU54" i="1" s="1"/>
  <c r="PMV54" i="1" s="1"/>
  <c r="PMW54" i="1" s="1"/>
  <c r="PMX54" i="1" s="1"/>
  <c r="PMY54" i="1" s="1"/>
  <c r="PMZ54" i="1" s="1"/>
  <c r="PNA54" i="1" s="1"/>
  <c r="PNB54" i="1" s="1"/>
  <c r="PNC54" i="1" s="1"/>
  <c r="PND54" i="1" s="1"/>
  <c r="PNE54" i="1" s="1"/>
  <c r="PNF54" i="1" s="1"/>
  <c r="PNG54" i="1" s="1"/>
  <c r="PNH54" i="1" s="1"/>
  <c r="PNI54" i="1" s="1"/>
  <c r="PNJ54" i="1" s="1"/>
  <c r="PNK54" i="1" s="1"/>
  <c r="PNL54" i="1" s="1"/>
  <c r="PNM54" i="1" s="1"/>
  <c r="PNN54" i="1" s="1"/>
  <c r="PNO54" i="1" s="1"/>
  <c r="PNP54" i="1" s="1"/>
  <c r="PNQ54" i="1" s="1"/>
  <c r="PNR54" i="1" s="1"/>
  <c r="PNS54" i="1" s="1"/>
  <c r="PNT54" i="1" s="1"/>
  <c r="PNU54" i="1" s="1"/>
  <c r="PNV54" i="1" s="1"/>
  <c r="PNW54" i="1" s="1"/>
  <c r="PNX54" i="1" s="1"/>
  <c r="PNY54" i="1" s="1"/>
  <c r="PNZ54" i="1" s="1"/>
  <c r="POA54" i="1" s="1"/>
  <c r="POB54" i="1" s="1"/>
  <c r="POC54" i="1" s="1"/>
  <c r="POD54" i="1" s="1"/>
  <c r="POE54" i="1" s="1"/>
  <c r="POF54" i="1" s="1"/>
  <c r="POG54" i="1" s="1"/>
  <c r="POH54" i="1" s="1"/>
  <c r="POI54" i="1" s="1"/>
  <c r="POJ54" i="1" s="1"/>
  <c r="POK54" i="1" s="1"/>
  <c r="POL54" i="1" s="1"/>
  <c r="POM54" i="1" s="1"/>
  <c r="PON54" i="1" s="1"/>
  <c r="POO54" i="1" s="1"/>
  <c r="POP54" i="1" s="1"/>
  <c r="POQ54" i="1" s="1"/>
  <c r="POR54" i="1" s="1"/>
  <c r="POS54" i="1" s="1"/>
  <c r="POT54" i="1" s="1"/>
  <c r="POU54" i="1" s="1"/>
  <c r="POV54" i="1" s="1"/>
  <c r="POW54" i="1" s="1"/>
  <c r="POX54" i="1" s="1"/>
  <c r="POY54" i="1" s="1"/>
  <c r="POZ54" i="1" s="1"/>
  <c r="PPA54" i="1" s="1"/>
  <c r="PPB54" i="1" s="1"/>
  <c r="PPC54" i="1" s="1"/>
  <c r="PPD54" i="1" s="1"/>
  <c r="PPE54" i="1" s="1"/>
  <c r="PPF54" i="1" s="1"/>
  <c r="PPG54" i="1" s="1"/>
  <c r="PPH54" i="1" s="1"/>
  <c r="PPI54" i="1" s="1"/>
  <c r="PPJ54" i="1" s="1"/>
  <c r="PPK54" i="1" s="1"/>
  <c r="PPL54" i="1" s="1"/>
  <c r="PPM54" i="1" s="1"/>
  <c r="PPN54" i="1" s="1"/>
  <c r="PPO54" i="1" s="1"/>
  <c r="PPP54" i="1" s="1"/>
  <c r="PPQ54" i="1" s="1"/>
  <c r="PPR54" i="1" s="1"/>
  <c r="PPS54" i="1" s="1"/>
  <c r="PPT54" i="1" s="1"/>
  <c r="PPU54" i="1" s="1"/>
  <c r="PPV54" i="1" s="1"/>
  <c r="PPW54" i="1" s="1"/>
  <c r="PPX54" i="1" s="1"/>
  <c r="PPY54" i="1" s="1"/>
  <c r="PPZ54" i="1" s="1"/>
  <c r="PQA54" i="1" s="1"/>
  <c r="PQB54" i="1" s="1"/>
  <c r="PQC54" i="1" s="1"/>
  <c r="PQD54" i="1" s="1"/>
  <c r="PQE54" i="1" s="1"/>
  <c r="PQF54" i="1" s="1"/>
  <c r="PQG54" i="1" s="1"/>
  <c r="PQH54" i="1" s="1"/>
  <c r="PQI54" i="1" s="1"/>
  <c r="PQJ54" i="1" s="1"/>
  <c r="PQK54" i="1" s="1"/>
  <c r="PQL54" i="1" s="1"/>
  <c r="PQM54" i="1" s="1"/>
  <c r="PQN54" i="1" s="1"/>
  <c r="PQO54" i="1" s="1"/>
  <c r="PQP54" i="1" s="1"/>
  <c r="PQQ54" i="1" s="1"/>
  <c r="PQR54" i="1" s="1"/>
  <c r="PQS54" i="1" s="1"/>
  <c r="PQT54" i="1" s="1"/>
  <c r="PQU54" i="1" s="1"/>
  <c r="PQV54" i="1" s="1"/>
  <c r="PQW54" i="1" s="1"/>
  <c r="PQX54" i="1" s="1"/>
  <c r="PQY54" i="1" s="1"/>
  <c r="PQZ54" i="1" s="1"/>
  <c r="PRA54" i="1" s="1"/>
  <c r="PRB54" i="1" s="1"/>
  <c r="PRC54" i="1" s="1"/>
  <c r="PRD54" i="1" s="1"/>
  <c r="PRE54" i="1" s="1"/>
  <c r="PRF54" i="1" s="1"/>
  <c r="PRG54" i="1" s="1"/>
  <c r="PRH54" i="1" s="1"/>
  <c r="PRI54" i="1" s="1"/>
  <c r="PRJ54" i="1" s="1"/>
  <c r="PRK54" i="1" s="1"/>
  <c r="PRL54" i="1" s="1"/>
  <c r="PRM54" i="1" s="1"/>
  <c r="PRN54" i="1" s="1"/>
  <c r="PRO54" i="1" s="1"/>
  <c r="PRP54" i="1" s="1"/>
  <c r="PRQ54" i="1" s="1"/>
  <c r="PRR54" i="1" s="1"/>
  <c r="PRS54" i="1" s="1"/>
  <c r="PRT54" i="1" s="1"/>
  <c r="PRU54" i="1" s="1"/>
  <c r="PRV54" i="1" s="1"/>
  <c r="PRW54" i="1" s="1"/>
  <c r="PRX54" i="1" s="1"/>
  <c r="PRY54" i="1" s="1"/>
  <c r="PRZ54" i="1" s="1"/>
  <c r="PSA54" i="1" s="1"/>
  <c r="PSB54" i="1" s="1"/>
  <c r="PSC54" i="1" s="1"/>
  <c r="PSD54" i="1" s="1"/>
  <c r="PSE54" i="1" s="1"/>
  <c r="PSF54" i="1" s="1"/>
  <c r="PSG54" i="1" s="1"/>
  <c r="PSH54" i="1" s="1"/>
  <c r="PSI54" i="1" s="1"/>
  <c r="PSJ54" i="1" s="1"/>
  <c r="PSK54" i="1" s="1"/>
  <c r="PSL54" i="1" s="1"/>
  <c r="PSM54" i="1" s="1"/>
  <c r="PSN54" i="1" s="1"/>
  <c r="PSO54" i="1" s="1"/>
  <c r="PSP54" i="1" s="1"/>
  <c r="PSQ54" i="1" s="1"/>
  <c r="PSR54" i="1" s="1"/>
  <c r="PSS54" i="1" s="1"/>
  <c r="PST54" i="1" s="1"/>
  <c r="PSU54" i="1" s="1"/>
  <c r="PSV54" i="1" s="1"/>
  <c r="PSW54" i="1" s="1"/>
  <c r="PSX54" i="1" s="1"/>
  <c r="PSY54" i="1" s="1"/>
  <c r="PSZ54" i="1" s="1"/>
  <c r="PTA54" i="1" s="1"/>
  <c r="PTB54" i="1" s="1"/>
  <c r="PTC54" i="1" s="1"/>
  <c r="PTD54" i="1" s="1"/>
  <c r="PTE54" i="1" s="1"/>
  <c r="PTF54" i="1" s="1"/>
  <c r="PTG54" i="1" s="1"/>
  <c r="PTH54" i="1" s="1"/>
  <c r="PTI54" i="1" s="1"/>
  <c r="PTJ54" i="1" s="1"/>
  <c r="PTK54" i="1" s="1"/>
  <c r="PTL54" i="1" s="1"/>
  <c r="PTM54" i="1" s="1"/>
  <c r="PTN54" i="1" s="1"/>
  <c r="PTO54" i="1" s="1"/>
  <c r="PTP54" i="1" s="1"/>
  <c r="PTQ54" i="1" s="1"/>
  <c r="PTR54" i="1" s="1"/>
  <c r="PTS54" i="1" s="1"/>
  <c r="PTT54" i="1" s="1"/>
  <c r="PTU54" i="1" s="1"/>
  <c r="PTV54" i="1" s="1"/>
  <c r="PTW54" i="1" s="1"/>
  <c r="PTX54" i="1" s="1"/>
  <c r="PTY54" i="1" s="1"/>
  <c r="PTZ54" i="1" s="1"/>
  <c r="PUA54" i="1" s="1"/>
  <c r="PUB54" i="1" s="1"/>
  <c r="PUC54" i="1" s="1"/>
  <c r="PUD54" i="1" s="1"/>
  <c r="PUE54" i="1" s="1"/>
  <c r="PUF54" i="1" s="1"/>
  <c r="PUG54" i="1" s="1"/>
  <c r="PUH54" i="1" s="1"/>
  <c r="PUI54" i="1" s="1"/>
  <c r="PUJ54" i="1" s="1"/>
  <c r="PUK54" i="1" s="1"/>
  <c r="PUL54" i="1" s="1"/>
  <c r="PUM54" i="1" s="1"/>
  <c r="PUN54" i="1" s="1"/>
  <c r="PUO54" i="1" s="1"/>
  <c r="PUP54" i="1" s="1"/>
  <c r="PUQ54" i="1" s="1"/>
  <c r="PUR54" i="1" s="1"/>
  <c r="PUS54" i="1" s="1"/>
  <c r="PUT54" i="1" s="1"/>
  <c r="PUU54" i="1" s="1"/>
  <c r="PUV54" i="1" s="1"/>
  <c r="PUW54" i="1" s="1"/>
  <c r="PUX54" i="1" s="1"/>
  <c r="PUY54" i="1" s="1"/>
  <c r="PUZ54" i="1" s="1"/>
  <c r="PVA54" i="1" s="1"/>
  <c r="PVB54" i="1" s="1"/>
  <c r="PVC54" i="1" s="1"/>
  <c r="PVD54" i="1" s="1"/>
  <c r="PVE54" i="1" s="1"/>
  <c r="PVF54" i="1" s="1"/>
  <c r="PVG54" i="1" s="1"/>
  <c r="PVH54" i="1" s="1"/>
  <c r="PVI54" i="1" s="1"/>
  <c r="PVJ54" i="1" s="1"/>
  <c r="PVK54" i="1" s="1"/>
  <c r="PVL54" i="1" s="1"/>
  <c r="PVM54" i="1" s="1"/>
  <c r="PVN54" i="1" s="1"/>
  <c r="PVO54" i="1" s="1"/>
  <c r="PVP54" i="1" s="1"/>
  <c r="PVQ54" i="1" s="1"/>
  <c r="PVR54" i="1" s="1"/>
  <c r="PVS54" i="1" s="1"/>
  <c r="PVT54" i="1" s="1"/>
  <c r="PVU54" i="1" s="1"/>
  <c r="PVV54" i="1" s="1"/>
  <c r="PVW54" i="1" s="1"/>
  <c r="PVX54" i="1" s="1"/>
  <c r="PVY54" i="1" s="1"/>
  <c r="PVZ54" i="1" s="1"/>
  <c r="PWA54" i="1" s="1"/>
  <c r="PWB54" i="1" s="1"/>
  <c r="PWC54" i="1" s="1"/>
  <c r="PWD54" i="1" s="1"/>
  <c r="PWE54" i="1" s="1"/>
  <c r="PWF54" i="1" s="1"/>
  <c r="PWG54" i="1" s="1"/>
  <c r="PWH54" i="1" s="1"/>
  <c r="PWI54" i="1" s="1"/>
  <c r="PWJ54" i="1" s="1"/>
  <c r="PWK54" i="1" s="1"/>
  <c r="PWL54" i="1" s="1"/>
  <c r="PWM54" i="1" s="1"/>
  <c r="PWN54" i="1" s="1"/>
  <c r="PWO54" i="1" s="1"/>
  <c r="PWP54" i="1" s="1"/>
  <c r="PWQ54" i="1" s="1"/>
  <c r="PWR54" i="1" s="1"/>
  <c r="PWS54" i="1" s="1"/>
  <c r="PWT54" i="1" s="1"/>
  <c r="PWU54" i="1" s="1"/>
  <c r="PWV54" i="1" s="1"/>
  <c r="PWW54" i="1" s="1"/>
  <c r="PWX54" i="1" s="1"/>
  <c r="PWY54" i="1" s="1"/>
  <c r="PWZ54" i="1" s="1"/>
  <c r="PXA54" i="1" s="1"/>
  <c r="PXB54" i="1" s="1"/>
  <c r="PXC54" i="1" s="1"/>
  <c r="PXD54" i="1" s="1"/>
  <c r="PXE54" i="1" s="1"/>
  <c r="PXF54" i="1" s="1"/>
  <c r="PXG54" i="1" s="1"/>
  <c r="PXH54" i="1" s="1"/>
  <c r="PXI54" i="1" s="1"/>
  <c r="PXJ54" i="1" s="1"/>
  <c r="PXK54" i="1" s="1"/>
  <c r="PXL54" i="1" s="1"/>
  <c r="PXM54" i="1" s="1"/>
  <c r="PXN54" i="1" s="1"/>
  <c r="PXO54" i="1" s="1"/>
  <c r="PXP54" i="1" s="1"/>
  <c r="PXQ54" i="1" s="1"/>
  <c r="PXR54" i="1" s="1"/>
  <c r="PXS54" i="1" s="1"/>
  <c r="PXT54" i="1" s="1"/>
  <c r="PXU54" i="1" s="1"/>
  <c r="PXV54" i="1" s="1"/>
  <c r="PXW54" i="1" s="1"/>
  <c r="PXX54" i="1" s="1"/>
  <c r="PXY54" i="1" s="1"/>
  <c r="PXZ54" i="1" s="1"/>
  <c r="PYA54" i="1" s="1"/>
  <c r="PYB54" i="1" s="1"/>
  <c r="PYC54" i="1" s="1"/>
  <c r="PYD54" i="1" s="1"/>
  <c r="PYE54" i="1" s="1"/>
  <c r="PYF54" i="1" s="1"/>
  <c r="PYG54" i="1" s="1"/>
  <c r="PYH54" i="1" s="1"/>
  <c r="PYI54" i="1" s="1"/>
  <c r="PYJ54" i="1" s="1"/>
  <c r="PYK54" i="1" s="1"/>
  <c r="PYL54" i="1" s="1"/>
  <c r="PYM54" i="1" s="1"/>
  <c r="PYN54" i="1" s="1"/>
  <c r="PYO54" i="1" s="1"/>
  <c r="PYP54" i="1" s="1"/>
  <c r="PYQ54" i="1" s="1"/>
  <c r="PYR54" i="1" s="1"/>
  <c r="PYS54" i="1" s="1"/>
  <c r="PYT54" i="1" s="1"/>
  <c r="PYU54" i="1" s="1"/>
  <c r="PYV54" i="1" s="1"/>
  <c r="PYW54" i="1" s="1"/>
  <c r="PYX54" i="1" s="1"/>
  <c r="PYY54" i="1" s="1"/>
  <c r="PYZ54" i="1" s="1"/>
  <c r="PZA54" i="1" s="1"/>
  <c r="PZB54" i="1" s="1"/>
  <c r="PZC54" i="1" s="1"/>
  <c r="PZD54" i="1" s="1"/>
  <c r="PZE54" i="1" s="1"/>
  <c r="PZF54" i="1" s="1"/>
  <c r="PZG54" i="1" s="1"/>
  <c r="PZH54" i="1" s="1"/>
  <c r="PZI54" i="1" s="1"/>
  <c r="PZJ54" i="1" s="1"/>
  <c r="PZK54" i="1" s="1"/>
  <c r="PZL54" i="1" s="1"/>
  <c r="PZM54" i="1" s="1"/>
  <c r="PZN54" i="1" s="1"/>
  <c r="PZO54" i="1" s="1"/>
  <c r="PZP54" i="1" s="1"/>
  <c r="PZQ54" i="1" s="1"/>
  <c r="PZR54" i="1" s="1"/>
  <c r="PZS54" i="1" s="1"/>
  <c r="PZT54" i="1" s="1"/>
  <c r="PZU54" i="1" s="1"/>
  <c r="PZV54" i="1" s="1"/>
  <c r="PZW54" i="1" s="1"/>
  <c r="PZX54" i="1" s="1"/>
  <c r="PZY54" i="1" s="1"/>
  <c r="PZZ54" i="1" s="1"/>
  <c r="QAA54" i="1" s="1"/>
  <c r="QAB54" i="1" s="1"/>
  <c r="QAC54" i="1" s="1"/>
  <c r="QAD54" i="1" s="1"/>
  <c r="QAE54" i="1" s="1"/>
  <c r="QAF54" i="1" s="1"/>
  <c r="QAG54" i="1" s="1"/>
  <c r="QAH54" i="1" s="1"/>
  <c r="QAI54" i="1" s="1"/>
  <c r="QAJ54" i="1" s="1"/>
  <c r="QAK54" i="1" s="1"/>
  <c r="QAL54" i="1" s="1"/>
  <c r="QAM54" i="1" s="1"/>
  <c r="QAN54" i="1" s="1"/>
  <c r="QAO54" i="1" s="1"/>
  <c r="QAP54" i="1" s="1"/>
  <c r="QAQ54" i="1" s="1"/>
  <c r="QAR54" i="1" s="1"/>
  <c r="QAS54" i="1" s="1"/>
  <c r="QAT54" i="1" s="1"/>
  <c r="QAU54" i="1" s="1"/>
  <c r="QAV54" i="1" s="1"/>
  <c r="QAW54" i="1" s="1"/>
  <c r="QAX54" i="1" s="1"/>
  <c r="QAY54" i="1" s="1"/>
  <c r="QAZ54" i="1" s="1"/>
  <c r="QBA54" i="1" s="1"/>
  <c r="QBB54" i="1" s="1"/>
  <c r="QBC54" i="1" s="1"/>
  <c r="QBD54" i="1" s="1"/>
  <c r="QBE54" i="1" s="1"/>
  <c r="QBF54" i="1" s="1"/>
  <c r="QBG54" i="1" s="1"/>
  <c r="QBH54" i="1" s="1"/>
  <c r="QBI54" i="1" s="1"/>
  <c r="QBJ54" i="1" s="1"/>
  <c r="QBK54" i="1" s="1"/>
  <c r="QBL54" i="1" s="1"/>
  <c r="QBM54" i="1" s="1"/>
  <c r="QBN54" i="1" s="1"/>
  <c r="QBO54" i="1" s="1"/>
  <c r="QBP54" i="1" s="1"/>
  <c r="QBQ54" i="1" s="1"/>
  <c r="QBR54" i="1" s="1"/>
  <c r="QBS54" i="1" s="1"/>
  <c r="QBT54" i="1" s="1"/>
  <c r="QBU54" i="1" s="1"/>
  <c r="QBV54" i="1" s="1"/>
  <c r="QBW54" i="1" s="1"/>
  <c r="QBX54" i="1" s="1"/>
  <c r="QBY54" i="1" s="1"/>
  <c r="QBZ54" i="1" s="1"/>
  <c r="QCA54" i="1" s="1"/>
  <c r="QCB54" i="1" s="1"/>
  <c r="QCC54" i="1" s="1"/>
  <c r="QCD54" i="1" s="1"/>
  <c r="QCE54" i="1" s="1"/>
  <c r="QCF54" i="1" s="1"/>
  <c r="QCG54" i="1" s="1"/>
  <c r="QCH54" i="1" s="1"/>
  <c r="QCI54" i="1" s="1"/>
  <c r="QCJ54" i="1" s="1"/>
  <c r="QCK54" i="1" s="1"/>
  <c r="QCL54" i="1" s="1"/>
  <c r="QCM54" i="1" s="1"/>
  <c r="QCN54" i="1" s="1"/>
  <c r="QCO54" i="1" s="1"/>
  <c r="QCP54" i="1" s="1"/>
  <c r="QCQ54" i="1" s="1"/>
  <c r="QCR54" i="1" s="1"/>
  <c r="QCS54" i="1" s="1"/>
  <c r="QCT54" i="1" s="1"/>
  <c r="QCU54" i="1" s="1"/>
  <c r="QCV54" i="1" s="1"/>
  <c r="QCW54" i="1" s="1"/>
  <c r="QCX54" i="1" s="1"/>
  <c r="QCY54" i="1" s="1"/>
  <c r="QCZ54" i="1" s="1"/>
  <c r="QDA54" i="1" s="1"/>
  <c r="QDB54" i="1" s="1"/>
  <c r="QDC54" i="1" s="1"/>
  <c r="QDD54" i="1" s="1"/>
  <c r="QDE54" i="1" s="1"/>
  <c r="QDF54" i="1" s="1"/>
  <c r="QDG54" i="1" s="1"/>
  <c r="QDH54" i="1" s="1"/>
  <c r="QDI54" i="1" s="1"/>
  <c r="QDJ54" i="1" s="1"/>
  <c r="QDK54" i="1" s="1"/>
  <c r="QDL54" i="1" s="1"/>
  <c r="QDM54" i="1" s="1"/>
  <c r="QDN54" i="1" s="1"/>
  <c r="QDO54" i="1" s="1"/>
  <c r="QDP54" i="1" s="1"/>
  <c r="QDQ54" i="1" s="1"/>
  <c r="QDR54" i="1" s="1"/>
  <c r="QDS54" i="1" s="1"/>
  <c r="QDT54" i="1" s="1"/>
  <c r="QDU54" i="1" s="1"/>
  <c r="QDV54" i="1" s="1"/>
  <c r="QDW54" i="1" s="1"/>
  <c r="QDX54" i="1" s="1"/>
  <c r="QDY54" i="1" s="1"/>
  <c r="QDZ54" i="1" s="1"/>
  <c r="QEA54" i="1" s="1"/>
  <c r="QEB54" i="1" s="1"/>
  <c r="QEC54" i="1" s="1"/>
  <c r="QED54" i="1" s="1"/>
  <c r="QEE54" i="1" s="1"/>
  <c r="QEF54" i="1" s="1"/>
  <c r="QEG54" i="1" s="1"/>
  <c r="QEH54" i="1" s="1"/>
  <c r="QEI54" i="1" s="1"/>
  <c r="QEJ54" i="1" s="1"/>
  <c r="QEK54" i="1" s="1"/>
  <c r="QEL54" i="1" s="1"/>
  <c r="QEM54" i="1" s="1"/>
  <c r="QEN54" i="1" s="1"/>
  <c r="QEO54" i="1" s="1"/>
  <c r="QEP54" i="1" s="1"/>
  <c r="QEQ54" i="1" s="1"/>
  <c r="QER54" i="1" s="1"/>
  <c r="QES54" i="1" s="1"/>
  <c r="QET54" i="1" s="1"/>
  <c r="QEU54" i="1" s="1"/>
  <c r="QEV54" i="1" s="1"/>
  <c r="QEW54" i="1" s="1"/>
  <c r="QEX54" i="1" s="1"/>
  <c r="QEY54" i="1" s="1"/>
  <c r="QEZ54" i="1" s="1"/>
  <c r="QFA54" i="1" s="1"/>
  <c r="QFB54" i="1" s="1"/>
  <c r="QFC54" i="1" s="1"/>
  <c r="QFD54" i="1" s="1"/>
  <c r="QFE54" i="1" s="1"/>
  <c r="QFF54" i="1" s="1"/>
  <c r="QFG54" i="1" s="1"/>
  <c r="QFH54" i="1" s="1"/>
  <c r="QFI54" i="1" s="1"/>
  <c r="QFJ54" i="1" s="1"/>
  <c r="QFK54" i="1" s="1"/>
  <c r="QFL54" i="1" s="1"/>
  <c r="QFM54" i="1" s="1"/>
  <c r="QFN54" i="1" s="1"/>
  <c r="QFO54" i="1" s="1"/>
  <c r="QFP54" i="1" s="1"/>
  <c r="QFQ54" i="1" s="1"/>
  <c r="QFR54" i="1" s="1"/>
  <c r="QFS54" i="1" s="1"/>
  <c r="QFT54" i="1" s="1"/>
  <c r="QFU54" i="1" s="1"/>
  <c r="QFV54" i="1" s="1"/>
  <c r="QFW54" i="1" s="1"/>
  <c r="QFX54" i="1" s="1"/>
  <c r="QFY54" i="1" s="1"/>
  <c r="QFZ54" i="1" s="1"/>
  <c r="QGA54" i="1" s="1"/>
  <c r="QGB54" i="1" s="1"/>
  <c r="QGC54" i="1" s="1"/>
  <c r="QGD54" i="1" s="1"/>
  <c r="QGE54" i="1" s="1"/>
  <c r="QGF54" i="1" s="1"/>
  <c r="QGG54" i="1" s="1"/>
  <c r="QGH54" i="1" s="1"/>
  <c r="QGI54" i="1" s="1"/>
  <c r="QGJ54" i="1" s="1"/>
  <c r="QGK54" i="1" s="1"/>
  <c r="QGL54" i="1" s="1"/>
  <c r="QGM54" i="1" s="1"/>
  <c r="QGN54" i="1" s="1"/>
  <c r="QGO54" i="1" s="1"/>
  <c r="QGP54" i="1" s="1"/>
  <c r="QGQ54" i="1" s="1"/>
  <c r="QGR54" i="1" s="1"/>
  <c r="QGS54" i="1" s="1"/>
  <c r="QGT54" i="1" s="1"/>
  <c r="QGU54" i="1" s="1"/>
  <c r="QGV54" i="1" s="1"/>
  <c r="QGW54" i="1" s="1"/>
  <c r="QGX54" i="1" s="1"/>
  <c r="QGY54" i="1" s="1"/>
  <c r="QGZ54" i="1" s="1"/>
  <c r="QHA54" i="1" s="1"/>
  <c r="QHB54" i="1" s="1"/>
  <c r="QHC54" i="1" s="1"/>
  <c r="QHD54" i="1" s="1"/>
  <c r="QHE54" i="1" s="1"/>
  <c r="QHF54" i="1" s="1"/>
  <c r="QHG54" i="1" s="1"/>
  <c r="QHH54" i="1" s="1"/>
  <c r="QHI54" i="1" s="1"/>
  <c r="QHJ54" i="1" s="1"/>
  <c r="QHK54" i="1" s="1"/>
  <c r="QHL54" i="1" s="1"/>
  <c r="QHM54" i="1" s="1"/>
  <c r="QHN54" i="1" s="1"/>
  <c r="QHO54" i="1" s="1"/>
  <c r="QHP54" i="1" s="1"/>
  <c r="QHQ54" i="1" s="1"/>
  <c r="QHR54" i="1" s="1"/>
  <c r="QHS54" i="1" s="1"/>
  <c r="QHT54" i="1" s="1"/>
  <c r="QHU54" i="1" s="1"/>
  <c r="QHV54" i="1" s="1"/>
  <c r="QHW54" i="1" s="1"/>
  <c r="QHX54" i="1" s="1"/>
  <c r="QHY54" i="1" s="1"/>
  <c r="QHZ54" i="1" s="1"/>
  <c r="QIA54" i="1" s="1"/>
  <c r="QIB54" i="1" s="1"/>
  <c r="QIC54" i="1" s="1"/>
  <c r="QID54" i="1" s="1"/>
  <c r="QIE54" i="1" s="1"/>
  <c r="QIF54" i="1" s="1"/>
  <c r="QIG54" i="1" s="1"/>
  <c r="QIH54" i="1" s="1"/>
  <c r="QII54" i="1" s="1"/>
  <c r="QIJ54" i="1" s="1"/>
  <c r="QIK54" i="1" s="1"/>
  <c r="QIL54" i="1" s="1"/>
  <c r="QIM54" i="1" s="1"/>
  <c r="QIN54" i="1" s="1"/>
  <c r="QIO54" i="1" s="1"/>
  <c r="QIP54" i="1" s="1"/>
  <c r="QIQ54" i="1" s="1"/>
  <c r="QIR54" i="1" s="1"/>
  <c r="QIS54" i="1" s="1"/>
  <c r="QIT54" i="1" s="1"/>
  <c r="QIU54" i="1" s="1"/>
  <c r="QIV54" i="1" s="1"/>
  <c r="QIW54" i="1" s="1"/>
  <c r="QIX54" i="1" s="1"/>
  <c r="QIY54" i="1" s="1"/>
  <c r="QIZ54" i="1" s="1"/>
  <c r="QJA54" i="1" s="1"/>
  <c r="QJB54" i="1" s="1"/>
  <c r="QJC54" i="1" s="1"/>
  <c r="QJD54" i="1" s="1"/>
  <c r="QJE54" i="1" s="1"/>
  <c r="QJF54" i="1" s="1"/>
  <c r="QJG54" i="1" s="1"/>
  <c r="QJH54" i="1" s="1"/>
  <c r="QJI54" i="1" s="1"/>
  <c r="QJJ54" i="1" s="1"/>
  <c r="QJK54" i="1" s="1"/>
  <c r="QJL54" i="1" s="1"/>
  <c r="QJM54" i="1" s="1"/>
  <c r="QJN54" i="1" s="1"/>
  <c r="QJO54" i="1" s="1"/>
  <c r="QJP54" i="1" s="1"/>
  <c r="QJQ54" i="1" s="1"/>
  <c r="QJR54" i="1" s="1"/>
  <c r="QJS54" i="1" s="1"/>
  <c r="QJT54" i="1" s="1"/>
  <c r="QJU54" i="1" s="1"/>
  <c r="QJV54" i="1" s="1"/>
  <c r="QJW54" i="1" s="1"/>
  <c r="QJX54" i="1" s="1"/>
  <c r="QJY54" i="1" s="1"/>
  <c r="QJZ54" i="1" s="1"/>
  <c r="QKA54" i="1" s="1"/>
  <c r="QKB54" i="1" s="1"/>
  <c r="QKC54" i="1" s="1"/>
  <c r="QKD54" i="1" s="1"/>
  <c r="QKE54" i="1" s="1"/>
  <c r="QKF54" i="1" s="1"/>
  <c r="QKG54" i="1" s="1"/>
  <c r="QKH54" i="1" s="1"/>
  <c r="QKI54" i="1" s="1"/>
  <c r="QKJ54" i="1" s="1"/>
  <c r="QKK54" i="1" s="1"/>
  <c r="QKL54" i="1" s="1"/>
  <c r="QKM54" i="1" s="1"/>
  <c r="QKN54" i="1" s="1"/>
  <c r="QKO54" i="1" s="1"/>
  <c r="QKP54" i="1" s="1"/>
  <c r="QKQ54" i="1" s="1"/>
  <c r="QKR54" i="1" s="1"/>
  <c r="QKS54" i="1" s="1"/>
  <c r="QKT54" i="1" s="1"/>
  <c r="QKU54" i="1" s="1"/>
  <c r="QKV54" i="1" s="1"/>
  <c r="QKW54" i="1" s="1"/>
  <c r="QKX54" i="1" s="1"/>
  <c r="QKY54" i="1" s="1"/>
  <c r="QKZ54" i="1" s="1"/>
  <c r="QLA54" i="1" s="1"/>
  <c r="QLB54" i="1" s="1"/>
  <c r="QLC54" i="1" s="1"/>
  <c r="QLD54" i="1" s="1"/>
  <c r="QLE54" i="1" s="1"/>
  <c r="QLF54" i="1" s="1"/>
  <c r="QLG54" i="1" s="1"/>
  <c r="QLH54" i="1" s="1"/>
  <c r="QLI54" i="1" s="1"/>
  <c r="QLJ54" i="1" s="1"/>
  <c r="QLK54" i="1" s="1"/>
  <c r="QLL54" i="1" s="1"/>
  <c r="QLM54" i="1" s="1"/>
  <c r="QLN54" i="1" s="1"/>
  <c r="QLO54" i="1" s="1"/>
  <c r="QLP54" i="1" s="1"/>
  <c r="QLQ54" i="1" s="1"/>
  <c r="QLR54" i="1" s="1"/>
  <c r="QLS54" i="1" s="1"/>
  <c r="QLT54" i="1" s="1"/>
  <c r="QLU54" i="1" s="1"/>
  <c r="QLV54" i="1" s="1"/>
  <c r="QLW54" i="1" s="1"/>
  <c r="QLX54" i="1" s="1"/>
  <c r="QLY54" i="1" s="1"/>
  <c r="QLZ54" i="1" s="1"/>
  <c r="QMA54" i="1" s="1"/>
  <c r="QMB54" i="1" s="1"/>
  <c r="QMC54" i="1" s="1"/>
  <c r="QMD54" i="1" s="1"/>
  <c r="QME54" i="1" s="1"/>
  <c r="QMF54" i="1" s="1"/>
  <c r="QMG54" i="1" s="1"/>
  <c r="QMH54" i="1" s="1"/>
  <c r="QMI54" i="1" s="1"/>
  <c r="QMJ54" i="1" s="1"/>
  <c r="QMK54" i="1" s="1"/>
  <c r="QML54" i="1" s="1"/>
  <c r="QMM54" i="1" s="1"/>
  <c r="QMN54" i="1" s="1"/>
  <c r="QMO54" i="1" s="1"/>
  <c r="QMP54" i="1" s="1"/>
  <c r="QMQ54" i="1" s="1"/>
  <c r="QMR54" i="1" s="1"/>
  <c r="QMS54" i="1" s="1"/>
  <c r="QMT54" i="1" s="1"/>
  <c r="QMU54" i="1" s="1"/>
  <c r="QMV54" i="1" s="1"/>
  <c r="QMW54" i="1" s="1"/>
  <c r="QMX54" i="1" s="1"/>
  <c r="QMY54" i="1" s="1"/>
  <c r="QMZ54" i="1" s="1"/>
  <c r="QNA54" i="1" s="1"/>
  <c r="QNB54" i="1" s="1"/>
  <c r="QNC54" i="1" s="1"/>
  <c r="QND54" i="1" s="1"/>
  <c r="QNE54" i="1" s="1"/>
  <c r="QNF54" i="1" s="1"/>
  <c r="QNG54" i="1" s="1"/>
  <c r="QNH54" i="1" s="1"/>
  <c r="QNI54" i="1" s="1"/>
  <c r="QNJ54" i="1" s="1"/>
  <c r="QNK54" i="1" s="1"/>
  <c r="QNL54" i="1" s="1"/>
  <c r="QNM54" i="1" s="1"/>
  <c r="QNN54" i="1" s="1"/>
  <c r="QNO54" i="1" s="1"/>
  <c r="QNP54" i="1" s="1"/>
  <c r="QNQ54" i="1" s="1"/>
  <c r="QNR54" i="1" s="1"/>
  <c r="QNS54" i="1" s="1"/>
  <c r="QNT54" i="1" s="1"/>
  <c r="QNU54" i="1" s="1"/>
  <c r="QNV54" i="1" s="1"/>
  <c r="QNW54" i="1" s="1"/>
  <c r="QNX54" i="1" s="1"/>
  <c r="QNY54" i="1" s="1"/>
  <c r="QNZ54" i="1" s="1"/>
  <c r="QOA54" i="1" s="1"/>
  <c r="QOB54" i="1" s="1"/>
  <c r="QOC54" i="1" s="1"/>
  <c r="QOD54" i="1" s="1"/>
  <c r="QOE54" i="1" s="1"/>
  <c r="QOF54" i="1" s="1"/>
  <c r="QOG54" i="1" s="1"/>
  <c r="QOH54" i="1" s="1"/>
  <c r="QOI54" i="1" s="1"/>
  <c r="QOJ54" i="1" s="1"/>
  <c r="QOK54" i="1" s="1"/>
  <c r="QOL54" i="1" s="1"/>
  <c r="QOM54" i="1" s="1"/>
  <c r="QON54" i="1" s="1"/>
  <c r="QOO54" i="1" s="1"/>
  <c r="QOP54" i="1" s="1"/>
  <c r="QOQ54" i="1" s="1"/>
  <c r="QOR54" i="1" s="1"/>
  <c r="QOS54" i="1" s="1"/>
  <c r="QOT54" i="1" s="1"/>
  <c r="QOU54" i="1" s="1"/>
  <c r="QOV54" i="1" s="1"/>
  <c r="QOW54" i="1" s="1"/>
  <c r="QOX54" i="1" s="1"/>
  <c r="QOY54" i="1" s="1"/>
  <c r="QOZ54" i="1" s="1"/>
  <c r="QPA54" i="1" s="1"/>
  <c r="QPB54" i="1" s="1"/>
  <c r="QPC54" i="1" s="1"/>
  <c r="QPD54" i="1" s="1"/>
  <c r="QPE54" i="1" s="1"/>
  <c r="QPF54" i="1" s="1"/>
  <c r="QPG54" i="1" s="1"/>
  <c r="QPH54" i="1" s="1"/>
  <c r="QPI54" i="1" s="1"/>
  <c r="QPJ54" i="1" s="1"/>
  <c r="QPK54" i="1" s="1"/>
  <c r="QPL54" i="1" s="1"/>
  <c r="QPM54" i="1" s="1"/>
  <c r="QPN54" i="1" s="1"/>
  <c r="QPO54" i="1" s="1"/>
  <c r="QPP54" i="1" s="1"/>
  <c r="QPQ54" i="1" s="1"/>
  <c r="QPR54" i="1" s="1"/>
  <c r="QPS54" i="1" s="1"/>
  <c r="QPT54" i="1" s="1"/>
  <c r="QPU54" i="1" s="1"/>
  <c r="QPV54" i="1" s="1"/>
  <c r="QPW54" i="1" s="1"/>
  <c r="QPX54" i="1" s="1"/>
  <c r="QPY54" i="1" s="1"/>
  <c r="QPZ54" i="1" s="1"/>
  <c r="QQA54" i="1" s="1"/>
  <c r="QQB54" i="1" s="1"/>
  <c r="QQC54" i="1" s="1"/>
  <c r="QQD54" i="1" s="1"/>
  <c r="QQE54" i="1" s="1"/>
  <c r="QQF54" i="1" s="1"/>
  <c r="QQG54" i="1" s="1"/>
  <c r="QQH54" i="1" s="1"/>
  <c r="QQI54" i="1" s="1"/>
  <c r="QQJ54" i="1" s="1"/>
  <c r="QQK54" i="1" s="1"/>
  <c r="QQL54" i="1" s="1"/>
  <c r="QQM54" i="1" s="1"/>
  <c r="QQN54" i="1" s="1"/>
  <c r="QQO54" i="1" s="1"/>
  <c r="QQP54" i="1" s="1"/>
  <c r="QQQ54" i="1" s="1"/>
  <c r="QQR54" i="1" s="1"/>
  <c r="QQS54" i="1" s="1"/>
  <c r="QQT54" i="1" s="1"/>
  <c r="QQU54" i="1" s="1"/>
  <c r="QQV54" i="1" s="1"/>
  <c r="QQW54" i="1" s="1"/>
  <c r="QQX54" i="1" s="1"/>
  <c r="QQY54" i="1" s="1"/>
  <c r="QQZ54" i="1" s="1"/>
  <c r="QRA54" i="1" s="1"/>
  <c r="QRB54" i="1" s="1"/>
  <c r="QRC54" i="1" s="1"/>
  <c r="QRD54" i="1" s="1"/>
  <c r="QRE54" i="1" s="1"/>
  <c r="QRF54" i="1" s="1"/>
  <c r="QRG54" i="1" s="1"/>
  <c r="QRH54" i="1" s="1"/>
  <c r="QRI54" i="1" s="1"/>
  <c r="QRJ54" i="1" s="1"/>
  <c r="QRK54" i="1" s="1"/>
  <c r="QRL54" i="1" s="1"/>
  <c r="QRM54" i="1" s="1"/>
  <c r="QRN54" i="1" s="1"/>
  <c r="QRO54" i="1" s="1"/>
  <c r="QRP54" i="1" s="1"/>
  <c r="QRQ54" i="1" s="1"/>
  <c r="QRR54" i="1" s="1"/>
  <c r="QRS54" i="1" s="1"/>
  <c r="QRT54" i="1" s="1"/>
  <c r="QRU54" i="1" s="1"/>
  <c r="QRV54" i="1" s="1"/>
  <c r="QRW54" i="1" s="1"/>
  <c r="QRX54" i="1" s="1"/>
  <c r="QRY54" i="1" s="1"/>
  <c r="QRZ54" i="1" s="1"/>
  <c r="QSA54" i="1" s="1"/>
  <c r="QSB54" i="1" s="1"/>
  <c r="QSC54" i="1" s="1"/>
  <c r="QSD54" i="1" s="1"/>
  <c r="QSE54" i="1" s="1"/>
  <c r="QSF54" i="1" s="1"/>
  <c r="QSG54" i="1" s="1"/>
  <c r="QSH54" i="1" s="1"/>
  <c r="QSI54" i="1" s="1"/>
  <c r="QSJ54" i="1" s="1"/>
  <c r="QSK54" i="1" s="1"/>
  <c r="QSL54" i="1" s="1"/>
  <c r="QSM54" i="1" s="1"/>
  <c r="QSN54" i="1" s="1"/>
  <c r="QSO54" i="1" s="1"/>
  <c r="QSP54" i="1" s="1"/>
  <c r="QSQ54" i="1" s="1"/>
  <c r="QSR54" i="1" s="1"/>
  <c r="QSS54" i="1" s="1"/>
  <c r="QST54" i="1" s="1"/>
  <c r="QSU54" i="1" s="1"/>
  <c r="QSV54" i="1" s="1"/>
  <c r="QSW54" i="1" s="1"/>
  <c r="QSX54" i="1" s="1"/>
  <c r="QSY54" i="1" s="1"/>
  <c r="QSZ54" i="1" s="1"/>
  <c r="QTA54" i="1" s="1"/>
  <c r="QTB54" i="1" s="1"/>
  <c r="QTC54" i="1" s="1"/>
  <c r="QTD54" i="1" s="1"/>
  <c r="QTE54" i="1" s="1"/>
  <c r="QTF54" i="1" s="1"/>
  <c r="QTG54" i="1" s="1"/>
  <c r="QTH54" i="1" s="1"/>
  <c r="QTI54" i="1" s="1"/>
  <c r="QTJ54" i="1" s="1"/>
  <c r="QTK54" i="1" s="1"/>
  <c r="QTL54" i="1" s="1"/>
  <c r="QTM54" i="1" s="1"/>
  <c r="QTN54" i="1" s="1"/>
  <c r="QTO54" i="1" s="1"/>
  <c r="QTP54" i="1" s="1"/>
  <c r="QTQ54" i="1" s="1"/>
  <c r="QTR54" i="1" s="1"/>
  <c r="QTS54" i="1" s="1"/>
  <c r="QTT54" i="1" s="1"/>
  <c r="QTU54" i="1" s="1"/>
  <c r="QTV54" i="1" s="1"/>
  <c r="QTW54" i="1" s="1"/>
  <c r="QTX54" i="1" s="1"/>
  <c r="QTY54" i="1" s="1"/>
  <c r="QTZ54" i="1" s="1"/>
  <c r="QUA54" i="1" s="1"/>
  <c r="QUB54" i="1" s="1"/>
  <c r="QUC54" i="1" s="1"/>
  <c r="QUD54" i="1" s="1"/>
  <c r="QUE54" i="1" s="1"/>
  <c r="QUF54" i="1" s="1"/>
  <c r="QUG54" i="1" s="1"/>
  <c r="QUH54" i="1" s="1"/>
  <c r="QUI54" i="1" s="1"/>
  <c r="QUJ54" i="1" s="1"/>
  <c r="QUK54" i="1" s="1"/>
  <c r="QUL54" i="1" s="1"/>
  <c r="QUM54" i="1" s="1"/>
  <c r="QUN54" i="1" s="1"/>
  <c r="QUO54" i="1" s="1"/>
  <c r="QUP54" i="1" s="1"/>
  <c r="QUQ54" i="1" s="1"/>
  <c r="QUR54" i="1" s="1"/>
  <c r="QUS54" i="1" s="1"/>
  <c r="QUT54" i="1" s="1"/>
  <c r="QUU54" i="1" s="1"/>
  <c r="QUV54" i="1" s="1"/>
  <c r="QUW54" i="1" s="1"/>
  <c r="QUX54" i="1" s="1"/>
  <c r="QUY54" i="1" s="1"/>
  <c r="QUZ54" i="1" s="1"/>
  <c r="QVA54" i="1" s="1"/>
  <c r="QVB54" i="1" s="1"/>
  <c r="QVC54" i="1" s="1"/>
  <c r="QVD54" i="1" s="1"/>
  <c r="QVE54" i="1" s="1"/>
  <c r="QVF54" i="1" s="1"/>
  <c r="QVG54" i="1" s="1"/>
  <c r="QVH54" i="1" s="1"/>
  <c r="QVI54" i="1" s="1"/>
  <c r="QVJ54" i="1" s="1"/>
  <c r="QVK54" i="1" s="1"/>
  <c r="QVL54" i="1" s="1"/>
  <c r="QVM54" i="1" s="1"/>
  <c r="QVN54" i="1" s="1"/>
  <c r="QVO54" i="1" s="1"/>
  <c r="QVP54" i="1" s="1"/>
  <c r="QVQ54" i="1" s="1"/>
  <c r="QVR54" i="1" s="1"/>
  <c r="QVS54" i="1" s="1"/>
  <c r="QVT54" i="1" s="1"/>
  <c r="QVU54" i="1" s="1"/>
  <c r="QVV54" i="1" s="1"/>
  <c r="QVW54" i="1" s="1"/>
  <c r="QVX54" i="1" s="1"/>
  <c r="QVY54" i="1" s="1"/>
  <c r="QVZ54" i="1" s="1"/>
  <c r="QWA54" i="1" s="1"/>
  <c r="QWB54" i="1" s="1"/>
  <c r="QWC54" i="1" s="1"/>
  <c r="QWD54" i="1" s="1"/>
  <c r="QWE54" i="1" s="1"/>
  <c r="QWF54" i="1" s="1"/>
  <c r="QWG54" i="1" s="1"/>
  <c r="QWH54" i="1" s="1"/>
  <c r="QWI54" i="1" s="1"/>
  <c r="QWJ54" i="1" s="1"/>
  <c r="QWK54" i="1" s="1"/>
  <c r="QWL54" i="1" s="1"/>
  <c r="QWM54" i="1" s="1"/>
  <c r="QWN54" i="1" s="1"/>
  <c r="QWO54" i="1" s="1"/>
  <c r="QWP54" i="1" s="1"/>
  <c r="QWQ54" i="1" s="1"/>
  <c r="QWR54" i="1" s="1"/>
  <c r="QWS54" i="1" s="1"/>
  <c r="QWT54" i="1" s="1"/>
  <c r="QWU54" i="1" s="1"/>
  <c r="QWV54" i="1" s="1"/>
  <c r="QWW54" i="1" s="1"/>
  <c r="QWX54" i="1" s="1"/>
  <c r="QWY54" i="1" s="1"/>
  <c r="QWZ54" i="1" s="1"/>
  <c r="QXA54" i="1" s="1"/>
  <c r="QXB54" i="1" s="1"/>
  <c r="QXC54" i="1" s="1"/>
  <c r="QXD54" i="1" s="1"/>
  <c r="QXE54" i="1" s="1"/>
  <c r="QXF54" i="1" s="1"/>
  <c r="QXG54" i="1" s="1"/>
  <c r="QXH54" i="1" s="1"/>
  <c r="QXI54" i="1" s="1"/>
  <c r="QXJ54" i="1" s="1"/>
  <c r="QXK54" i="1" s="1"/>
  <c r="QXL54" i="1" s="1"/>
  <c r="QXM54" i="1" s="1"/>
  <c r="QXN54" i="1" s="1"/>
  <c r="QXO54" i="1" s="1"/>
  <c r="QXP54" i="1" s="1"/>
  <c r="QXQ54" i="1" s="1"/>
  <c r="QXR54" i="1" s="1"/>
  <c r="QXS54" i="1" s="1"/>
  <c r="QXT54" i="1" s="1"/>
  <c r="QXU54" i="1" s="1"/>
  <c r="QXV54" i="1" s="1"/>
  <c r="QXW54" i="1" s="1"/>
  <c r="QXX54" i="1" s="1"/>
  <c r="QXY54" i="1" s="1"/>
  <c r="QXZ54" i="1" s="1"/>
  <c r="QYA54" i="1" s="1"/>
  <c r="QYB54" i="1" s="1"/>
  <c r="QYC54" i="1" s="1"/>
  <c r="QYD54" i="1" s="1"/>
  <c r="QYE54" i="1" s="1"/>
  <c r="QYF54" i="1" s="1"/>
  <c r="QYG54" i="1" s="1"/>
  <c r="QYH54" i="1" s="1"/>
  <c r="QYI54" i="1" s="1"/>
  <c r="QYJ54" i="1" s="1"/>
  <c r="QYK54" i="1" s="1"/>
  <c r="QYL54" i="1" s="1"/>
  <c r="QYM54" i="1" s="1"/>
  <c r="QYN54" i="1" s="1"/>
  <c r="QYO54" i="1" s="1"/>
  <c r="QYP54" i="1" s="1"/>
  <c r="QYQ54" i="1" s="1"/>
  <c r="QYR54" i="1" s="1"/>
  <c r="QYS54" i="1" s="1"/>
  <c r="QYT54" i="1" s="1"/>
  <c r="QYU54" i="1" s="1"/>
  <c r="QYV54" i="1" s="1"/>
  <c r="QYW54" i="1" s="1"/>
  <c r="QYX54" i="1" s="1"/>
  <c r="QYY54" i="1" s="1"/>
  <c r="QYZ54" i="1" s="1"/>
  <c r="QZA54" i="1" s="1"/>
  <c r="QZB54" i="1" s="1"/>
  <c r="QZC54" i="1" s="1"/>
  <c r="QZD54" i="1" s="1"/>
  <c r="QZE54" i="1" s="1"/>
  <c r="QZF54" i="1" s="1"/>
  <c r="QZG54" i="1" s="1"/>
  <c r="QZH54" i="1" s="1"/>
  <c r="QZI54" i="1" s="1"/>
  <c r="QZJ54" i="1" s="1"/>
  <c r="QZK54" i="1" s="1"/>
  <c r="QZL54" i="1" s="1"/>
  <c r="QZM54" i="1" s="1"/>
  <c r="QZN54" i="1" s="1"/>
  <c r="QZO54" i="1" s="1"/>
  <c r="QZP54" i="1" s="1"/>
  <c r="QZQ54" i="1" s="1"/>
  <c r="QZR54" i="1" s="1"/>
  <c r="QZS54" i="1" s="1"/>
  <c r="QZT54" i="1" s="1"/>
  <c r="QZU54" i="1" s="1"/>
  <c r="QZV54" i="1" s="1"/>
  <c r="QZW54" i="1" s="1"/>
  <c r="QZX54" i="1" s="1"/>
  <c r="QZY54" i="1" s="1"/>
  <c r="QZZ54" i="1" s="1"/>
  <c r="RAA54" i="1" s="1"/>
  <c r="RAB54" i="1" s="1"/>
  <c r="RAC54" i="1" s="1"/>
  <c r="RAD54" i="1" s="1"/>
  <c r="RAE54" i="1" s="1"/>
  <c r="RAF54" i="1" s="1"/>
  <c r="RAG54" i="1" s="1"/>
  <c r="RAH54" i="1" s="1"/>
  <c r="RAI54" i="1" s="1"/>
  <c r="RAJ54" i="1" s="1"/>
  <c r="RAK54" i="1" s="1"/>
  <c r="RAL54" i="1" s="1"/>
  <c r="RAM54" i="1" s="1"/>
  <c r="RAN54" i="1" s="1"/>
  <c r="RAO54" i="1" s="1"/>
  <c r="RAP54" i="1" s="1"/>
  <c r="RAQ54" i="1" s="1"/>
  <c r="RAR54" i="1" s="1"/>
  <c r="RAS54" i="1" s="1"/>
  <c r="RAT54" i="1" s="1"/>
  <c r="RAU54" i="1" s="1"/>
  <c r="RAV54" i="1" s="1"/>
  <c r="RAW54" i="1" s="1"/>
  <c r="RAX54" i="1" s="1"/>
  <c r="RAY54" i="1" s="1"/>
  <c r="RAZ54" i="1" s="1"/>
  <c r="RBA54" i="1" s="1"/>
  <c r="RBB54" i="1" s="1"/>
  <c r="RBC54" i="1" s="1"/>
  <c r="RBD54" i="1" s="1"/>
  <c r="RBE54" i="1" s="1"/>
  <c r="RBF54" i="1" s="1"/>
  <c r="RBG54" i="1" s="1"/>
  <c r="RBH54" i="1" s="1"/>
  <c r="RBI54" i="1" s="1"/>
  <c r="RBJ54" i="1" s="1"/>
  <c r="RBK54" i="1" s="1"/>
  <c r="RBL54" i="1" s="1"/>
  <c r="RBM54" i="1" s="1"/>
  <c r="RBN54" i="1" s="1"/>
  <c r="RBO54" i="1" s="1"/>
  <c r="RBP54" i="1" s="1"/>
  <c r="RBQ54" i="1" s="1"/>
  <c r="RBR54" i="1" s="1"/>
  <c r="RBS54" i="1" s="1"/>
  <c r="RBT54" i="1" s="1"/>
  <c r="RBU54" i="1" s="1"/>
  <c r="RBV54" i="1" s="1"/>
  <c r="RBW54" i="1" s="1"/>
  <c r="RBX54" i="1" s="1"/>
  <c r="RBY54" i="1" s="1"/>
  <c r="RBZ54" i="1" s="1"/>
  <c r="RCA54" i="1" s="1"/>
  <c r="RCB54" i="1" s="1"/>
  <c r="RCC54" i="1" s="1"/>
  <c r="RCD54" i="1" s="1"/>
  <c r="RCE54" i="1" s="1"/>
  <c r="RCF54" i="1" s="1"/>
  <c r="RCG54" i="1" s="1"/>
  <c r="RCH54" i="1" s="1"/>
  <c r="RCI54" i="1" s="1"/>
  <c r="RCJ54" i="1" s="1"/>
  <c r="RCK54" i="1" s="1"/>
  <c r="RCL54" i="1" s="1"/>
  <c r="RCM54" i="1" s="1"/>
  <c r="RCN54" i="1" s="1"/>
  <c r="RCO54" i="1" s="1"/>
  <c r="RCP54" i="1" s="1"/>
  <c r="RCQ54" i="1" s="1"/>
  <c r="RCR54" i="1" s="1"/>
  <c r="RCS54" i="1" s="1"/>
  <c r="RCT54" i="1" s="1"/>
  <c r="RCU54" i="1" s="1"/>
  <c r="RCV54" i="1" s="1"/>
  <c r="RCW54" i="1" s="1"/>
  <c r="RCX54" i="1" s="1"/>
  <c r="RCY54" i="1" s="1"/>
  <c r="RCZ54" i="1" s="1"/>
  <c r="RDA54" i="1" s="1"/>
  <c r="RDB54" i="1" s="1"/>
  <c r="RDC54" i="1" s="1"/>
  <c r="RDD54" i="1" s="1"/>
  <c r="RDE54" i="1" s="1"/>
  <c r="RDF54" i="1" s="1"/>
  <c r="RDG54" i="1" s="1"/>
  <c r="RDH54" i="1" s="1"/>
  <c r="RDI54" i="1" s="1"/>
  <c r="RDJ54" i="1" s="1"/>
  <c r="RDK54" i="1" s="1"/>
  <c r="RDL54" i="1" s="1"/>
  <c r="RDM54" i="1" s="1"/>
  <c r="RDN54" i="1" s="1"/>
  <c r="RDO54" i="1" s="1"/>
  <c r="RDP54" i="1" s="1"/>
  <c r="RDQ54" i="1" s="1"/>
  <c r="RDR54" i="1" s="1"/>
  <c r="RDS54" i="1" s="1"/>
  <c r="RDT54" i="1" s="1"/>
  <c r="RDU54" i="1" s="1"/>
  <c r="RDV54" i="1" s="1"/>
  <c r="RDW54" i="1" s="1"/>
  <c r="RDX54" i="1" s="1"/>
  <c r="RDY54" i="1" s="1"/>
  <c r="RDZ54" i="1" s="1"/>
  <c r="REA54" i="1" s="1"/>
  <c r="REB54" i="1" s="1"/>
  <c r="REC54" i="1" s="1"/>
  <c r="RED54" i="1" s="1"/>
  <c r="REE54" i="1" s="1"/>
  <c r="REF54" i="1" s="1"/>
  <c r="REG54" i="1" s="1"/>
  <c r="REH54" i="1" s="1"/>
  <c r="REI54" i="1" s="1"/>
  <c r="REJ54" i="1" s="1"/>
  <c r="REK54" i="1" s="1"/>
  <c r="REL54" i="1" s="1"/>
  <c r="REM54" i="1" s="1"/>
  <c r="REN54" i="1" s="1"/>
  <c r="REO54" i="1" s="1"/>
  <c r="REP54" i="1" s="1"/>
  <c r="REQ54" i="1" s="1"/>
  <c r="RER54" i="1" s="1"/>
  <c r="RES54" i="1" s="1"/>
  <c r="RET54" i="1" s="1"/>
  <c r="REU54" i="1" s="1"/>
  <c r="REV54" i="1" s="1"/>
  <c r="REW54" i="1" s="1"/>
  <c r="REX54" i="1" s="1"/>
  <c r="REY54" i="1" s="1"/>
  <c r="REZ54" i="1" s="1"/>
  <c r="RFA54" i="1" s="1"/>
  <c r="RFB54" i="1" s="1"/>
  <c r="RFC54" i="1" s="1"/>
  <c r="RFD54" i="1" s="1"/>
  <c r="RFE54" i="1" s="1"/>
  <c r="RFF54" i="1" s="1"/>
  <c r="RFG54" i="1" s="1"/>
  <c r="RFH54" i="1" s="1"/>
  <c r="RFI54" i="1" s="1"/>
  <c r="RFJ54" i="1" s="1"/>
  <c r="RFK54" i="1" s="1"/>
  <c r="RFL54" i="1" s="1"/>
  <c r="RFM54" i="1" s="1"/>
  <c r="RFN54" i="1" s="1"/>
  <c r="RFO54" i="1" s="1"/>
  <c r="RFP54" i="1" s="1"/>
  <c r="RFQ54" i="1" s="1"/>
  <c r="RFR54" i="1" s="1"/>
  <c r="RFS54" i="1" s="1"/>
  <c r="RFT54" i="1" s="1"/>
  <c r="RFU54" i="1" s="1"/>
  <c r="RFV54" i="1" s="1"/>
  <c r="RFW54" i="1" s="1"/>
  <c r="RFX54" i="1" s="1"/>
  <c r="RFY54" i="1" s="1"/>
  <c r="RFZ54" i="1" s="1"/>
  <c r="RGA54" i="1" s="1"/>
  <c r="RGB54" i="1" s="1"/>
  <c r="RGC54" i="1" s="1"/>
  <c r="RGD54" i="1" s="1"/>
  <c r="RGE54" i="1" s="1"/>
  <c r="RGF54" i="1" s="1"/>
  <c r="RGG54" i="1" s="1"/>
  <c r="RGH54" i="1" s="1"/>
  <c r="RGI54" i="1" s="1"/>
  <c r="RGJ54" i="1" s="1"/>
  <c r="RGK54" i="1" s="1"/>
  <c r="RGL54" i="1" s="1"/>
  <c r="RGM54" i="1" s="1"/>
  <c r="RGN54" i="1" s="1"/>
  <c r="RGO54" i="1" s="1"/>
  <c r="RGP54" i="1" s="1"/>
  <c r="RGQ54" i="1" s="1"/>
  <c r="RGR54" i="1" s="1"/>
  <c r="RGS54" i="1" s="1"/>
  <c r="RGT54" i="1" s="1"/>
  <c r="RGU54" i="1" s="1"/>
  <c r="RGV54" i="1" s="1"/>
  <c r="RGW54" i="1" s="1"/>
  <c r="RGX54" i="1" s="1"/>
  <c r="RGY54" i="1" s="1"/>
  <c r="RGZ54" i="1" s="1"/>
  <c r="RHA54" i="1" s="1"/>
  <c r="RHB54" i="1" s="1"/>
  <c r="RHC54" i="1" s="1"/>
  <c r="RHD54" i="1" s="1"/>
  <c r="RHE54" i="1" s="1"/>
  <c r="RHF54" i="1" s="1"/>
  <c r="RHG54" i="1" s="1"/>
  <c r="RHH54" i="1" s="1"/>
  <c r="RHI54" i="1" s="1"/>
  <c r="RHJ54" i="1" s="1"/>
  <c r="RHK54" i="1" s="1"/>
  <c r="RHL54" i="1" s="1"/>
  <c r="RHM54" i="1" s="1"/>
  <c r="RHN54" i="1" s="1"/>
  <c r="RHO54" i="1" s="1"/>
  <c r="RHP54" i="1" s="1"/>
  <c r="RHQ54" i="1" s="1"/>
  <c r="RHR54" i="1" s="1"/>
  <c r="RHS54" i="1" s="1"/>
  <c r="RHT54" i="1" s="1"/>
  <c r="RHU54" i="1" s="1"/>
  <c r="RHV54" i="1" s="1"/>
  <c r="RHW54" i="1" s="1"/>
  <c r="RHX54" i="1" s="1"/>
  <c r="RHY54" i="1" s="1"/>
  <c r="RHZ54" i="1" s="1"/>
  <c r="RIA54" i="1" s="1"/>
  <c r="RIB54" i="1" s="1"/>
  <c r="RIC54" i="1" s="1"/>
  <c r="RID54" i="1" s="1"/>
  <c r="RIE54" i="1" s="1"/>
  <c r="RIF54" i="1" s="1"/>
  <c r="RIG54" i="1" s="1"/>
  <c r="RIH54" i="1" s="1"/>
  <c r="RII54" i="1" s="1"/>
  <c r="RIJ54" i="1" s="1"/>
  <c r="RIK54" i="1" s="1"/>
  <c r="RIL54" i="1" s="1"/>
  <c r="RIM54" i="1" s="1"/>
  <c r="RIN54" i="1" s="1"/>
  <c r="RIO54" i="1" s="1"/>
  <c r="RIP54" i="1" s="1"/>
  <c r="RIQ54" i="1" s="1"/>
  <c r="RIR54" i="1" s="1"/>
  <c r="RIS54" i="1" s="1"/>
  <c r="RIT54" i="1" s="1"/>
  <c r="RIU54" i="1" s="1"/>
  <c r="RIV54" i="1" s="1"/>
  <c r="RIW54" i="1" s="1"/>
  <c r="RIX54" i="1" s="1"/>
  <c r="RIY54" i="1" s="1"/>
  <c r="RIZ54" i="1" s="1"/>
  <c r="RJA54" i="1" s="1"/>
  <c r="RJB54" i="1" s="1"/>
  <c r="RJC54" i="1" s="1"/>
  <c r="RJD54" i="1" s="1"/>
  <c r="RJE54" i="1" s="1"/>
  <c r="RJF54" i="1" s="1"/>
  <c r="RJG54" i="1" s="1"/>
  <c r="RJH54" i="1" s="1"/>
  <c r="RJI54" i="1" s="1"/>
  <c r="RJJ54" i="1" s="1"/>
  <c r="RJK54" i="1" s="1"/>
  <c r="RJL54" i="1" s="1"/>
  <c r="RJM54" i="1" s="1"/>
  <c r="RJN54" i="1" s="1"/>
  <c r="RJO54" i="1" s="1"/>
  <c r="RJP54" i="1" s="1"/>
  <c r="RJQ54" i="1" s="1"/>
  <c r="RJR54" i="1" s="1"/>
  <c r="RJS54" i="1" s="1"/>
  <c r="RJT54" i="1" s="1"/>
  <c r="RJU54" i="1" s="1"/>
  <c r="RJV54" i="1" s="1"/>
  <c r="RJW54" i="1" s="1"/>
  <c r="RJX54" i="1" s="1"/>
  <c r="RJY54" i="1" s="1"/>
  <c r="RJZ54" i="1" s="1"/>
  <c r="RKA54" i="1" s="1"/>
  <c r="RKB54" i="1" s="1"/>
  <c r="RKC54" i="1" s="1"/>
  <c r="RKD54" i="1" s="1"/>
  <c r="RKE54" i="1" s="1"/>
  <c r="RKF54" i="1" s="1"/>
  <c r="RKG54" i="1" s="1"/>
  <c r="RKH54" i="1" s="1"/>
  <c r="RKI54" i="1" s="1"/>
  <c r="RKJ54" i="1" s="1"/>
  <c r="RKK54" i="1" s="1"/>
  <c r="RKL54" i="1" s="1"/>
  <c r="RKM54" i="1" s="1"/>
  <c r="RKN54" i="1" s="1"/>
  <c r="RKO54" i="1" s="1"/>
  <c r="RKP54" i="1" s="1"/>
  <c r="RKQ54" i="1" s="1"/>
  <c r="RKR54" i="1" s="1"/>
  <c r="RKS54" i="1" s="1"/>
  <c r="RKT54" i="1" s="1"/>
  <c r="RKU54" i="1" s="1"/>
  <c r="RKV54" i="1" s="1"/>
  <c r="RKW54" i="1" s="1"/>
  <c r="RKX54" i="1" s="1"/>
  <c r="RKY54" i="1" s="1"/>
  <c r="RKZ54" i="1" s="1"/>
  <c r="RLA54" i="1" s="1"/>
  <c r="RLB54" i="1" s="1"/>
  <c r="RLC54" i="1" s="1"/>
  <c r="RLD54" i="1" s="1"/>
  <c r="RLE54" i="1" s="1"/>
  <c r="RLF54" i="1" s="1"/>
  <c r="RLG54" i="1" s="1"/>
  <c r="RLH54" i="1" s="1"/>
  <c r="RLI54" i="1" s="1"/>
  <c r="RLJ54" i="1" s="1"/>
  <c r="RLK54" i="1" s="1"/>
  <c r="RLL54" i="1" s="1"/>
  <c r="RLM54" i="1" s="1"/>
  <c r="RLN54" i="1" s="1"/>
  <c r="RLO54" i="1" s="1"/>
  <c r="RLP54" i="1" s="1"/>
  <c r="RLQ54" i="1" s="1"/>
  <c r="RLR54" i="1" s="1"/>
  <c r="RLS54" i="1" s="1"/>
  <c r="RLT54" i="1" s="1"/>
  <c r="RLU54" i="1" s="1"/>
  <c r="RLV54" i="1" s="1"/>
  <c r="RLW54" i="1" s="1"/>
  <c r="RLX54" i="1" s="1"/>
  <c r="RLY54" i="1" s="1"/>
  <c r="RLZ54" i="1" s="1"/>
  <c r="RMA54" i="1" s="1"/>
  <c r="RMB54" i="1" s="1"/>
  <c r="RMC54" i="1" s="1"/>
  <c r="RMD54" i="1" s="1"/>
  <c r="RME54" i="1" s="1"/>
  <c r="RMF54" i="1" s="1"/>
  <c r="RMG54" i="1" s="1"/>
  <c r="RMH54" i="1" s="1"/>
  <c r="RMI54" i="1" s="1"/>
  <c r="RMJ54" i="1" s="1"/>
  <c r="RMK54" i="1" s="1"/>
  <c r="RML54" i="1" s="1"/>
  <c r="RMM54" i="1" s="1"/>
  <c r="RMN54" i="1" s="1"/>
  <c r="RMO54" i="1" s="1"/>
  <c r="RMP54" i="1" s="1"/>
  <c r="RMQ54" i="1" s="1"/>
  <c r="RMR54" i="1" s="1"/>
  <c r="RMS54" i="1" s="1"/>
  <c r="RMT54" i="1" s="1"/>
  <c r="RMU54" i="1" s="1"/>
  <c r="RMV54" i="1" s="1"/>
  <c r="RMW54" i="1" s="1"/>
  <c r="RMX54" i="1" s="1"/>
  <c r="RMY54" i="1" s="1"/>
  <c r="RMZ54" i="1" s="1"/>
  <c r="RNA54" i="1" s="1"/>
  <c r="RNB54" i="1" s="1"/>
  <c r="RNC54" i="1" s="1"/>
  <c r="RND54" i="1" s="1"/>
  <c r="RNE54" i="1" s="1"/>
  <c r="RNF54" i="1" s="1"/>
  <c r="RNG54" i="1" s="1"/>
  <c r="RNH54" i="1" s="1"/>
  <c r="RNI54" i="1" s="1"/>
  <c r="RNJ54" i="1" s="1"/>
  <c r="RNK54" i="1" s="1"/>
  <c r="RNL54" i="1" s="1"/>
  <c r="RNM54" i="1" s="1"/>
  <c r="RNN54" i="1" s="1"/>
  <c r="RNO54" i="1" s="1"/>
  <c r="RNP54" i="1" s="1"/>
  <c r="RNQ54" i="1" s="1"/>
  <c r="RNR54" i="1" s="1"/>
  <c r="RNS54" i="1" s="1"/>
  <c r="RNT54" i="1" s="1"/>
  <c r="RNU54" i="1" s="1"/>
  <c r="RNV54" i="1" s="1"/>
  <c r="RNW54" i="1" s="1"/>
  <c r="RNX54" i="1" s="1"/>
  <c r="RNY54" i="1" s="1"/>
  <c r="RNZ54" i="1" s="1"/>
  <c r="ROA54" i="1" s="1"/>
  <c r="ROB54" i="1" s="1"/>
  <c r="ROC54" i="1" s="1"/>
  <c r="ROD54" i="1" s="1"/>
  <c r="ROE54" i="1" s="1"/>
  <c r="ROF54" i="1" s="1"/>
  <c r="ROG54" i="1" s="1"/>
  <c r="ROH54" i="1" s="1"/>
  <c r="ROI54" i="1" s="1"/>
  <c r="ROJ54" i="1" s="1"/>
  <c r="ROK54" i="1" s="1"/>
  <c r="ROL54" i="1" s="1"/>
  <c r="ROM54" i="1" s="1"/>
  <c r="RON54" i="1" s="1"/>
  <c r="ROO54" i="1" s="1"/>
  <c r="ROP54" i="1" s="1"/>
  <c r="ROQ54" i="1" s="1"/>
  <c r="ROR54" i="1" s="1"/>
  <c r="ROS54" i="1" s="1"/>
  <c r="ROT54" i="1" s="1"/>
  <c r="ROU54" i="1" s="1"/>
  <c r="ROV54" i="1" s="1"/>
  <c r="ROW54" i="1" s="1"/>
  <c r="ROX54" i="1" s="1"/>
  <c r="ROY54" i="1" s="1"/>
  <c r="ROZ54" i="1" s="1"/>
  <c r="RPA54" i="1" s="1"/>
  <c r="RPB54" i="1" s="1"/>
  <c r="RPC54" i="1" s="1"/>
  <c r="RPD54" i="1" s="1"/>
  <c r="RPE54" i="1" s="1"/>
  <c r="RPF54" i="1" s="1"/>
  <c r="RPG54" i="1" s="1"/>
  <c r="RPH54" i="1" s="1"/>
  <c r="RPI54" i="1" s="1"/>
  <c r="RPJ54" i="1" s="1"/>
  <c r="RPK54" i="1" s="1"/>
  <c r="RPL54" i="1" s="1"/>
  <c r="RPM54" i="1" s="1"/>
  <c r="RPN54" i="1" s="1"/>
  <c r="RPO54" i="1" s="1"/>
  <c r="RPP54" i="1" s="1"/>
  <c r="RPQ54" i="1" s="1"/>
  <c r="RPR54" i="1" s="1"/>
  <c r="RPS54" i="1" s="1"/>
  <c r="RPT54" i="1" s="1"/>
  <c r="RPU54" i="1" s="1"/>
  <c r="RPV54" i="1" s="1"/>
  <c r="RPW54" i="1" s="1"/>
  <c r="RPX54" i="1" s="1"/>
  <c r="RPY54" i="1" s="1"/>
  <c r="RPZ54" i="1" s="1"/>
  <c r="RQA54" i="1" s="1"/>
  <c r="RQB54" i="1" s="1"/>
  <c r="RQC54" i="1" s="1"/>
  <c r="RQD54" i="1" s="1"/>
  <c r="RQE54" i="1" s="1"/>
  <c r="RQF54" i="1" s="1"/>
  <c r="RQG54" i="1" s="1"/>
  <c r="RQH54" i="1" s="1"/>
  <c r="RQI54" i="1" s="1"/>
  <c r="RQJ54" i="1" s="1"/>
  <c r="RQK54" i="1" s="1"/>
  <c r="RQL54" i="1" s="1"/>
  <c r="RQM54" i="1" s="1"/>
  <c r="RQN54" i="1" s="1"/>
  <c r="RQO54" i="1" s="1"/>
  <c r="RQP54" i="1" s="1"/>
  <c r="RQQ54" i="1" s="1"/>
  <c r="RQR54" i="1" s="1"/>
  <c r="RQS54" i="1" s="1"/>
  <c r="RQT54" i="1" s="1"/>
  <c r="RQU54" i="1" s="1"/>
  <c r="RQV54" i="1" s="1"/>
  <c r="RQW54" i="1" s="1"/>
  <c r="RQX54" i="1" s="1"/>
  <c r="RQY54" i="1" s="1"/>
  <c r="RQZ54" i="1" s="1"/>
  <c r="RRA54" i="1" s="1"/>
  <c r="RRB54" i="1" s="1"/>
  <c r="RRC54" i="1" s="1"/>
  <c r="RRD54" i="1" s="1"/>
  <c r="RRE54" i="1" s="1"/>
  <c r="RRF54" i="1" s="1"/>
  <c r="RRG54" i="1" s="1"/>
  <c r="RRH54" i="1" s="1"/>
  <c r="RRI54" i="1" s="1"/>
  <c r="RRJ54" i="1" s="1"/>
  <c r="RRK54" i="1" s="1"/>
  <c r="RRL54" i="1" s="1"/>
  <c r="RRM54" i="1" s="1"/>
  <c r="RRN54" i="1" s="1"/>
  <c r="RRO54" i="1" s="1"/>
  <c r="RRP54" i="1" s="1"/>
  <c r="RRQ54" i="1" s="1"/>
  <c r="RRR54" i="1" s="1"/>
  <c r="RRS54" i="1" s="1"/>
  <c r="RRT54" i="1" s="1"/>
  <c r="RRU54" i="1" s="1"/>
  <c r="RRV54" i="1" s="1"/>
  <c r="RRW54" i="1" s="1"/>
  <c r="RRX54" i="1" s="1"/>
  <c r="RRY54" i="1" s="1"/>
  <c r="RRZ54" i="1" s="1"/>
  <c r="RSA54" i="1" s="1"/>
  <c r="RSB54" i="1" s="1"/>
  <c r="RSC54" i="1" s="1"/>
  <c r="RSD54" i="1" s="1"/>
  <c r="RSE54" i="1" s="1"/>
  <c r="RSF54" i="1" s="1"/>
  <c r="RSG54" i="1" s="1"/>
  <c r="RSH54" i="1" s="1"/>
  <c r="RSI54" i="1" s="1"/>
  <c r="RSJ54" i="1" s="1"/>
  <c r="RSK54" i="1" s="1"/>
  <c r="RSL54" i="1" s="1"/>
  <c r="RSM54" i="1" s="1"/>
  <c r="RSN54" i="1" s="1"/>
  <c r="RSO54" i="1" s="1"/>
  <c r="RSP54" i="1" s="1"/>
  <c r="RSQ54" i="1" s="1"/>
  <c r="RSR54" i="1" s="1"/>
  <c r="RSS54" i="1" s="1"/>
  <c r="RST54" i="1" s="1"/>
  <c r="RSU54" i="1" s="1"/>
  <c r="RSV54" i="1" s="1"/>
  <c r="RSW54" i="1" s="1"/>
  <c r="RSX54" i="1" s="1"/>
  <c r="RSY54" i="1" s="1"/>
  <c r="RSZ54" i="1" s="1"/>
  <c r="RTA54" i="1" s="1"/>
  <c r="RTB54" i="1" s="1"/>
  <c r="RTC54" i="1" s="1"/>
  <c r="RTD54" i="1" s="1"/>
  <c r="RTE54" i="1" s="1"/>
  <c r="RTF54" i="1" s="1"/>
  <c r="RTG54" i="1" s="1"/>
  <c r="RTH54" i="1" s="1"/>
  <c r="RTI54" i="1" s="1"/>
  <c r="RTJ54" i="1" s="1"/>
  <c r="RTK54" i="1" s="1"/>
  <c r="RTL54" i="1" s="1"/>
  <c r="RTM54" i="1" s="1"/>
  <c r="RTN54" i="1" s="1"/>
  <c r="RTO54" i="1" s="1"/>
  <c r="RTP54" i="1" s="1"/>
  <c r="RTQ54" i="1" s="1"/>
  <c r="RTR54" i="1" s="1"/>
  <c r="RTS54" i="1" s="1"/>
  <c r="RTT54" i="1" s="1"/>
  <c r="RTU54" i="1" s="1"/>
  <c r="RTV54" i="1" s="1"/>
  <c r="RTW54" i="1" s="1"/>
  <c r="RTX54" i="1" s="1"/>
  <c r="RTY54" i="1" s="1"/>
  <c r="RTZ54" i="1" s="1"/>
  <c r="RUA54" i="1" s="1"/>
  <c r="RUB54" i="1" s="1"/>
  <c r="RUC54" i="1" s="1"/>
  <c r="RUD54" i="1" s="1"/>
  <c r="RUE54" i="1" s="1"/>
  <c r="RUF54" i="1" s="1"/>
  <c r="RUG54" i="1" s="1"/>
  <c r="RUH54" i="1" s="1"/>
  <c r="RUI54" i="1" s="1"/>
  <c r="RUJ54" i="1" s="1"/>
  <c r="RUK54" i="1" s="1"/>
  <c r="RUL54" i="1" s="1"/>
  <c r="RUM54" i="1" s="1"/>
  <c r="RUN54" i="1" s="1"/>
  <c r="RUO54" i="1" s="1"/>
  <c r="RUP54" i="1" s="1"/>
  <c r="RUQ54" i="1" s="1"/>
  <c r="RUR54" i="1" s="1"/>
  <c r="RUS54" i="1" s="1"/>
  <c r="RUT54" i="1" s="1"/>
  <c r="RUU54" i="1" s="1"/>
  <c r="RUV54" i="1" s="1"/>
  <c r="RUW54" i="1" s="1"/>
  <c r="RUX54" i="1" s="1"/>
  <c r="RUY54" i="1" s="1"/>
  <c r="RUZ54" i="1" s="1"/>
  <c r="RVA54" i="1" s="1"/>
  <c r="RVB54" i="1" s="1"/>
  <c r="RVC54" i="1" s="1"/>
  <c r="RVD54" i="1" s="1"/>
  <c r="RVE54" i="1" s="1"/>
  <c r="RVF54" i="1" s="1"/>
  <c r="RVG54" i="1" s="1"/>
  <c r="RVH54" i="1" s="1"/>
  <c r="RVI54" i="1" s="1"/>
  <c r="RVJ54" i="1" s="1"/>
  <c r="RVK54" i="1" s="1"/>
  <c r="RVL54" i="1" s="1"/>
  <c r="RVM54" i="1" s="1"/>
  <c r="RVN54" i="1" s="1"/>
  <c r="RVO54" i="1" s="1"/>
  <c r="RVP54" i="1" s="1"/>
  <c r="RVQ54" i="1" s="1"/>
  <c r="RVR54" i="1" s="1"/>
  <c r="RVS54" i="1" s="1"/>
  <c r="RVT54" i="1" s="1"/>
  <c r="RVU54" i="1" s="1"/>
  <c r="RVV54" i="1" s="1"/>
  <c r="RVW54" i="1" s="1"/>
  <c r="RVX54" i="1" s="1"/>
  <c r="RVY54" i="1" s="1"/>
  <c r="RVZ54" i="1" s="1"/>
  <c r="RWA54" i="1" s="1"/>
  <c r="RWB54" i="1" s="1"/>
  <c r="RWC54" i="1" s="1"/>
  <c r="RWD54" i="1" s="1"/>
  <c r="RWE54" i="1" s="1"/>
  <c r="RWF54" i="1" s="1"/>
  <c r="RWG54" i="1" s="1"/>
  <c r="RWH54" i="1" s="1"/>
  <c r="RWI54" i="1" s="1"/>
  <c r="RWJ54" i="1" s="1"/>
  <c r="RWK54" i="1" s="1"/>
  <c r="RWL54" i="1" s="1"/>
  <c r="RWM54" i="1" s="1"/>
  <c r="RWN54" i="1" s="1"/>
  <c r="RWO54" i="1" s="1"/>
  <c r="RWP54" i="1" s="1"/>
  <c r="RWQ54" i="1" s="1"/>
  <c r="RWR54" i="1" s="1"/>
  <c r="RWS54" i="1" s="1"/>
  <c r="RWT54" i="1" s="1"/>
  <c r="RWU54" i="1" s="1"/>
  <c r="RWV54" i="1" s="1"/>
  <c r="RWW54" i="1" s="1"/>
  <c r="RWX54" i="1" s="1"/>
  <c r="RWY54" i="1" s="1"/>
  <c r="RWZ54" i="1" s="1"/>
  <c r="RXA54" i="1" s="1"/>
  <c r="RXB54" i="1" s="1"/>
  <c r="RXC54" i="1" s="1"/>
  <c r="RXD54" i="1" s="1"/>
  <c r="RXE54" i="1" s="1"/>
  <c r="RXF54" i="1" s="1"/>
  <c r="RXG54" i="1" s="1"/>
  <c r="RXH54" i="1" s="1"/>
  <c r="RXI54" i="1" s="1"/>
  <c r="RXJ54" i="1" s="1"/>
  <c r="RXK54" i="1" s="1"/>
  <c r="RXL54" i="1" s="1"/>
  <c r="RXM54" i="1" s="1"/>
  <c r="RXN54" i="1" s="1"/>
  <c r="RXO54" i="1" s="1"/>
  <c r="RXP54" i="1" s="1"/>
  <c r="RXQ54" i="1" s="1"/>
  <c r="RXR54" i="1" s="1"/>
  <c r="RXS54" i="1" s="1"/>
  <c r="RXT54" i="1" s="1"/>
  <c r="RXU54" i="1" s="1"/>
  <c r="RXV54" i="1" s="1"/>
  <c r="RXW54" i="1" s="1"/>
  <c r="RXX54" i="1" s="1"/>
  <c r="RXY54" i="1" s="1"/>
  <c r="RXZ54" i="1" s="1"/>
  <c r="RYA54" i="1" s="1"/>
  <c r="RYB54" i="1" s="1"/>
  <c r="RYC54" i="1" s="1"/>
  <c r="RYD54" i="1" s="1"/>
  <c r="RYE54" i="1" s="1"/>
  <c r="RYF54" i="1" s="1"/>
  <c r="RYG54" i="1" s="1"/>
  <c r="RYH54" i="1" s="1"/>
  <c r="RYI54" i="1" s="1"/>
  <c r="RYJ54" i="1" s="1"/>
  <c r="RYK54" i="1" s="1"/>
  <c r="RYL54" i="1" s="1"/>
  <c r="RYM54" i="1" s="1"/>
  <c r="RYN54" i="1" s="1"/>
  <c r="RYO54" i="1" s="1"/>
  <c r="RYP54" i="1" s="1"/>
  <c r="RYQ54" i="1" s="1"/>
  <c r="RYR54" i="1" s="1"/>
  <c r="RYS54" i="1" s="1"/>
  <c r="RYT54" i="1" s="1"/>
  <c r="RYU54" i="1" s="1"/>
  <c r="RYV54" i="1" s="1"/>
  <c r="RYW54" i="1" s="1"/>
  <c r="RYX54" i="1" s="1"/>
  <c r="RYY54" i="1" s="1"/>
  <c r="RYZ54" i="1" s="1"/>
  <c r="RZA54" i="1" s="1"/>
  <c r="RZB54" i="1" s="1"/>
  <c r="RZC54" i="1" s="1"/>
  <c r="RZD54" i="1" s="1"/>
  <c r="RZE54" i="1" s="1"/>
  <c r="RZF54" i="1" s="1"/>
  <c r="RZG54" i="1" s="1"/>
  <c r="RZH54" i="1" s="1"/>
  <c r="RZI54" i="1" s="1"/>
  <c r="RZJ54" i="1" s="1"/>
  <c r="RZK54" i="1" s="1"/>
  <c r="RZL54" i="1" s="1"/>
  <c r="RZM54" i="1" s="1"/>
  <c r="RZN54" i="1" s="1"/>
  <c r="RZO54" i="1" s="1"/>
  <c r="RZP54" i="1" s="1"/>
  <c r="RZQ54" i="1" s="1"/>
  <c r="RZR54" i="1" s="1"/>
  <c r="RZS54" i="1" s="1"/>
  <c r="RZT54" i="1" s="1"/>
  <c r="RZU54" i="1" s="1"/>
  <c r="RZV54" i="1" s="1"/>
  <c r="RZW54" i="1" s="1"/>
  <c r="RZX54" i="1" s="1"/>
  <c r="RZY54" i="1" s="1"/>
  <c r="RZZ54" i="1" s="1"/>
  <c r="SAA54" i="1" s="1"/>
  <c r="SAB54" i="1" s="1"/>
  <c r="SAC54" i="1" s="1"/>
  <c r="SAD54" i="1" s="1"/>
  <c r="SAE54" i="1" s="1"/>
  <c r="SAF54" i="1" s="1"/>
  <c r="SAG54" i="1" s="1"/>
  <c r="SAH54" i="1" s="1"/>
  <c r="SAI54" i="1" s="1"/>
  <c r="SAJ54" i="1" s="1"/>
  <c r="SAK54" i="1" s="1"/>
  <c r="SAL54" i="1" s="1"/>
  <c r="SAM54" i="1" s="1"/>
  <c r="SAN54" i="1" s="1"/>
  <c r="SAO54" i="1" s="1"/>
  <c r="SAP54" i="1" s="1"/>
  <c r="SAQ54" i="1" s="1"/>
  <c r="SAR54" i="1" s="1"/>
  <c r="SAS54" i="1" s="1"/>
  <c r="SAT54" i="1" s="1"/>
  <c r="SAU54" i="1" s="1"/>
  <c r="SAV54" i="1" s="1"/>
  <c r="SAW54" i="1" s="1"/>
  <c r="SAX54" i="1" s="1"/>
  <c r="SAY54" i="1" s="1"/>
  <c r="SAZ54" i="1" s="1"/>
  <c r="SBA54" i="1" s="1"/>
  <c r="SBB54" i="1" s="1"/>
  <c r="SBC54" i="1" s="1"/>
  <c r="SBD54" i="1" s="1"/>
  <c r="SBE54" i="1" s="1"/>
  <c r="SBF54" i="1" s="1"/>
  <c r="SBG54" i="1" s="1"/>
  <c r="SBH54" i="1" s="1"/>
  <c r="SBI54" i="1" s="1"/>
  <c r="SBJ54" i="1" s="1"/>
  <c r="SBK54" i="1" s="1"/>
  <c r="SBL54" i="1" s="1"/>
  <c r="SBM54" i="1" s="1"/>
  <c r="SBN54" i="1" s="1"/>
  <c r="SBO54" i="1" s="1"/>
  <c r="SBP54" i="1" s="1"/>
  <c r="SBQ54" i="1" s="1"/>
  <c r="SBR54" i="1" s="1"/>
  <c r="SBS54" i="1" s="1"/>
  <c r="SBT54" i="1" s="1"/>
  <c r="SBU54" i="1" s="1"/>
  <c r="SBV54" i="1" s="1"/>
  <c r="SBW54" i="1" s="1"/>
  <c r="SBX54" i="1" s="1"/>
  <c r="SBY54" i="1" s="1"/>
  <c r="SBZ54" i="1" s="1"/>
  <c r="SCA54" i="1" s="1"/>
  <c r="SCB54" i="1" s="1"/>
  <c r="SCC54" i="1" s="1"/>
  <c r="SCD54" i="1" s="1"/>
  <c r="SCE54" i="1" s="1"/>
  <c r="SCF54" i="1" s="1"/>
  <c r="SCG54" i="1" s="1"/>
  <c r="SCH54" i="1" s="1"/>
  <c r="SCI54" i="1" s="1"/>
  <c r="SCJ54" i="1" s="1"/>
  <c r="SCK54" i="1" s="1"/>
  <c r="SCL54" i="1" s="1"/>
  <c r="SCM54" i="1" s="1"/>
  <c r="SCN54" i="1" s="1"/>
  <c r="SCO54" i="1" s="1"/>
  <c r="SCP54" i="1" s="1"/>
  <c r="SCQ54" i="1" s="1"/>
  <c r="SCR54" i="1" s="1"/>
  <c r="SCS54" i="1" s="1"/>
  <c r="SCT54" i="1" s="1"/>
  <c r="SCU54" i="1" s="1"/>
  <c r="SCV54" i="1" s="1"/>
  <c r="SCW54" i="1" s="1"/>
  <c r="SCX54" i="1" s="1"/>
  <c r="SCY54" i="1" s="1"/>
  <c r="SCZ54" i="1" s="1"/>
  <c r="SDA54" i="1" s="1"/>
  <c r="SDB54" i="1" s="1"/>
  <c r="SDC54" i="1" s="1"/>
  <c r="SDD54" i="1" s="1"/>
  <c r="SDE54" i="1" s="1"/>
  <c r="SDF54" i="1" s="1"/>
  <c r="SDG54" i="1" s="1"/>
  <c r="SDH54" i="1" s="1"/>
  <c r="SDI54" i="1" s="1"/>
  <c r="SDJ54" i="1" s="1"/>
  <c r="SDK54" i="1" s="1"/>
  <c r="SDL54" i="1" s="1"/>
  <c r="SDM54" i="1" s="1"/>
  <c r="SDN54" i="1" s="1"/>
  <c r="SDO54" i="1" s="1"/>
  <c r="SDP54" i="1" s="1"/>
  <c r="SDQ54" i="1" s="1"/>
  <c r="SDR54" i="1" s="1"/>
  <c r="SDS54" i="1" s="1"/>
  <c r="SDT54" i="1" s="1"/>
  <c r="SDU54" i="1" s="1"/>
  <c r="SDV54" i="1" s="1"/>
  <c r="SDW54" i="1" s="1"/>
  <c r="SDX54" i="1" s="1"/>
  <c r="SDY54" i="1" s="1"/>
  <c r="SDZ54" i="1" s="1"/>
  <c r="SEA54" i="1" s="1"/>
  <c r="SEB54" i="1" s="1"/>
  <c r="SEC54" i="1" s="1"/>
  <c r="SED54" i="1" s="1"/>
  <c r="SEE54" i="1" s="1"/>
  <c r="SEF54" i="1" s="1"/>
  <c r="SEG54" i="1" s="1"/>
  <c r="SEH54" i="1" s="1"/>
  <c r="SEI54" i="1" s="1"/>
  <c r="SEJ54" i="1" s="1"/>
  <c r="SEK54" i="1" s="1"/>
  <c r="SEL54" i="1" s="1"/>
  <c r="SEM54" i="1" s="1"/>
  <c r="SEN54" i="1" s="1"/>
  <c r="SEO54" i="1" s="1"/>
  <c r="SEP54" i="1" s="1"/>
  <c r="SEQ54" i="1" s="1"/>
  <c r="SER54" i="1" s="1"/>
  <c r="SES54" i="1" s="1"/>
  <c r="SET54" i="1" s="1"/>
  <c r="SEU54" i="1" s="1"/>
  <c r="SEV54" i="1" s="1"/>
  <c r="SEW54" i="1" s="1"/>
  <c r="SEX54" i="1" s="1"/>
  <c r="SEY54" i="1" s="1"/>
  <c r="SEZ54" i="1" s="1"/>
  <c r="SFA54" i="1" s="1"/>
  <c r="SFB54" i="1" s="1"/>
  <c r="SFC54" i="1" s="1"/>
  <c r="SFD54" i="1" s="1"/>
  <c r="SFE54" i="1" s="1"/>
  <c r="SFF54" i="1" s="1"/>
  <c r="SFG54" i="1" s="1"/>
  <c r="SFH54" i="1" s="1"/>
  <c r="SFI54" i="1" s="1"/>
  <c r="SFJ54" i="1" s="1"/>
  <c r="SFK54" i="1" s="1"/>
  <c r="SFL54" i="1" s="1"/>
  <c r="SFM54" i="1" s="1"/>
  <c r="SFN54" i="1" s="1"/>
  <c r="SFO54" i="1" s="1"/>
  <c r="SFP54" i="1" s="1"/>
  <c r="SFQ54" i="1" s="1"/>
  <c r="SFR54" i="1" s="1"/>
  <c r="SFS54" i="1" s="1"/>
  <c r="SFT54" i="1" s="1"/>
  <c r="SFU54" i="1" s="1"/>
  <c r="SFV54" i="1" s="1"/>
  <c r="SFW54" i="1" s="1"/>
  <c r="SFX54" i="1" s="1"/>
  <c r="SFY54" i="1" s="1"/>
  <c r="SFZ54" i="1" s="1"/>
  <c r="SGA54" i="1" s="1"/>
  <c r="SGB54" i="1" s="1"/>
  <c r="SGC54" i="1" s="1"/>
  <c r="SGD54" i="1" s="1"/>
  <c r="SGE54" i="1" s="1"/>
  <c r="SGF54" i="1" s="1"/>
  <c r="SGG54" i="1" s="1"/>
  <c r="SGH54" i="1" s="1"/>
  <c r="SGI54" i="1" s="1"/>
  <c r="SGJ54" i="1" s="1"/>
  <c r="SGK54" i="1" s="1"/>
  <c r="SGL54" i="1" s="1"/>
  <c r="SGM54" i="1" s="1"/>
  <c r="SGN54" i="1" s="1"/>
  <c r="SGO54" i="1" s="1"/>
  <c r="SGP54" i="1" s="1"/>
  <c r="SGQ54" i="1" s="1"/>
  <c r="SGR54" i="1" s="1"/>
  <c r="SGS54" i="1" s="1"/>
  <c r="SGT54" i="1" s="1"/>
  <c r="SGU54" i="1" s="1"/>
  <c r="SGV54" i="1" s="1"/>
  <c r="SGW54" i="1" s="1"/>
  <c r="SGX54" i="1" s="1"/>
  <c r="SGY54" i="1" s="1"/>
  <c r="SGZ54" i="1" s="1"/>
  <c r="SHA54" i="1" s="1"/>
  <c r="SHB54" i="1" s="1"/>
  <c r="SHC54" i="1" s="1"/>
  <c r="SHD54" i="1" s="1"/>
  <c r="SHE54" i="1" s="1"/>
  <c r="SHF54" i="1" s="1"/>
  <c r="SHG54" i="1" s="1"/>
  <c r="SHH54" i="1" s="1"/>
  <c r="SHI54" i="1" s="1"/>
  <c r="SHJ54" i="1" s="1"/>
  <c r="SHK54" i="1" s="1"/>
  <c r="SHL54" i="1" s="1"/>
  <c r="SHM54" i="1" s="1"/>
  <c r="SHN54" i="1" s="1"/>
  <c r="SHO54" i="1" s="1"/>
  <c r="SHP54" i="1" s="1"/>
  <c r="SHQ54" i="1" s="1"/>
  <c r="SHR54" i="1" s="1"/>
  <c r="SHS54" i="1" s="1"/>
  <c r="SHT54" i="1" s="1"/>
  <c r="SHU54" i="1" s="1"/>
  <c r="SHV54" i="1" s="1"/>
  <c r="SHW54" i="1" s="1"/>
  <c r="SHX54" i="1" s="1"/>
  <c r="SHY54" i="1" s="1"/>
  <c r="SHZ54" i="1" s="1"/>
  <c r="SIA54" i="1" s="1"/>
  <c r="SIB54" i="1" s="1"/>
  <c r="SIC54" i="1" s="1"/>
  <c r="SID54" i="1" s="1"/>
  <c r="SIE54" i="1" s="1"/>
  <c r="SIF54" i="1" s="1"/>
  <c r="SIG54" i="1" s="1"/>
  <c r="SIH54" i="1" s="1"/>
  <c r="SII54" i="1" s="1"/>
  <c r="SIJ54" i="1" s="1"/>
  <c r="SIK54" i="1" s="1"/>
  <c r="SIL54" i="1" s="1"/>
  <c r="SIM54" i="1" s="1"/>
  <c r="SIN54" i="1" s="1"/>
  <c r="SIO54" i="1" s="1"/>
  <c r="SIP54" i="1" s="1"/>
  <c r="SIQ54" i="1" s="1"/>
  <c r="SIR54" i="1" s="1"/>
  <c r="SIS54" i="1" s="1"/>
  <c r="SIT54" i="1" s="1"/>
  <c r="SIU54" i="1" s="1"/>
  <c r="SIV54" i="1" s="1"/>
  <c r="SIW54" i="1" s="1"/>
  <c r="SIX54" i="1" s="1"/>
  <c r="SIY54" i="1" s="1"/>
  <c r="SIZ54" i="1" s="1"/>
  <c r="SJA54" i="1" s="1"/>
  <c r="SJB54" i="1" s="1"/>
  <c r="SJC54" i="1" s="1"/>
  <c r="SJD54" i="1" s="1"/>
  <c r="SJE54" i="1" s="1"/>
  <c r="SJF54" i="1" s="1"/>
  <c r="SJG54" i="1" s="1"/>
  <c r="SJH54" i="1" s="1"/>
  <c r="SJI54" i="1" s="1"/>
  <c r="SJJ54" i="1" s="1"/>
  <c r="SJK54" i="1" s="1"/>
  <c r="SJL54" i="1" s="1"/>
  <c r="SJM54" i="1" s="1"/>
  <c r="SJN54" i="1" s="1"/>
  <c r="SJO54" i="1" s="1"/>
  <c r="SJP54" i="1" s="1"/>
  <c r="SJQ54" i="1" s="1"/>
  <c r="SJR54" i="1" s="1"/>
  <c r="SJS54" i="1" s="1"/>
  <c r="SJT54" i="1" s="1"/>
  <c r="SJU54" i="1" s="1"/>
  <c r="SJV54" i="1" s="1"/>
  <c r="SJW54" i="1" s="1"/>
  <c r="SJX54" i="1" s="1"/>
  <c r="SJY54" i="1" s="1"/>
  <c r="SJZ54" i="1" s="1"/>
  <c r="SKA54" i="1" s="1"/>
  <c r="SKB54" i="1" s="1"/>
  <c r="SKC54" i="1" s="1"/>
  <c r="SKD54" i="1" s="1"/>
  <c r="SKE54" i="1" s="1"/>
  <c r="SKF54" i="1" s="1"/>
  <c r="SKG54" i="1" s="1"/>
  <c r="SKH54" i="1" s="1"/>
  <c r="SKI54" i="1" s="1"/>
  <c r="SKJ54" i="1" s="1"/>
  <c r="SKK54" i="1" s="1"/>
  <c r="SKL54" i="1" s="1"/>
  <c r="SKM54" i="1" s="1"/>
  <c r="SKN54" i="1" s="1"/>
  <c r="SKO54" i="1" s="1"/>
  <c r="SKP54" i="1" s="1"/>
  <c r="SKQ54" i="1" s="1"/>
  <c r="SKR54" i="1" s="1"/>
  <c r="SKS54" i="1" s="1"/>
  <c r="SKT54" i="1" s="1"/>
  <c r="SKU54" i="1" s="1"/>
  <c r="SKV54" i="1" s="1"/>
  <c r="SKW54" i="1" s="1"/>
  <c r="SKX54" i="1" s="1"/>
  <c r="SKY54" i="1" s="1"/>
  <c r="SKZ54" i="1" s="1"/>
  <c r="SLA54" i="1" s="1"/>
  <c r="SLB54" i="1" s="1"/>
  <c r="SLC54" i="1" s="1"/>
  <c r="SLD54" i="1" s="1"/>
  <c r="SLE54" i="1" s="1"/>
  <c r="SLF54" i="1" s="1"/>
  <c r="SLG54" i="1" s="1"/>
  <c r="SLH54" i="1" s="1"/>
  <c r="SLI54" i="1" s="1"/>
  <c r="SLJ54" i="1" s="1"/>
  <c r="SLK54" i="1" s="1"/>
  <c r="SLL54" i="1" s="1"/>
  <c r="SLM54" i="1" s="1"/>
  <c r="SLN54" i="1" s="1"/>
  <c r="SLO54" i="1" s="1"/>
  <c r="SLP54" i="1" s="1"/>
  <c r="SLQ54" i="1" s="1"/>
  <c r="SLR54" i="1" s="1"/>
  <c r="SLS54" i="1" s="1"/>
  <c r="SLT54" i="1" s="1"/>
  <c r="SLU54" i="1" s="1"/>
  <c r="SLV54" i="1" s="1"/>
  <c r="SLW54" i="1" s="1"/>
  <c r="SLX54" i="1" s="1"/>
  <c r="SLY54" i="1" s="1"/>
  <c r="SLZ54" i="1" s="1"/>
  <c r="SMA54" i="1" s="1"/>
  <c r="SMB54" i="1" s="1"/>
  <c r="SMC54" i="1" s="1"/>
  <c r="SMD54" i="1" s="1"/>
  <c r="SME54" i="1" s="1"/>
  <c r="SMF54" i="1" s="1"/>
  <c r="SMG54" i="1" s="1"/>
  <c r="SMH54" i="1" s="1"/>
  <c r="SMI54" i="1" s="1"/>
  <c r="SMJ54" i="1" s="1"/>
  <c r="SMK54" i="1" s="1"/>
  <c r="SML54" i="1" s="1"/>
  <c r="SMM54" i="1" s="1"/>
  <c r="SMN54" i="1" s="1"/>
  <c r="SMO54" i="1" s="1"/>
  <c r="SMP54" i="1" s="1"/>
  <c r="SMQ54" i="1" s="1"/>
  <c r="SMR54" i="1" s="1"/>
  <c r="SMS54" i="1" s="1"/>
  <c r="SMT54" i="1" s="1"/>
  <c r="SMU54" i="1" s="1"/>
  <c r="SMV54" i="1" s="1"/>
  <c r="SMW54" i="1" s="1"/>
  <c r="SMX54" i="1" s="1"/>
  <c r="SMY54" i="1" s="1"/>
  <c r="SMZ54" i="1" s="1"/>
  <c r="SNA54" i="1" s="1"/>
  <c r="SNB54" i="1" s="1"/>
  <c r="SNC54" i="1" s="1"/>
  <c r="SND54" i="1" s="1"/>
  <c r="SNE54" i="1" s="1"/>
  <c r="SNF54" i="1" s="1"/>
  <c r="SNG54" i="1" s="1"/>
  <c r="SNH54" i="1" s="1"/>
  <c r="SNI54" i="1" s="1"/>
  <c r="SNJ54" i="1" s="1"/>
  <c r="SNK54" i="1" s="1"/>
  <c r="SNL54" i="1" s="1"/>
  <c r="SNM54" i="1" s="1"/>
  <c r="SNN54" i="1" s="1"/>
  <c r="SNO54" i="1" s="1"/>
  <c r="SNP54" i="1" s="1"/>
  <c r="SNQ54" i="1" s="1"/>
  <c r="SNR54" i="1" s="1"/>
  <c r="SNS54" i="1" s="1"/>
  <c r="SNT54" i="1" s="1"/>
  <c r="SNU54" i="1" s="1"/>
  <c r="SNV54" i="1" s="1"/>
  <c r="SNW54" i="1" s="1"/>
  <c r="SNX54" i="1" s="1"/>
  <c r="SNY54" i="1" s="1"/>
  <c r="SNZ54" i="1" s="1"/>
  <c r="SOA54" i="1" s="1"/>
  <c r="SOB54" i="1" s="1"/>
  <c r="SOC54" i="1" s="1"/>
  <c r="SOD54" i="1" s="1"/>
  <c r="SOE54" i="1" s="1"/>
  <c r="SOF54" i="1" s="1"/>
  <c r="SOG54" i="1" s="1"/>
  <c r="SOH54" i="1" s="1"/>
  <c r="SOI54" i="1" s="1"/>
  <c r="SOJ54" i="1" s="1"/>
  <c r="SOK54" i="1" s="1"/>
  <c r="SOL54" i="1" s="1"/>
  <c r="SOM54" i="1" s="1"/>
  <c r="SON54" i="1" s="1"/>
  <c r="SOO54" i="1" s="1"/>
  <c r="SOP54" i="1" s="1"/>
  <c r="SOQ54" i="1" s="1"/>
  <c r="SOR54" i="1" s="1"/>
  <c r="SOS54" i="1" s="1"/>
  <c r="SOT54" i="1" s="1"/>
  <c r="SOU54" i="1" s="1"/>
  <c r="SOV54" i="1" s="1"/>
  <c r="SOW54" i="1" s="1"/>
  <c r="SOX54" i="1" s="1"/>
  <c r="SOY54" i="1" s="1"/>
  <c r="SOZ54" i="1" s="1"/>
  <c r="SPA54" i="1" s="1"/>
  <c r="SPB54" i="1" s="1"/>
  <c r="SPC54" i="1" s="1"/>
  <c r="SPD54" i="1" s="1"/>
  <c r="SPE54" i="1" s="1"/>
  <c r="SPF54" i="1" s="1"/>
  <c r="SPG54" i="1" s="1"/>
  <c r="SPH54" i="1" s="1"/>
  <c r="SPI54" i="1" s="1"/>
  <c r="SPJ54" i="1" s="1"/>
  <c r="SPK54" i="1" s="1"/>
  <c r="SPL54" i="1" s="1"/>
  <c r="SPM54" i="1" s="1"/>
  <c r="SPN54" i="1" s="1"/>
  <c r="SPO54" i="1" s="1"/>
  <c r="SPP54" i="1" s="1"/>
  <c r="SPQ54" i="1" s="1"/>
  <c r="SPR54" i="1" s="1"/>
  <c r="SPS54" i="1" s="1"/>
  <c r="SPT54" i="1" s="1"/>
  <c r="SPU54" i="1" s="1"/>
  <c r="SPV54" i="1" s="1"/>
  <c r="SPW54" i="1" s="1"/>
  <c r="SPX54" i="1" s="1"/>
  <c r="SPY54" i="1" s="1"/>
  <c r="SPZ54" i="1" s="1"/>
  <c r="SQA54" i="1" s="1"/>
  <c r="SQB54" i="1" s="1"/>
  <c r="SQC54" i="1" s="1"/>
  <c r="SQD54" i="1" s="1"/>
  <c r="SQE54" i="1" s="1"/>
  <c r="SQF54" i="1" s="1"/>
  <c r="SQG54" i="1" s="1"/>
  <c r="SQH54" i="1" s="1"/>
  <c r="SQI54" i="1" s="1"/>
  <c r="SQJ54" i="1" s="1"/>
  <c r="SQK54" i="1" s="1"/>
  <c r="SQL54" i="1" s="1"/>
  <c r="SQM54" i="1" s="1"/>
  <c r="SQN54" i="1" s="1"/>
  <c r="SQO54" i="1" s="1"/>
  <c r="SQP54" i="1" s="1"/>
  <c r="SQQ54" i="1" s="1"/>
  <c r="SQR54" i="1" s="1"/>
  <c r="SQS54" i="1" s="1"/>
  <c r="SQT54" i="1" s="1"/>
  <c r="SQU54" i="1" s="1"/>
  <c r="SQV54" i="1" s="1"/>
  <c r="SQW54" i="1" s="1"/>
  <c r="SQX54" i="1" s="1"/>
  <c r="SQY54" i="1" s="1"/>
  <c r="SQZ54" i="1" s="1"/>
  <c r="SRA54" i="1" s="1"/>
  <c r="SRB54" i="1" s="1"/>
  <c r="SRC54" i="1" s="1"/>
  <c r="SRD54" i="1" s="1"/>
  <c r="SRE54" i="1" s="1"/>
  <c r="SRF54" i="1" s="1"/>
  <c r="SRG54" i="1" s="1"/>
  <c r="SRH54" i="1" s="1"/>
  <c r="SRI54" i="1" s="1"/>
  <c r="SRJ54" i="1" s="1"/>
  <c r="SRK54" i="1" s="1"/>
  <c r="SRL54" i="1" s="1"/>
  <c r="SRM54" i="1" s="1"/>
  <c r="SRN54" i="1" s="1"/>
  <c r="SRO54" i="1" s="1"/>
  <c r="SRP54" i="1" s="1"/>
  <c r="SRQ54" i="1" s="1"/>
  <c r="SRR54" i="1" s="1"/>
  <c r="SRS54" i="1" s="1"/>
  <c r="SRT54" i="1" s="1"/>
  <c r="SRU54" i="1" s="1"/>
  <c r="SRV54" i="1" s="1"/>
  <c r="SRW54" i="1" s="1"/>
  <c r="SRX54" i="1" s="1"/>
  <c r="SRY54" i="1" s="1"/>
  <c r="SRZ54" i="1" s="1"/>
  <c r="SSA54" i="1" s="1"/>
  <c r="SSB54" i="1" s="1"/>
  <c r="SSC54" i="1" s="1"/>
  <c r="SSD54" i="1" s="1"/>
  <c r="SSE54" i="1" s="1"/>
  <c r="SSF54" i="1" s="1"/>
  <c r="SSG54" i="1" s="1"/>
  <c r="SSH54" i="1" s="1"/>
  <c r="SSI54" i="1" s="1"/>
  <c r="SSJ54" i="1" s="1"/>
  <c r="SSK54" i="1" s="1"/>
  <c r="SSL54" i="1" s="1"/>
  <c r="SSM54" i="1" s="1"/>
  <c r="SSN54" i="1" s="1"/>
  <c r="SSO54" i="1" s="1"/>
  <c r="SSP54" i="1" s="1"/>
  <c r="SSQ54" i="1" s="1"/>
  <c r="SSR54" i="1" s="1"/>
  <c r="SSS54" i="1" s="1"/>
  <c r="SST54" i="1" s="1"/>
  <c r="SSU54" i="1" s="1"/>
  <c r="SSV54" i="1" s="1"/>
  <c r="SSW54" i="1" s="1"/>
  <c r="SSX54" i="1" s="1"/>
  <c r="SSY54" i="1" s="1"/>
  <c r="SSZ54" i="1" s="1"/>
  <c r="STA54" i="1" s="1"/>
  <c r="STB54" i="1" s="1"/>
  <c r="STC54" i="1" s="1"/>
  <c r="STD54" i="1" s="1"/>
  <c r="STE54" i="1" s="1"/>
  <c r="STF54" i="1" s="1"/>
  <c r="STG54" i="1" s="1"/>
  <c r="STH54" i="1" s="1"/>
  <c r="STI54" i="1" s="1"/>
  <c r="STJ54" i="1" s="1"/>
  <c r="STK54" i="1" s="1"/>
  <c r="STL54" i="1" s="1"/>
  <c r="STM54" i="1" s="1"/>
  <c r="STN54" i="1" s="1"/>
  <c r="STO54" i="1" s="1"/>
  <c r="STP54" i="1" s="1"/>
  <c r="STQ54" i="1" s="1"/>
  <c r="STR54" i="1" s="1"/>
  <c r="STS54" i="1" s="1"/>
  <c r="STT54" i="1" s="1"/>
  <c r="STU54" i="1" s="1"/>
  <c r="STV54" i="1" s="1"/>
  <c r="STW54" i="1" s="1"/>
  <c r="STX54" i="1" s="1"/>
  <c r="STY54" i="1" s="1"/>
  <c r="STZ54" i="1" s="1"/>
  <c r="SUA54" i="1" s="1"/>
  <c r="SUB54" i="1" s="1"/>
  <c r="SUC54" i="1" s="1"/>
  <c r="SUD54" i="1" s="1"/>
  <c r="SUE54" i="1" s="1"/>
  <c r="SUF54" i="1" s="1"/>
  <c r="SUG54" i="1" s="1"/>
  <c r="SUH54" i="1" s="1"/>
  <c r="SUI54" i="1" s="1"/>
  <c r="SUJ54" i="1" s="1"/>
  <c r="SUK54" i="1" s="1"/>
  <c r="SUL54" i="1" s="1"/>
  <c r="SUM54" i="1" s="1"/>
  <c r="SUN54" i="1" s="1"/>
  <c r="SUO54" i="1" s="1"/>
  <c r="SUP54" i="1" s="1"/>
  <c r="SUQ54" i="1" s="1"/>
  <c r="SUR54" i="1" s="1"/>
  <c r="SUS54" i="1" s="1"/>
  <c r="SUT54" i="1" s="1"/>
  <c r="SUU54" i="1" s="1"/>
  <c r="SUV54" i="1" s="1"/>
  <c r="SUW54" i="1" s="1"/>
  <c r="SUX54" i="1" s="1"/>
  <c r="SUY54" i="1" s="1"/>
  <c r="SUZ54" i="1" s="1"/>
  <c r="SVA54" i="1" s="1"/>
  <c r="SVB54" i="1" s="1"/>
  <c r="SVC54" i="1" s="1"/>
  <c r="SVD54" i="1" s="1"/>
  <c r="SVE54" i="1" s="1"/>
  <c r="SVF54" i="1" s="1"/>
  <c r="SVG54" i="1" s="1"/>
  <c r="SVH54" i="1" s="1"/>
  <c r="SVI54" i="1" s="1"/>
  <c r="SVJ54" i="1" s="1"/>
  <c r="SVK54" i="1" s="1"/>
  <c r="SVL54" i="1" s="1"/>
  <c r="SVM54" i="1" s="1"/>
  <c r="SVN54" i="1" s="1"/>
  <c r="SVO54" i="1" s="1"/>
  <c r="SVP54" i="1" s="1"/>
  <c r="SVQ54" i="1" s="1"/>
  <c r="SVR54" i="1" s="1"/>
  <c r="SVS54" i="1" s="1"/>
  <c r="SVT54" i="1" s="1"/>
  <c r="SVU54" i="1" s="1"/>
  <c r="SVV54" i="1" s="1"/>
  <c r="SVW54" i="1" s="1"/>
  <c r="SVX54" i="1" s="1"/>
  <c r="SVY54" i="1" s="1"/>
  <c r="SVZ54" i="1" s="1"/>
  <c r="SWA54" i="1" s="1"/>
  <c r="SWB54" i="1" s="1"/>
  <c r="SWC54" i="1" s="1"/>
  <c r="SWD54" i="1" s="1"/>
  <c r="SWE54" i="1" s="1"/>
  <c r="SWF54" i="1" s="1"/>
  <c r="SWG54" i="1" s="1"/>
  <c r="SWH54" i="1" s="1"/>
  <c r="SWI54" i="1" s="1"/>
  <c r="SWJ54" i="1" s="1"/>
  <c r="SWK54" i="1" s="1"/>
  <c r="SWL54" i="1" s="1"/>
  <c r="SWM54" i="1" s="1"/>
  <c r="SWN54" i="1" s="1"/>
  <c r="SWO54" i="1" s="1"/>
  <c r="SWP54" i="1" s="1"/>
  <c r="SWQ54" i="1" s="1"/>
  <c r="SWR54" i="1" s="1"/>
  <c r="SWS54" i="1" s="1"/>
  <c r="SWT54" i="1" s="1"/>
  <c r="SWU54" i="1" s="1"/>
  <c r="SWV54" i="1" s="1"/>
  <c r="SWW54" i="1" s="1"/>
  <c r="SWX54" i="1" s="1"/>
  <c r="SWY54" i="1" s="1"/>
  <c r="SWZ54" i="1" s="1"/>
  <c r="SXA54" i="1" s="1"/>
  <c r="SXB54" i="1" s="1"/>
  <c r="SXC54" i="1" s="1"/>
  <c r="SXD54" i="1" s="1"/>
  <c r="SXE54" i="1" s="1"/>
  <c r="SXF54" i="1" s="1"/>
  <c r="SXG54" i="1" s="1"/>
  <c r="SXH54" i="1" s="1"/>
  <c r="SXI54" i="1" s="1"/>
  <c r="SXJ54" i="1" s="1"/>
  <c r="SXK54" i="1" s="1"/>
  <c r="SXL54" i="1" s="1"/>
  <c r="SXM54" i="1" s="1"/>
  <c r="SXN54" i="1" s="1"/>
  <c r="SXO54" i="1" s="1"/>
  <c r="SXP54" i="1" s="1"/>
  <c r="SXQ54" i="1" s="1"/>
  <c r="SXR54" i="1" s="1"/>
  <c r="SXS54" i="1" s="1"/>
  <c r="SXT54" i="1" s="1"/>
  <c r="SXU54" i="1" s="1"/>
  <c r="SXV54" i="1" s="1"/>
  <c r="SXW54" i="1" s="1"/>
  <c r="SXX54" i="1" s="1"/>
  <c r="SXY54" i="1" s="1"/>
  <c r="SXZ54" i="1" s="1"/>
  <c r="SYA54" i="1" s="1"/>
  <c r="SYB54" i="1" s="1"/>
  <c r="SYC54" i="1" s="1"/>
  <c r="SYD54" i="1" s="1"/>
  <c r="SYE54" i="1" s="1"/>
  <c r="SYF54" i="1" s="1"/>
  <c r="SYG54" i="1" s="1"/>
  <c r="SYH54" i="1" s="1"/>
  <c r="SYI54" i="1" s="1"/>
  <c r="SYJ54" i="1" s="1"/>
  <c r="SYK54" i="1" s="1"/>
  <c r="SYL54" i="1" s="1"/>
  <c r="SYM54" i="1" s="1"/>
  <c r="SYN54" i="1" s="1"/>
  <c r="SYO54" i="1" s="1"/>
  <c r="SYP54" i="1" s="1"/>
  <c r="SYQ54" i="1" s="1"/>
  <c r="SYR54" i="1" s="1"/>
  <c r="SYS54" i="1" s="1"/>
  <c r="SYT54" i="1" s="1"/>
  <c r="SYU54" i="1" s="1"/>
  <c r="SYV54" i="1" s="1"/>
  <c r="SYW54" i="1" s="1"/>
  <c r="SYX54" i="1" s="1"/>
  <c r="SYY54" i="1" s="1"/>
  <c r="SYZ54" i="1" s="1"/>
  <c r="SZA54" i="1" s="1"/>
  <c r="SZB54" i="1" s="1"/>
  <c r="SZC54" i="1" s="1"/>
  <c r="SZD54" i="1" s="1"/>
  <c r="SZE54" i="1" s="1"/>
  <c r="SZF54" i="1" s="1"/>
  <c r="SZG54" i="1" s="1"/>
  <c r="SZH54" i="1" s="1"/>
  <c r="SZI54" i="1" s="1"/>
  <c r="SZJ54" i="1" s="1"/>
  <c r="SZK54" i="1" s="1"/>
  <c r="SZL54" i="1" s="1"/>
  <c r="SZM54" i="1" s="1"/>
  <c r="SZN54" i="1" s="1"/>
  <c r="SZO54" i="1" s="1"/>
  <c r="SZP54" i="1" s="1"/>
  <c r="SZQ54" i="1" s="1"/>
  <c r="SZR54" i="1" s="1"/>
  <c r="SZS54" i="1" s="1"/>
  <c r="SZT54" i="1" s="1"/>
  <c r="SZU54" i="1" s="1"/>
  <c r="SZV54" i="1" s="1"/>
  <c r="SZW54" i="1" s="1"/>
  <c r="SZX54" i="1" s="1"/>
  <c r="SZY54" i="1" s="1"/>
  <c r="SZZ54" i="1" s="1"/>
  <c r="TAA54" i="1" s="1"/>
  <c r="TAB54" i="1" s="1"/>
  <c r="TAC54" i="1" s="1"/>
  <c r="TAD54" i="1" s="1"/>
  <c r="TAE54" i="1" s="1"/>
  <c r="TAF54" i="1" s="1"/>
  <c r="TAG54" i="1" s="1"/>
  <c r="TAH54" i="1" s="1"/>
  <c r="TAI54" i="1" s="1"/>
  <c r="TAJ54" i="1" s="1"/>
  <c r="TAK54" i="1" s="1"/>
  <c r="TAL54" i="1" s="1"/>
  <c r="TAM54" i="1" s="1"/>
  <c r="TAN54" i="1" s="1"/>
  <c r="TAO54" i="1" s="1"/>
  <c r="TAP54" i="1" s="1"/>
  <c r="TAQ54" i="1" s="1"/>
  <c r="TAR54" i="1" s="1"/>
  <c r="TAS54" i="1" s="1"/>
  <c r="TAT54" i="1" s="1"/>
  <c r="TAU54" i="1" s="1"/>
  <c r="TAV54" i="1" s="1"/>
  <c r="TAW54" i="1" s="1"/>
  <c r="TAX54" i="1" s="1"/>
  <c r="TAY54" i="1" s="1"/>
  <c r="TAZ54" i="1" s="1"/>
  <c r="TBA54" i="1" s="1"/>
  <c r="TBB54" i="1" s="1"/>
  <c r="TBC54" i="1" s="1"/>
  <c r="TBD54" i="1" s="1"/>
  <c r="TBE54" i="1" s="1"/>
  <c r="TBF54" i="1" s="1"/>
  <c r="TBG54" i="1" s="1"/>
  <c r="TBH54" i="1" s="1"/>
  <c r="TBI54" i="1" s="1"/>
  <c r="TBJ54" i="1" s="1"/>
  <c r="TBK54" i="1" s="1"/>
  <c r="TBL54" i="1" s="1"/>
  <c r="TBM54" i="1" s="1"/>
  <c r="TBN54" i="1" s="1"/>
  <c r="TBO54" i="1" s="1"/>
  <c r="TBP54" i="1" s="1"/>
  <c r="TBQ54" i="1" s="1"/>
  <c r="TBR54" i="1" s="1"/>
  <c r="TBS54" i="1" s="1"/>
  <c r="TBT54" i="1" s="1"/>
  <c r="TBU54" i="1" s="1"/>
  <c r="TBV54" i="1" s="1"/>
  <c r="TBW54" i="1" s="1"/>
  <c r="TBX54" i="1" s="1"/>
  <c r="TBY54" i="1" s="1"/>
  <c r="TBZ54" i="1" s="1"/>
  <c r="TCA54" i="1" s="1"/>
  <c r="TCB54" i="1" s="1"/>
  <c r="TCC54" i="1" s="1"/>
  <c r="TCD54" i="1" s="1"/>
  <c r="TCE54" i="1" s="1"/>
  <c r="TCF54" i="1" s="1"/>
  <c r="TCG54" i="1" s="1"/>
  <c r="TCH54" i="1" s="1"/>
  <c r="TCI54" i="1" s="1"/>
  <c r="TCJ54" i="1" s="1"/>
  <c r="TCK54" i="1" s="1"/>
  <c r="TCL54" i="1" s="1"/>
  <c r="TCM54" i="1" s="1"/>
  <c r="TCN54" i="1" s="1"/>
  <c r="TCO54" i="1" s="1"/>
  <c r="TCP54" i="1" s="1"/>
  <c r="TCQ54" i="1" s="1"/>
  <c r="TCR54" i="1" s="1"/>
  <c r="TCS54" i="1" s="1"/>
  <c r="TCT54" i="1" s="1"/>
  <c r="TCU54" i="1" s="1"/>
  <c r="TCV54" i="1" s="1"/>
  <c r="TCW54" i="1" s="1"/>
  <c r="TCX54" i="1" s="1"/>
  <c r="TCY54" i="1" s="1"/>
  <c r="TCZ54" i="1" s="1"/>
  <c r="TDA54" i="1" s="1"/>
  <c r="TDB54" i="1" s="1"/>
  <c r="TDC54" i="1" s="1"/>
  <c r="TDD54" i="1" s="1"/>
  <c r="TDE54" i="1" s="1"/>
  <c r="TDF54" i="1" s="1"/>
  <c r="TDG54" i="1" s="1"/>
  <c r="TDH54" i="1" s="1"/>
  <c r="TDI54" i="1" s="1"/>
  <c r="TDJ54" i="1" s="1"/>
  <c r="TDK54" i="1" s="1"/>
  <c r="TDL54" i="1" s="1"/>
  <c r="TDM54" i="1" s="1"/>
  <c r="TDN54" i="1" s="1"/>
  <c r="TDO54" i="1" s="1"/>
  <c r="TDP54" i="1" s="1"/>
  <c r="TDQ54" i="1" s="1"/>
  <c r="TDR54" i="1" s="1"/>
  <c r="TDS54" i="1" s="1"/>
  <c r="TDT54" i="1" s="1"/>
  <c r="TDU54" i="1" s="1"/>
  <c r="TDV54" i="1" s="1"/>
  <c r="TDW54" i="1" s="1"/>
  <c r="TDX54" i="1" s="1"/>
  <c r="TDY54" i="1" s="1"/>
  <c r="TDZ54" i="1" s="1"/>
  <c r="TEA54" i="1" s="1"/>
  <c r="TEB54" i="1" s="1"/>
  <c r="TEC54" i="1" s="1"/>
  <c r="TED54" i="1" s="1"/>
  <c r="TEE54" i="1" s="1"/>
  <c r="TEF54" i="1" s="1"/>
  <c r="TEG54" i="1" s="1"/>
  <c r="TEH54" i="1" s="1"/>
  <c r="TEI54" i="1" s="1"/>
  <c r="TEJ54" i="1" s="1"/>
  <c r="TEK54" i="1" s="1"/>
  <c r="TEL54" i="1" s="1"/>
  <c r="TEM54" i="1" s="1"/>
  <c r="TEN54" i="1" s="1"/>
  <c r="TEO54" i="1" s="1"/>
  <c r="TEP54" i="1" s="1"/>
  <c r="TEQ54" i="1" s="1"/>
  <c r="TER54" i="1" s="1"/>
  <c r="TES54" i="1" s="1"/>
  <c r="TET54" i="1" s="1"/>
  <c r="TEU54" i="1" s="1"/>
  <c r="TEV54" i="1" s="1"/>
  <c r="TEW54" i="1" s="1"/>
  <c r="TEX54" i="1" s="1"/>
  <c r="TEY54" i="1" s="1"/>
  <c r="TEZ54" i="1" s="1"/>
  <c r="TFA54" i="1" s="1"/>
  <c r="TFB54" i="1" s="1"/>
  <c r="TFC54" i="1" s="1"/>
  <c r="TFD54" i="1" s="1"/>
  <c r="TFE54" i="1" s="1"/>
  <c r="TFF54" i="1" s="1"/>
  <c r="TFG54" i="1" s="1"/>
  <c r="TFH54" i="1" s="1"/>
  <c r="TFI54" i="1" s="1"/>
  <c r="TFJ54" i="1" s="1"/>
  <c r="TFK54" i="1" s="1"/>
  <c r="TFL54" i="1" s="1"/>
  <c r="TFM54" i="1" s="1"/>
  <c r="TFN54" i="1" s="1"/>
  <c r="TFO54" i="1" s="1"/>
  <c r="TFP54" i="1" s="1"/>
  <c r="TFQ54" i="1" s="1"/>
  <c r="TFR54" i="1" s="1"/>
  <c r="TFS54" i="1" s="1"/>
  <c r="TFT54" i="1" s="1"/>
  <c r="TFU54" i="1" s="1"/>
  <c r="TFV54" i="1" s="1"/>
  <c r="TFW54" i="1" s="1"/>
  <c r="TFX54" i="1" s="1"/>
  <c r="TFY54" i="1" s="1"/>
  <c r="TFZ54" i="1" s="1"/>
  <c r="TGA54" i="1" s="1"/>
  <c r="TGB54" i="1" s="1"/>
  <c r="TGC54" i="1" s="1"/>
  <c r="TGD54" i="1" s="1"/>
  <c r="TGE54" i="1" s="1"/>
  <c r="TGF54" i="1" s="1"/>
  <c r="TGG54" i="1" s="1"/>
  <c r="TGH54" i="1" s="1"/>
  <c r="TGI54" i="1" s="1"/>
  <c r="TGJ54" i="1" s="1"/>
  <c r="TGK54" i="1" s="1"/>
  <c r="TGL54" i="1" s="1"/>
  <c r="TGM54" i="1" s="1"/>
  <c r="TGN54" i="1" s="1"/>
  <c r="TGO54" i="1" s="1"/>
  <c r="TGP54" i="1" s="1"/>
  <c r="TGQ54" i="1" s="1"/>
  <c r="TGR54" i="1" s="1"/>
  <c r="TGS54" i="1" s="1"/>
  <c r="TGT54" i="1" s="1"/>
  <c r="TGU54" i="1" s="1"/>
  <c r="TGV54" i="1" s="1"/>
  <c r="TGW54" i="1" s="1"/>
  <c r="TGX54" i="1" s="1"/>
  <c r="TGY54" i="1" s="1"/>
  <c r="TGZ54" i="1" s="1"/>
  <c r="THA54" i="1" s="1"/>
  <c r="THB54" i="1" s="1"/>
  <c r="THC54" i="1" s="1"/>
  <c r="THD54" i="1" s="1"/>
  <c r="THE54" i="1" s="1"/>
  <c r="THF54" i="1" s="1"/>
  <c r="THG54" i="1" s="1"/>
  <c r="THH54" i="1" s="1"/>
  <c r="THI54" i="1" s="1"/>
  <c r="THJ54" i="1" s="1"/>
  <c r="THK54" i="1" s="1"/>
  <c r="THL54" i="1" s="1"/>
  <c r="THM54" i="1" s="1"/>
  <c r="THN54" i="1" s="1"/>
  <c r="THO54" i="1" s="1"/>
  <c r="THP54" i="1" s="1"/>
  <c r="THQ54" i="1" s="1"/>
  <c r="THR54" i="1" s="1"/>
  <c r="THS54" i="1" s="1"/>
  <c r="THT54" i="1" s="1"/>
  <c r="THU54" i="1" s="1"/>
  <c r="THV54" i="1" s="1"/>
  <c r="THW54" i="1" s="1"/>
  <c r="THX54" i="1" s="1"/>
  <c r="THY54" i="1" s="1"/>
  <c r="THZ54" i="1" s="1"/>
  <c r="TIA54" i="1" s="1"/>
  <c r="TIB54" i="1" s="1"/>
  <c r="TIC54" i="1" s="1"/>
  <c r="TID54" i="1" s="1"/>
  <c r="TIE54" i="1" s="1"/>
  <c r="TIF54" i="1" s="1"/>
  <c r="TIG54" i="1" s="1"/>
  <c r="TIH54" i="1" s="1"/>
  <c r="TII54" i="1" s="1"/>
  <c r="TIJ54" i="1" s="1"/>
  <c r="TIK54" i="1" s="1"/>
  <c r="TIL54" i="1" s="1"/>
  <c r="TIM54" i="1" s="1"/>
  <c r="TIN54" i="1" s="1"/>
  <c r="TIO54" i="1" s="1"/>
  <c r="TIP54" i="1" s="1"/>
  <c r="TIQ54" i="1" s="1"/>
  <c r="TIR54" i="1" s="1"/>
  <c r="TIS54" i="1" s="1"/>
  <c r="TIT54" i="1" s="1"/>
  <c r="TIU54" i="1" s="1"/>
  <c r="TIV54" i="1" s="1"/>
  <c r="TIW54" i="1" s="1"/>
  <c r="TIX54" i="1" s="1"/>
  <c r="TIY54" i="1" s="1"/>
  <c r="TIZ54" i="1" s="1"/>
  <c r="TJA54" i="1" s="1"/>
  <c r="TJB54" i="1" s="1"/>
  <c r="TJC54" i="1" s="1"/>
  <c r="TJD54" i="1" s="1"/>
  <c r="TJE54" i="1" s="1"/>
  <c r="TJF54" i="1" s="1"/>
  <c r="TJG54" i="1" s="1"/>
  <c r="TJH54" i="1" s="1"/>
  <c r="TJI54" i="1" s="1"/>
  <c r="TJJ54" i="1" s="1"/>
  <c r="TJK54" i="1" s="1"/>
  <c r="TJL54" i="1" s="1"/>
  <c r="TJM54" i="1" s="1"/>
  <c r="TJN54" i="1" s="1"/>
  <c r="TJO54" i="1" s="1"/>
  <c r="TJP54" i="1" s="1"/>
  <c r="TJQ54" i="1" s="1"/>
  <c r="TJR54" i="1" s="1"/>
  <c r="TJS54" i="1" s="1"/>
  <c r="TJT54" i="1" s="1"/>
  <c r="TJU54" i="1" s="1"/>
  <c r="TJV54" i="1" s="1"/>
  <c r="TJW54" i="1" s="1"/>
  <c r="TJX54" i="1" s="1"/>
  <c r="TJY54" i="1" s="1"/>
  <c r="TJZ54" i="1" s="1"/>
  <c r="TKA54" i="1" s="1"/>
  <c r="TKB54" i="1" s="1"/>
  <c r="TKC54" i="1" s="1"/>
  <c r="TKD54" i="1" s="1"/>
  <c r="TKE54" i="1" s="1"/>
  <c r="TKF54" i="1" s="1"/>
  <c r="TKG54" i="1" s="1"/>
  <c r="TKH54" i="1" s="1"/>
  <c r="TKI54" i="1" s="1"/>
  <c r="TKJ54" i="1" s="1"/>
  <c r="TKK54" i="1" s="1"/>
  <c r="TKL54" i="1" s="1"/>
  <c r="TKM54" i="1" s="1"/>
  <c r="TKN54" i="1" s="1"/>
  <c r="TKO54" i="1" s="1"/>
  <c r="TKP54" i="1" s="1"/>
  <c r="TKQ54" i="1" s="1"/>
  <c r="TKR54" i="1" s="1"/>
  <c r="TKS54" i="1" s="1"/>
  <c r="TKT54" i="1" s="1"/>
  <c r="TKU54" i="1" s="1"/>
  <c r="TKV54" i="1" s="1"/>
  <c r="TKW54" i="1" s="1"/>
  <c r="TKX54" i="1" s="1"/>
  <c r="TKY54" i="1" s="1"/>
  <c r="TKZ54" i="1" s="1"/>
  <c r="TLA54" i="1" s="1"/>
  <c r="TLB54" i="1" s="1"/>
  <c r="TLC54" i="1" s="1"/>
  <c r="TLD54" i="1" s="1"/>
  <c r="TLE54" i="1" s="1"/>
  <c r="TLF54" i="1" s="1"/>
  <c r="TLG54" i="1" s="1"/>
  <c r="TLH54" i="1" s="1"/>
  <c r="TLI54" i="1" s="1"/>
  <c r="TLJ54" i="1" s="1"/>
  <c r="TLK54" i="1" s="1"/>
  <c r="TLL54" i="1" s="1"/>
  <c r="TLM54" i="1" s="1"/>
  <c r="TLN54" i="1" s="1"/>
  <c r="TLO54" i="1" s="1"/>
  <c r="TLP54" i="1" s="1"/>
  <c r="TLQ54" i="1" s="1"/>
  <c r="TLR54" i="1" s="1"/>
  <c r="TLS54" i="1" s="1"/>
  <c r="TLT54" i="1" s="1"/>
  <c r="TLU54" i="1" s="1"/>
  <c r="TLV54" i="1" s="1"/>
  <c r="TLW54" i="1" s="1"/>
  <c r="TLX54" i="1" s="1"/>
  <c r="TLY54" i="1" s="1"/>
  <c r="TLZ54" i="1" s="1"/>
  <c r="TMA54" i="1" s="1"/>
  <c r="TMB54" i="1" s="1"/>
  <c r="TMC54" i="1" s="1"/>
  <c r="TMD54" i="1" s="1"/>
  <c r="TME54" i="1" s="1"/>
  <c r="TMF54" i="1" s="1"/>
  <c r="TMG54" i="1" s="1"/>
  <c r="TMH54" i="1" s="1"/>
  <c r="TMI54" i="1" s="1"/>
  <c r="TMJ54" i="1" s="1"/>
  <c r="TMK54" i="1" s="1"/>
  <c r="TML54" i="1" s="1"/>
  <c r="TMM54" i="1" s="1"/>
  <c r="TMN54" i="1" s="1"/>
  <c r="TMO54" i="1" s="1"/>
  <c r="TMP54" i="1" s="1"/>
  <c r="TMQ54" i="1" s="1"/>
  <c r="TMR54" i="1" s="1"/>
  <c r="TMS54" i="1" s="1"/>
  <c r="TMT54" i="1" s="1"/>
  <c r="TMU54" i="1" s="1"/>
  <c r="TMV54" i="1" s="1"/>
  <c r="TMW54" i="1" s="1"/>
  <c r="TMX54" i="1" s="1"/>
  <c r="TMY54" i="1" s="1"/>
  <c r="TMZ54" i="1" s="1"/>
  <c r="TNA54" i="1" s="1"/>
  <c r="TNB54" i="1" s="1"/>
  <c r="TNC54" i="1" s="1"/>
  <c r="TND54" i="1" s="1"/>
  <c r="TNE54" i="1" s="1"/>
  <c r="TNF54" i="1" s="1"/>
  <c r="TNG54" i="1" s="1"/>
  <c r="TNH54" i="1" s="1"/>
  <c r="TNI54" i="1" s="1"/>
  <c r="TNJ54" i="1" s="1"/>
  <c r="TNK54" i="1" s="1"/>
  <c r="TNL54" i="1" s="1"/>
  <c r="TNM54" i="1" s="1"/>
  <c r="TNN54" i="1" s="1"/>
  <c r="TNO54" i="1" s="1"/>
  <c r="TNP54" i="1" s="1"/>
  <c r="TNQ54" i="1" s="1"/>
  <c r="TNR54" i="1" s="1"/>
  <c r="TNS54" i="1" s="1"/>
  <c r="TNT54" i="1" s="1"/>
  <c r="TNU54" i="1" s="1"/>
  <c r="TNV54" i="1" s="1"/>
  <c r="TNW54" i="1" s="1"/>
  <c r="TNX54" i="1" s="1"/>
  <c r="TNY54" i="1" s="1"/>
  <c r="TNZ54" i="1" s="1"/>
  <c r="TOA54" i="1" s="1"/>
  <c r="TOB54" i="1" s="1"/>
  <c r="TOC54" i="1" s="1"/>
  <c r="TOD54" i="1" s="1"/>
  <c r="TOE54" i="1" s="1"/>
  <c r="TOF54" i="1" s="1"/>
  <c r="TOG54" i="1" s="1"/>
  <c r="TOH54" i="1" s="1"/>
  <c r="TOI54" i="1" s="1"/>
  <c r="TOJ54" i="1" s="1"/>
  <c r="TOK54" i="1" s="1"/>
  <c r="TOL54" i="1" s="1"/>
  <c r="TOM54" i="1" s="1"/>
  <c r="TON54" i="1" s="1"/>
  <c r="TOO54" i="1" s="1"/>
  <c r="TOP54" i="1" s="1"/>
  <c r="TOQ54" i="1" s="1"/>
  <c r="TOR54" i="1" s="1"/>
  <c r="TOS54" i="1" s="1"/>
  <c r="TOT54" i="1" s="1"/>
  <c r="TOU54" i="1" s="1"/>
  <c r="TOV54" i="1" s="1"/>
  <c r="TOW54" i="1" s="1"/>
  <c r="TOX54" i="1" s="1"/>
  <c r="TOY54" i="1" s="1"/>
  <c r="TOZ54" i="1" s="1"/>
  <c r="TPA54" i="1" s="1"/>
  <c r="TPB54" i="1" s="1"/>
  <c r="TPC54" i="1" s="1"/>
  <c r="TPD54" i="1" s="1"/>
  <c r="TPE54" i="1" s="1"/>
  <c r="TPF54" i="1" s="1"/>
  <c r="TPG54" i="1" s="1"/>
  <c r="TPH54" i="1" s="1"/>
  <c r="TPI54" i="1" s="1"/>
  <c r="TPJ54" i="1" s="1"/>
  <c r="TPK54" i="1" s="1"/>
  <c r="TPL54" i="1" s="1"/>
  <c r="TPM54" i="1" s="1"/>
  <c r="TPN54" i="1" s="1"/>
  <c r="TPO54" i="1" s="1"/>
  <c r="TPP54" i="1" s="1"/>
  <c r="TPQ54" i="1" s="1"/>
  <c r="TPR54" i="1" s="1"/>
  <c r="TPS54" i="1" s="1"/>
  <c r="TPT54" i="1" s="1"/>
  <c r="TPU54" i="1" s="1"/>
  <c r="TPV54" i="1" s="1"/>
  <c r="TPW54" i="1" s="1"/>
  <c r="TPX54" i="1" s="1"/>
  <c r="TPY54" i="1" s="1"/>
  <c r="TPZ54" i="1" s="1"/>
  <c r="TQA54" i="1" s="1"/>
  <c r="TQB54" i="1" s="1"/>
  <c r="TQC54" i="1" s="1"/>
  <c r="TQD54" i="1" s="1"/>
  <c r="TQE54" i="1" s="1"/>
  <c r="TQF54" i="1" s="1"/>
  <c r="TQG54" i="1" s="1"/>
  <c r="TQH54" i="1" s="1"/>
  <c r="TQI54" i="1" s="1"/>
  <c r="TQJ54" i="1" s="1"/>
  <c r="TQK54" i="1" s="1"/>
  <c r="TQL54" i="1" s="1"/>
  <c r="TQM54" i="1" s="1"/>
  <c r="TQN54" i="1" s="1"/>
  <c r="TQO54" i="1" s="1"/>
  <c r="TQP54" i="1" s="1"/>
  <c r="TQQ54" i="1" s="1"/>
  <c r="TQR54" i="1" s="1"/>
  <c r="TQS54" i="1" s="1"/>
  <c r="TQT54" i="1" s="1"/>
  <c r="TQU54" i="1" s="1"/>
  <c r="TQV54" i="1" s="1"/>
  <c r="TQW54" i="1" s="1"/>
  <c r="TQX54" i="1" s="1"/>
  <c r="TQY54" i="1" s="1"/>
  <c r="TQZ54" i="1" s="1"/>
  <c r="TRA54" i="1" s="1"/>
  <c r="TRB54" i="1" s="1"/>
  <c r="TRC54" i="1" s="1"/>
  <c r="TRD54" i="1" s="1"/>
  <c r="TRE54" i="1" s="1"/>
  <c r="TRF54" i="1" s="1"/>
  <c r="TRG54" i="1" s="1"/>
  <c r="TRH54" i="1" s="1"/>
  <c r="TRI54" i="1" s="1"/>
  <c r="TRJ54" i="1" s="1"/>
  <c r="TRK54" i="1" s="1"/>
  <c r="TRL54" i="1" s="1"/>
  <c r="TRM54" i="1" s="1"/>
  <c r="TRN54" i="1" s="1"/>
  <c r="TRO54" i="1" s="1"/>
  <c r="TRP54" i="1" s="1"/>
  <c r="TRQ54" i="1" s="1"/>
  <c r="TRR54" i="1" s="1"/>
  <c r="TRS54" i="1" s="1"/>
  <c r="TRT54" i="1" s="1"/>
  <c r="TRU54" i="1" s="1"/>
  <c r="TRV54" i="1" s="1"/>
  <c r="TRW54" i="1" s="1"/>
  <c r="TRX54" i="1" s="1"/>
  <c r="TRY54" i="1" s="1"/>
  <c r="TRZ54" i="1" s="1"/>
  <c r="TSA54" i="1" s="1"/>
  <c r="TSB54" i="1" s="1"/>
  <c r="TSC54" i="1" s="1"/>
  <c r="TSD54" i="1" s="1"/>
  <c r="TSE54" i="1" s="1"/>
  <c r="TSF54" i="1" s="1"/>
  <c r="TSG54" i="1" s="1"/>
  <c r="TSH54" i="1" s="1"/>
  <c r="TSI54" i="1" s="1"/>
  <c r="TSJ54" i="1" s="1"/>
  <c r="TSK54" i="1" s="1"/>
  <c r="TSL54" i="1" s="1"/>
  <c r="TSM54" i="1" s="1"/>
  <c r="TSN54" i="1" s="1"/>
  <c r="TSO54" i="1" s="1"/>
  <c r="TSP54" i="1" s="1"/>
  <c r="TSQ54" i="1" s="1"/>
  <c r="TSR54" i="1" s="1"/>
  <c r="TSS54" i="1" s="1"/>
  <c r="TST54" i="1" s="1"/>
  <c r="TSU54" i="1" s="1"/>
  <c r="TSV54" i="1" s="1"/>
  <c r="TSW54" i="1" s="1"/>
  <c r="TSX54" i="1" s="1"/>
  <c r="TSY54" i="1" s="1"/>
  <c r="TSZ54" i="1" s="1"/>
  <c r="TTA54" i="1" s="1"/>
  <c r="TTB54" i="1" s="1"/>
  <c r="TTC54" i="1" s="1"/>
  <c r="TTD54" i="1" s="1"/>
  <c r="TTE54" i="1" s="1"/>
  <c r="TTF54" i="1" s="1"/>
  <c r="TTG54" i="1" s="1"/>
  <c r="TTH54" i="1" s="1"/>
  <c r="TTI54" i="1" s="1"/>
  <c r="TTJ54" i="1" s="1"/>
  <c r="TTK54" i="1" s="1"/>
  <c r="TTL54" i="1" s="1"/>
  <c r="TTM54" i="1" s="1"/>
  <c r="TTN54" i="1" s="1"/>
  <c r="TTO54" i="1" s="1"/>
  <c r="TTP54" i="1" s="1"/>
  <c r="TTQ54" i="1" s="1"/>
  <c r="TTR54" i="1" s="1"/>
  <c r="TTS54" i="1" s="1"/>
  <c r="TTT54" i="1" s="1"/>
  <c r="TTU54" i="1" s="1"/>
  <c r="TTV54" i="1" s="1"/>
  <c r="TTW54" i="1" s="1"/>
  <c r="TTX54" i="1" s="1"/>
  <c r="TTY54" i="1" s="1"/>
  <c r="TTZ54" i="1" s="1"/>
  <c r="TUA54" i="1" s="1"/>
  <c r="TUB54" i="1" s="1"/>
  <c r="TUC54" i="1" s="1"/>
  <c r="TUD54" i="1" s="1"/>
  <c r="TUE54" i="1" s="1"/>
  <c r="TUF54" i="1" s="1"/>
  <c r="TUG54" i="1" s="1"/>
  <c r="TUH54" i="1" s="1"/>
  <c r="TUI54" i="1" s="1"/>
  <c r="TUJ54" i="1" s="1"/>
  <c r="TUK54" i="1" s="1"/>
  <c r="TUL54" i="1" s="1"/>
  <c r="TUM54" i="1" s="1"/>
  <c r="TUN54" i="1" s="1"/>
  <c r="TUO54" i="1" s="1"/>
  <c r="TUP54" i="1" s="1"/>
  <c r="TUQ54" i="1" s="1"/>
  <c r="TUR54" i="1" s="1"/>
  <c r="TUS54" i="1" s="1"/>
  <c r="TUT54" i="1" s="1"/>
  <c r="TUU54" i="1" s="1"/>
  <c r="TUV54" i="1" s="1"/>
  <c r="TUW54" i="1" s="1"/>
  <c r="TUX54" i="1" s="1"/>
  <c r="TUY54" i="1" s="1"/>
  <c r="TUZ54" i="1" s="1"/>
  <c r="TVA54" i="1" s="1"/>
  <c r="TVB54" i="1" s="1"/>
  <c r="TVC54" i="1" s="1"/>
  <c r="TVD54" i="1" s="1"/>
  <c r="TVE54" i="1" s="1"/>
  <c r="TVF54" i="1" s="1"/>
  <c r="TVG54" i="1" s="1"/>
  <c r="TVH54" i="1" s="1"/>
  <c r="TVI54" i="1" s="1"/>
  <c r="TVJ54" i="1" s="1"/>
  <c r="TVK54" i="1" s="1"/>
  <c r="TVL54" i="1" s="1"/>
  <c r="TVM54" i="1" s="1"/>
  <c r="TVN54" i="1" s="1"/>
  <c r="TVO54" i="1" s="1"/>
  <c r="TVP54" i="1" s="1"/>
  <c r="TVQ54" i="1" s="1"/>
  <c r="TVR54" i="1" s="1"/>
  <c r="TVS54" i="1" s="1"/>
  <c r="TVT54" i="1" s="1"/>
  <c r="TVU54" i="1" s="1"/>
  <c r="TVV54" i="1" s="1"/>
  <c r="TVW54" i="1" s="1"/>
  <c r="TVX54" i="1" s="1"/>
  <c r="TVY54" i="1" s="1"/>
  <c r="TVZ54" i="1" s="1"/>
  <c r="TWA54" i="1" s="1"/>
  <c r="TWB54" i="1" s="1"/>
  <c r="TWC54" i="1" s="1"/>
  <c r="TWD54" i="1" s="1"/>
  <c r="TWE54" i="1" s="1"/>
  <c r="TWF54" i="1" s="1"/>
  <c r="TWG54" i="1" s="1"/>
  <c r="TWH54" i="1" s="1"/>
  <c r="TWI54" i="1" s="1"/>
  <c r="TWJ54" i="1" s="1"/>
  <c r="TWK54" i="1" s="1"/>
  <c r="TWL54" i="1" s="1"/>
  <c r="TWM54" i="1" s="1"/>
  <c r="TWN54" i="1" s="1"/>
  <c r="TWO54" i="1" s="1"/>
  <c r="TWP54" i="1" s="1"/>
  <c r="TWQ54" i="1" s="1"/>
  <c r="TWR54" i="1" s="1"/>
  <c r="TWS54" i="1" s="1"/>
  <c r="TWT54" i="1" s="1"/>
  <c r="TWU54" i="1" s="1"/>
  <c r="TWV54" i="1" s="1"/>
  <c r="TWW54" i="1" s="1"/>
  <c r="TWX54" i="1" s="1"/>
  <c r="TWY54" i="1" s="1"/>
  <c r="TWZ54" i="1" s="1"/>
  <c r="TXA54" i="1" s="1"/>
  <c r="TXB54" i="1" s="1"/>
  <c r="TXC54" i="1" s="1"/>
  <c r="TXD54" i="1" s="1"/>
  <c r="TXE54" i="1" s="1"/>
  <c r="TXF54" i="1" s="1"/>
  <c r="TXG54" i="1" s="1"/>
  <c r="TXH54" i="1" s="1"/>
  <c r="TXI54" i="1" s="1"/>
  <c r="TXJ54" i="1" s="1"/>
  <c r="TXK54" i="1" s="1"/>
  <c r="TXL54" i="1" s="1"/>
  <c r="TXM54" i="1" s="1"/>
  <c r="TXN54" i="1" s="1"/>
  <c r="TXO54" i="1" s="1"/>
  <c r="TXP54" i="1" s="1"/>
  <c r="TXQ54" i="1" s="1"/>
  <c r="TXR54" i="1" s="1"/>
  <c r="TXS54" i="1" s="1"/>
  <c r="TXT54" i="1" s="1"/>
  <c r="TXU54" i="1" s="1"/>
  <c r="TXV54" i="1" s="1"/>
  <c r="TXW54" i="1" s="1"/>
  <c r="TXX54" i="1" s="1"/>
  <c r="TXY54" i="1" s="1"/>
  <c r="TXZ54" i="1" s="1"/>
  <c r="TYA54" i="1" s="1"/>
  <c r="TYB54" i="1" s="1"/>
  <c r="TYC54" i="1" s="1"/>
  <c r="TYD54" i="1" s="1"/>
  <c r="TYE54" i="1" s="1"/>
  <c r="TYF54" i="1" s="1"/>
  <c r="TYG54" i="1" s="1"/>
  <c r="TYH54" i="1" s="1"/>
  <c r="TYI54" i="1" s="1"/>
  <c r="TYJ54" i="1" s="1"/>
  <c r="TYK54" i="1" s="1"/>
  <c r="TYL54" i="1" s="1"/>
  <c r="TYM54" i="1" s="1"/>
  <c r="TYN54" i="1" s="1"/>
  <c r="TYO54" i="1" s="1"/>
  <c r="TYP54" i="1" s="1"/>
  <c r="TYQ54" i="1" s="1"/>
  <c r="TYR54" i="1" s="1"/>
  <c r="TYS54" i="1" s="1"/>
  <c r="TYT54" i="1" s="1"/>
  <c r="TYU54" i="1" s="1"/>
  <c r="TYV54" i="1" s="1"/>
  <c r="TYW54" i="1" s="1"/>
  <c r="TYX54" i="1" s="1"/>
  <c r="TYY54" i="1" s="1"/>
  <c r="TYZ54" i="1" s="1"/>
  <c r="TZA54" i="1" s="1"/>
  <c r="TZB54" i="1" s="1"/>
  <c r="TZC54" i="1" s="1"/>
  <c r="TZD54" i="1" s="1"/>
  <c r="TZE54" i="1" s="1"/>
  <c r="TZF54" i="1" s="1"/>
  <c r="TZG54" i="1" s="1"/>
  <c r="TZH54" i="1" s="1"/>
  <c r="TZI54" i="1" s="1"/>
  <c r="TZJ54" i="1" s="1"/>
  <c r="TZK54" i="1" s="1"/>
  <c r="TZL54" i="1" s="1"/>
  <c r="TZM54" i="1" s="1"/>
  <c r="TZN54" i="1" s="1"/>
  <c r="TZO54" i="1" s="1"/>
  <c r="TZP54" i="1" s="1"/>
  <c r="TZQ54" i="1" s="1"/>
  <c r="TZR54" i="1" s="1"/>
  <c r="TZS54" i="1" s="1"/>
  <c r="TZT54" i="1" s="1"/>
  <c r="TZU54" i="1" s="1"/>
  <c r="TZV54" i="1" s="1"/>
  <c r="TZW54" i="1" s="1"/>
  <c r="TZX54" i="1" s="1"/>
  <c r="TZY54" i="1" s="1"/>
  <c r="TZZ54" i="1" s="1"/>
  <c r="UAA54" i="1" s="1"/>
  <c r="UAB54" i="1" s="1"/>
  <c r="UAC54" i="1" s="1"/>
  <c r="UAD54" i="1" s="1"/>
  <c r="UAE54" i="1" s="1"/>
  <c r="UAF54" i="1" s="1"/>
  <c r="UAG54" i="1" s="1"/>
  <c r="UAH54" i="1" s="1"/>
  <c r="UAI54" i="1" s="1"/>
  <c r="UAJ54" i="1" s="1"/>
  <c r="UAK54" i="1" s="1"/>
  <c r="UAL54" i="1" s="1"/>
  <c r="UAM54" i="1" s="1"/>
  <c r="UAN54" i="1" s="1"/>
  <c r="UAO54" i="1" s="1"/>
  <c r="UAP54" i="1" s="1"/>
  <c r="UAQ54" i="1" s="1"/>
  <c r="UAR54" i="1" s="1"/>
  <c r="UAS54" i="1" s="1"/>
  <c r="UAT54" i="1" s="1"/>
  <c r="UAU54" i="1" s="1"/>
  <c r="UAV54" i="1" s="1"/>
  <c r="UAW54" i="1" s="1"/>
  <c r="UAX54" i="1" s="1"/>
  <c r="UAY54" i="1" s="1"/>
  <c r="UAZ54" i="1" s="1"/>
  <c r="UBA54" i="1" s="1"/>
  <c r="UBB54" i="1" s="1"/>
  <c r="UBC54" i="1" s="1"/>
  <c r="UBD54" i="1" s="1"/>
  <c r="UBE54" i="1" s="1"/>
  <c r="UBF54" i="1" s="1"/>
  <c r="UBG54" i="1" s="1"/>
  <c r="UBH54" i="1" s="1"/>
  <c r="UBI54" i="1" s="1"/>
  <c r="UBJ54" i="1" s="1"/>
  <c r="UBK54" i="1" s="1"/>
  <c r="UBL54" i="1" s="1"/>
  <c r="UBM54" i="1" s="1"/>
  <c r="UBN54" i="1" s="1"/>
  <c r="UBO54" i="1" s="1"/>
  <c r="UBP54" i="1" s="1"/>
  <c r="UBQ54" i="1" s="1"/>
  <c r="UBR54" i="1" s="1"/>
  <c r="UBS54" i="1" s="1"/>
  <c r="UBT54" i="1" s="1"/>
  <c r="UBU54" i="1" s="1"/>
  <c r="UBV54" i="1" s="1"/>
  <c r="UBW54" i="1" s="1"/>
  <c r="UBX54" i="1" s="1"/>
  <c r="UBY54" i="1" s="1"/>
  <c r="UBZ54" i="1" s="1"/>
  <c r="UCA54" i="1" s="1"/>
  <c r="UCB54" i="1" s="1"/>
  <c r="UCC54" i="1" s="1"/>
  <c r="UCD54" i="1" s="1"/>
  <c r="UCE54" i="1" s="1"/>
  <c r="UCF54" i="1" s="1"/>
  <c r="UCG54" i="1" s="1"/>
  <c r="UCH54" i="1" s="1"/>
  <c r="UCI54" i="1" s="1"/>
  <c r="UCJ54" i="1" s="1"/>
  <c r="UCK54" i="1" s="1"/>
  <c r="UCL54" i="1" s="1"/>
  <c r="UCM54" i="1" s="1"/>
  <c r="UCN54" i="1" s="1"/>
  <c r="UCO54" i="1" s="1"/>
  <c r="UCP54" i="1" s="1"/>
  <c r="UCQ54" i="1" s="1"/>
  <c r="UCR54" i="1" s="1"/>
  <c r="UCS54" i="1" s="1"/>
  <c r="UCT54" i="1" s="1"/>
  <c r="UCU54" i="1" s="1"/>
  <c r="UCV54" i="1" s="1"/>
  <c r="UCW54" i="1" s="1"/>
  <c r="UCX54" i="1" s="1"/>
  <c r="UCY54" i="1" s="1"/>
  <c r="UCZ54" i="1" s="1"/>
  <c r="UDA54" i="1" s="1"/>
  <c r="UDB54" i="1" s="1"/>
  <c r="UDC54" i="1" s="1"/>
  <c r="UDD54" i="1" s="1"/>
  <c r="UDE54" i="1" s="1"/>
  <c r="UDF54" i="1" s="1"/>
  <c r="UDG54" i="1" s="1"/>
  <c r="UDH54" i="1" s="1"/>
  <c r="UDI54" i="1" s="1"/>
  <c r="UDJ54" i="1" s="1"/>
  <c r="UDK54" i="1" s="1"/>
  <c r="UDL54" i="1" s="1"/>
  <c r="UDM54" i="1" s="1"/>
  <c r="UDN54" i="1" s="1"/>
  <c r="UDO54" i="1" s="1"/>
  <c r="UDP54" i="1" s="1"/>
  <c r="UDQ54" i="1" s="1"/>
  <c r="UDR54" i="1" s="1"/>
  <c r="UDS54" i="1" s="1"/>
  <c r="UDT54" i="1" s="1"/>
  <c r="UDU54" i="1" s="1"/>
  <c r="UDV54" i="1" s="1"/>
  <c r="UDW54" i="1" s="1"/>
  <c r="UDX54" i="1" s="1"/>
  <c r="UDY54" i="1" s="1"/>
  <c r="UDZ54" i="1" s="1"/>
  <c r="UEA54" i="1" s="1"/>
  <c r="UEB54" i="1" s="1"/>
  <c r="UEC54" i="1" s="1"/>
  <c r="UED54" i="1" s="1"/>
  <c r="UEE54" i="1" s="1"/>
  <c r="UEF54" i="1" s="1"/>
  <c r="UEG54" i="1" s="1"/>
  <c r="UEH54" i="1" s="1"/>
  <c r="UEI54" i="1" s="1"/>
  <c r="UEJ54" i="1" s="1"/>
  <c r="UEK54" i="1" s="1"/>
  <c r="UEL54" i="1" s="1"/>
  <c r="UEM54" i="1" s="1"/>
  <c r="UEN54" i="1" s="1"/>
  <c r="UEO54" i="1" s="1"/>
  <c r="UEP54" i="1" s="1"/>
  <c r="UEQ54" i="1" s="1"/>
  <c r="UER54" i="1" s="1"/>
  <c r="UES54" i="1" s="1"/>
  <c r="UET54" i="1" s="1"/>
  <c r="UEU54" i="1" s="1"/>
  <c r="UEV54" i="1" s="1"/>
  <c r="UEW54" i="1" s="1"/>
  <c r="UEX54" i="1" s="1"/>
  <c r="UEY54" i="1" s="1"/>
  <c r="UEZ54" i="1" s="1"/>
  <c r="UFA54" i="1" s="1"/>
  <c r="UFB54" i="1" s="1"/>
  <c r="UFC54" i="1" s="1"/>
  <c r="UFD54" i="1" s="1"/>
  <c r="UFE54" i="1" s="1"/>
  <c r="UFF54" i="1" s="1"/>
  <c r="UFG54" i="1" s="1"/>
  <c r="UFH54" i="1" s="1"/>
  <c r="UFI54" i="1" s="1"/>
  <c r="UFJ54" i="1" s="1"/>
  <c r="UFK54" i="1" s="1"/>
  <c r="UFL54" i="1" s="1"/>
  <c r="UFM54" i="1" s="1"/>
  <c r="UFN54" i="1" s="1"/>
  <c r="UFO54" i="1" s="1"/>
  <c r="UFP54" i="1" s="1"/>
  <c r="UFQ54" i="1" s="1"/>
  <c r="UFR54" i="1" s="1"/>
  <c r="UFS54" i="1" s="1"/>
  <c r="UFT54" i="1" s="1"/>
  <c r="UFU54" i="1" s="1"/>
  <c r="UFV54" i="1" s="1"/>
  <c r="UFW54" i="1" s="1"/>
  <c r="UFX54" i="1" s="1"/>
  <c r="UFY54" i="1" s="1"/>
  <c r="UFZ54" i="1" s="1"/>
  <c r="UGA54" i="1" s="1"/>
  <c r="UGB54" i="1" s="1"/>
  <c r="UGC54" i="1" s="1"/>
  <c r="UGD54" i="1" s="1"/>
  <c r="UGE54" i="1" s="1"/>
  <c r="UGF54" i="1" s="1"/>
  <c r="UGG54" i="1" s="1"/>
  <c r="UGH54" i="1" s="1"/>
  <c r="UGI54" i="1" s="1"/>
  <c r="UGJ54" i="1" s="1"/>
  <c r="UGK54" i="1" s="1"/>
  <c r="UGL54" i="1" s="1"/>
  <c r="UGM54" i="1" s="1"/>
  <c r="UGN54" i="1" s="1"/>
  <c r="UGO54" i="1" s="1"/>
  <c r="UGP54" i="1" s="1"/>
  <c r="UGQ54" i="1" s="1"/>
  <c r="UGR54" i="1" s="1"/>
  <c r="UGS54" i="1" s="1"/>
  <c r="UGT54" i="1" s="1"/>
  <c r="UGU54" i="1" s="1"/>
  <c r="UGV54" i="1" s="1"/>
  <c r="UGW54" i="1" s="1"/>
  <c r="UGX54" i="1" s="1"/>
  <c r="UGY54" i="1" s="1"/>
  <c r="UGZ54" i="1" s="1"/>
  <c r="UHA54" i="1" s="1"/>
  <c r="UHB54" i="1" s="1"/>
  <c r="UHC54" i="1" s="1"/>
  <c r="UHD54" i="1" s="1"/>
  <c r="UHE54" i="1" s="1"/>
  <c r="UHF54" i="1" s="1"/>
  <c r="UHG54" i="1" s="1"/>
  <c r="UHH54" i="1" s="1"/>
  <c r="UHI54" i="1" s="1"/>
  <c r="UHJ54" i="1" s="1"/>
  <c r="UHK54" i="1" s="1"/>
  <c r="UHL54" i="1" s="1"/>
  <c r="UHM54" i="1" s="1"/>
  <c r="UHN54" i="1" s="1"/>
  <c r="UHO54" i="1" s="1"/>
  <c r="UHP54" i="1" s="1"/>
  <c r="UHQ54" i="1" s="1"/>
  <c r="UHR54" i="1" s="1"/>
  <c r="UHS54" i="1" s="1"/>
  <c r="UHT54" i="1" s="1"/>
  <c r="UHU54" i="1" s="1"/>
  <c r="UHV54" i="1" s="1"/>
  <c r="UHW54" i="1" s="1"/>
  <c r="UHX54" i="1" s="1"/>
  <c r="UHY54" i="1" s="1"/>
  <c r="UHZ54" i="1" s="1"/>
  <c r="UIA54" i="1" s="1"/>
  <c r="UIB54" i="1" s="1"/>
  <c r="UIC54" i="1" s="1"/>
  <c r="UID54" i="1" s="1"/>
  <c r="UIE54" i="1" s="1"/>
  <c r="UIF54" i="1" s="1"/>
  <c r="UIG54" i="1" s="1"/>
  <c r="UIH54" i="1" s="1"/>
  <c r="UII54" i="1" s="1"/>
  <c r="UIJ54" i="1" s="1"/>
  <c r="UIK54" i="1" s="1"/>
  <c r="UIL54" i="1" s="1"/>
  <c r="UIM54" i="1" s="1"/>
  <c r="UIN54" i="1" s="1"/>
  <c r="UIO54" i="1" s="1"/>
  <c r="UIP54" i="1" s="1"/>
  <c r="UIQ54" i="1" s="1"/>
  <c r="UIR54" i="1" s="1"/>
  <c r="UIS54" i="1" s="1"/>
  <c r="UIT54" i="1" s="1"/>
  <c r="UIU54" i="1" s="1"/>
  <c r="UIV54" i="1" s="1"/>
  <c r="UIW54" i="1" s="1"/>
  <c r="UIX54" i="1" s="1"/>
  <c r="UIY54" i="1" s="1"/>
  <c r="UIZ54" i="1" s="1"/>
  <c r="UJA54" i="1" s="1"/>
  <c r="UJB54" i="1" s="1"/>
  <c r="UJC54" i="1" s="1"/>
  <c r="UJD54" i="1" s="1"/>
  <c r="UJE54" i="1" s="1"/>
  <c r="UJF54" i="1" s="1"/>
  <c r="UJG54" i="1" s="1"/>
  <c r="UJH54" i="1" s="1"/>
  <c r="UJI54" i="1" s="1"/>
  <c r="UJJ54" i="1" s="1"/>
  <c r="UJK54" i="1" s="1"/>
  <c r="UJL54" i="1" s="1"/>
  <c r="UJM54" i="1" s="1"/>
  <c r="UJN54" i="1" s="1"/>
  <c r="UJO54" i="1" s="1"/>
  <c r="UJP54" i="1" s="1"/>
  <c r="UJQ54" i="1" s="1"/>
  <c r="UJR54" i="1" s="1"/>
  <c r="UJS54" i="1" s="1"/>
  <c r="UJT54" i="1" s="1"/>
  <c r="UJU54" i="1" s="1"/>
  <c r="UJV54" i="1" s="1"/>
  <c r="UJW54" i="1" s="1"/>
  <c r="UJX54" i="1" s="1"/>
  <c r="UJY54" i="1" s="1"/>
  <c r="UJZ54" i="1" s="1"/>
  <c r="UKA54" i="1" s="1"/>
  <c r="UKB54" i="1" s="1"/>
  <c r="UKC54" i="1" s="1"/>
  <c r="UKD54" i="1" s="1"/>
  <c r="UKE54" i="1" s="1"/>
  <c r="UKF54" i="1" s="1"/>
  <c r="UKG54" i="1" s="1"/>
  <c r="UKH54" i="1" s="1"/>
  <c r="UKI54" i="1" s="1"/>
  <c r="UKJ54" i="1" s="1"/>
  <c r="UKK54" i="1" s="1"/>
  <c r="UKL54" i="1" s="1"/>
  <c r="UKM54" i="1" s="1"/>
  <c r="UKN54" i="1" s="1"/>
  <c r="UKO54" i="1" s="1"/>
  <c r="UKP54" i="1" s="1"/>
  <c r="UKQ54" i="1" s="1"/>
  <c r="UKR54" i="1" s="1"/>
  <c r="UKS54" i="1" s="1"/>
  <c r="UKT54" i="1" s="1"/>
  <c r="UKU54" i="1" s="1"/>
  <c r="UKV54" i="1" s="1"/>
  <c r="UKW54" i="1" s="1"/>
  <c r="UKX54" i="1" s="1"/>
  <c r="UKY54" i="1" s="1"/>
  <c r="UKZ54" i="1" s="1"/>
  <c r="ULA54" i="1" s="1"/>
  <c r="ULB54" i="1" s="1"/>
  <c r="ULC54" i="1" s="1"/>
  <c r="ULD54" i="1" s="1"/>
  <c r="ULE54" i="1" s="1"/>
  <c r="ULF54" i="1" s="1"/>
  <c r="ULG54" i="1" s="1"/>
  <c r="ULH54" i="1" s="1"/>
  <c r="ULI54" i="1" s="1"/>
  <c r="ULJ54" i="1" s="1"/>
  <c r="ULK54" i="1" s="1"/>
  <c r="ULL54" i="1" s="1"/>
  <c r="ULM54" i="1" s="1"/>
  <c r="ULN54" i="1" s="1"/>
  <c r="ULO54" i="1" s="1"/>
  <c r="ULP54" i="1" s="1"/>
  <c r="ULQ54" i="1" s="1"/>
  <c r="ULR54" i="1" s="1"/>
  <c r="ULS54" i="1" s="1"/>
  <c r="ULT54" i="1" s="1"/>
  <c r="ULU54" i="1" s="1"/>
  <c r="ULV54" i="1" s="1"/>
  <c r="ULW54" i="1" s="1"/>
  <c r="ULX54" i="1" s="1"/>
  <c r="ULY54" i="1" s="1"/>
  <c r="ULZ54" i="1" s="1"/>
  <c r="UMA54" i="1" s="1"/>
  <c r="UMB54" i="1" s="1"/>
  <c r="UMC54" i="1" s="1"/>
  <c r="UMD54" i="1" s="1"/>
  <c r="UME54" i="1" s="1"/>
  <c r="UMF54" i="1" s="1"/>
  <c r="UMG54" i="1" s="1"/>
  <c r="UMH54" i="1" s="1"/>
  <c r="UMI54" i="1" s="1"/>
  <c r="UMJ54" i="1" s="1"/>
  <c r="UMK54" i="1" s="1"/>
  <c r="UML54" i="1" s="1"/>
  <c r="UMM54" i="1" s="1"/>
  <c r="UMN54" i="1" s="1"/>
  <c r="UMO54" i="1" s="1"/>
  <c r="UMP54" i="1" s="1"/>
  <c r="UMQ54" i="1" s="1"/>
  <c r="UMR54" i="1" s="1"/>
  <c r="UMS54" i="1" s="1"/>
  <c r="UMT54" i="1" s="1"/>
  <c r="UMU54" i="1" s="1"/>
  <c r="UMV54" i="1" s="1"/>
  <c r="UMW54" i="1" s="1"/>
  <c r="UMX54" i="1" s="1"/>
  <c r="UMY54" i="1" s="1"/>
  <c r="UMZ54" i="1" s="1"/>
  <c r="UNA54" i="1" s="1"/>
  <c r="UNB54" i="1" s="1"/>
  <c r="UNC54" i="1" s="1"/>
  <c r="UND54" i="1" s="1"/>
  <c r="UNE54" i="1" s="1"/>
  <c r="UNF54" i="1" s="1"/>
  <c r="UNG54" i="1" s="1"/>
  <c r="UNH54" i="1" s="1"/>
  <c r="UNI54" i="1" s="1"/>
  <c r="UNJ54" i="1" s="1"/>
  <c r="UNK54" i="1" s="1"/>
  <c r="UNL54" i="1" s="1"/>
  <c r="UNM54" i="1" s="1"/>
  <c r="UNN54" i="1" s="1"/>
  <c r="UNO54" i="1" s="1"/>
  <c r="UNP54" i="1" s="1"/>
  <c r="UNQ54" i="1" s="1"/>
  <c r="UNR54" i="1" s="1"/>
  <c r="UNS54" i="1" s="1"/>
  <c r="UNT54" i="1" s="1"/>
  <c r="UNU54" i="1" s="1"/>
  <c r="UNV54" i="1" s="1"/>
  <c r="UNW54" i="1" s="1"/>
  <c r="UNX54" i="1" s="1"/>
  <c r="UNY54" i="1" s="1"/>
  <c r="UNZ54" i="1" s="1"/>
  <c r="UOA54" i="1" s="1"/>
  <c r="UOB54" i="1" s="1"/>
  <c r="UOC54" i="1" s="1"/>
  <c r="UOD54" i="1" s="1"/>
  <c r="UOE54" i="1" s="1"/>
  <c r="UOF54" i="1" s="1"/>
  <c r="UOG54" i="1" s="1"/>
  <c r="UOH54" i="1" s="1"/>
  <c r="UOI54" i="1" s="1"/>
  <c r="UOJ54" i="1" s="1"/>
  <c r="UOK54" i="1" s="1"/>
  <c r="UOL54" i="1" s="1"/>
  <c r="UOM54" i="1" s="1"/>
  <c r="UON54" i="1" s="1"/>
  <c r="UOO54" i="1" s="1"/>
  <c r="UOP54" i="1" s="1"/>
  <c r="UOQ54" i="1" s="1"/>
  <c r="UOR54" i="1" s="1"/>
  <c r="UOS54" i="1" s="1"/>
  <c r="UOT54" i="1" s="1"/>
  <c r="UOU54" i="1" s="1"/>
  <c r="UOV54" i="1" s="1"/>
  <c r="UOW54" i="1" s="1"/>
  <c r="UOX54" i="1" s="1"/>
  <c r="UOY54" i="1" s="1"/>
  <c r="UOZ54" i="1" s="1"/>
  <c r="UPA54" i="1" s="1"/>
  <c r="UPB54" i="1" s="1"/>
  <c r="UPC54" i="1" s="1"/>
  <c r="UPD54" i="1" s="1"/>
  <c r="UPE54" i="1" s="1"/>
  <c r="UPF54" i="1" s="1"/>
  <c r="UPG54" i="1" s="1"/>
  <c r="UPH54" i="1" s="1"/>
  <c r="UPI54" i="1" s="1"/>
  <c r="UPJ54" i="1" s="1"/>
  <c r="UPK54" i="1" s="1"/>
  <c r="UPL54" i="1" s="1"/>
  <c r="UPM54" i="1" s="1"/>
  <c r="UPN54" i="1" s="1"/>
  <c r="UPO54" i="1" s="1"/>
  <c r="UPP54" i="1" s="1"/>
  <c r="UPQ54" i="1" s="1"/>
  <c r="UPR54" i="1" s="1"/>
  <c r="UPS54" i="1" s="1"/>
  <c r="UPT54" i="1" s="1"/>
  <c r="UPU54" i="1" s="1"/>
  <c r="UPV54" i="1" s="1"/>
  <c r="UPW54" i="1" s="1"/>
  <c r="UPX54" i="1" s="1"/>
  <c r="UPY54" i="1" s="1"/>
  <c r="UPZ54" i="1" s="1"/>
  <c r="UQA54" i="1" s="1"/>
  <c r="UQB54" i="1" s="1"/>
  <c r="UQC54" i="1" s="1"/>
  <c r="UQD54" i="1" s="1"/>
  <c r="UQE54" i="1" s="1"/>
  <c r="UQF54" i="1" s="1"/>
  <c r="UQG54" i="1" s="1"/>
  <c r="UQH54" i="1" s="1"/>
  <c r="UQI54" i="1" s="1"/>
  <c r="UQJ54" i="1" s="1"/>
  <c r="UQK54" i="1" s="1"/>
  <c r="UQL54" i="1" s="1"/>
  <c r="UQM54" i="1" s="1"/>
  <c r="UQN54" i="1" s="1"/>
  <c r="UQO54" i="1" s="1"/>
  <c r="UQP54" i="1" s="1"/>
  <c r="UQQ54" i="1" s="1"/>
  <c r="UQR54" i="1" s="1"/>
  <c r="UQS54" i="1" s="1"/>
  <c r="UQT54" i="1" s="1"/>
  <c r="UQU54" i="1" s="1"/>
  <c r="UQV54" i="1" s="1"/>
  <c r="UQW54" i="1" s="1"/>
  <c r="UQX54" i="1" s="1"/>
  <c r="UQY54" i="1" s="1"/>
  <c r="UQZ54" i="1" s="1"/>
  <c r="URA54" i="1" s="1"/>
  <c r="URB54" i="1" s="1"/>
  <c r="URC54" i="1" s="1"/>
  <c r="URD54" i="1" s="1"/>
  <c r="URE54" i="1" s="1"/>
  <c r="URF54" i="1" s="1"/>
  <c r="URG54" i="1" s="1"/>
  <c r="URH54" i="1" s="1"/>
  <c r="URI54" i="1" s="1"/>
  <c r="URJ54" i="1" s="1"/>
  <c r="URK54" i="1" s="1"/>
  <c r="URL54" i="1" s="1"/>
  <c r="URM54" i="1" s="1"/>
  <c r="URN54" i="1" s="1"/>
  <c r="URO54" i="1" s="1"/>
  <c r="URP54" i="1" s="1"/>
  <c r="URQ54" i="1" s="1"/>
  <c r="URR54" i="1" s="1"/>
  <c r="URS54" i="1" s="1"/>
  <c r="URT54" i="1" s="1"/>
  <c r="URU54" i="1" s="1"/>
  <c r="URV54" i="1" s="1"/>
  <c r="URW54" i="1" s="1"/>
  <c r="URX54" i="1" s="1"/>
  <c r="URY54" i="1" s="1"/>
  <c r="URZ54" i="1" s="1"/>
  <c r="USA54" i="1" s="1"/>
  <c r="USB54" i="1" s="1"/>
  <c r="USC54" i="1" s="1"/>
  <c r="USD54" i="1" s="1"/>
  <c r="USE54" i="1" s="1"/>
  <c r="USF54" i="1" s="1"/>
  <c r="USG54" i="1" s="1"/>
  <c r="USH54" i="1" s="1"/>
  <c r="USI54" i="1" s="1"/>
  <c r="USJ54" i="1" s="1"/>
  <c r="USK54" i="1" s="1"/>
  <c r="USL54" i="1" s="1"/>
  <c r="USM54" i="1" s="1"/>
  <c r="USN54" i="1" s="1"/>
  <c r="USO54" i="1" s="1"/>
  <c r="USP54" i="1" s="1"/>
  <c r="USQ54" i="1" s="1"/>
  <c r="USR54" i="1" s="1"/>
  <c r="USS54" i="1" s="1"/>
  <c r="UST54" i="1" s="1"/>
  <c r="USU54" i="1" s="1"/>
  <c r="USV54" i="1" s="1"/>
  <c r="USW54" i="1" s="1"/>
  <c r="USX54" i="1" s="1"/>
  <c r="USY54" i="1" s="1"/>
  <c r="USZ54" i="1" s="1"/>
  <c r="UTA54" i="1" s="1"/>
  <c r="UTB54" i="1" s="1"/>
  <c r="UTC54" i="1" s="1"/>
  <c r="UTD54" i="1" s="1"/>
  <c r="UTE54" i="1" s="1"/>
  <c r="UTF54" i="1" s="1"/>
  <c r="UTG54" i="1" s="1"/>
  <c r="UTH54" i="1" s="1"/>
  <c r="UTI54" i="1" s="1"/>
  <c r="UTJ54" i="1" s="1"/>
  <c r="UTK54" i="1" s="1"/>
  <c r="UTL54" i="1" s="1"/>
  <c r="UTM54" i="1" s="1"/>
  <c r="UTN54" i="1" s="1"/>
  <c r="UTO54" i="1" s="1"/>
  <c r="UTP54" i="1" s="1"/>
  <c r="UTQ54" i="1" s="1"/>
  <c r="UTR54" i="1" s="1"/>
  <c r="UTS54" i="1" s="1"/>
  <c r="UTT54" i="1" s="1"/>
  <c r="UTU54" i="1" s="1"/>
  <c r="UTV54" i="1" s="1"/>
  <c r="UTW54" i="1" s="1"/>
  <c r="UTX54" i="1" s="1"/>
  <c r="UTY54" i="1" s="1"/>
  <c r="UTZ54" i="1" s="1"/>
  <c r="UUA54" i="1" s="1"/>
  <c r="UUB54" i="1" s="1"/>
  <c r="UUC54" i="1" s="1"/>
  <c r="UUD54" i="1" s="1"/>
  <c r="UUE54" i="1" s="1"/>
  <c r="UUF54" i="1" s="1"/>
  <c r="UUG54" i="1" s="1"/>
  <c r="UUH54" i="1" s="1"/>
  <c r="UUI54" i="1" s="1"/>
  <c r="UUJ54" i="1" s="1"/>
  <c r="UUK54" i="1" s="1"/>
  <c r="UUL54" i="1" s="1"/>
  <c r="UUM54" i="1" s="1"/>
  <c r="UUN54" i="1" s="1"/>
  <c r="UUO54" i="1" s="1"/>
  <c r="UUP54" i="1" s="1"/>
  <c r="UUQ54" i="1" s="1"/>
  <c r="UUR54" i="1" s="1"/>
  <c r="UUS54" i="1" s="1"/>
  <c r="UUT54" i="1" s="1"/>
  <c r="UUU54" i="1" s="1"/>
  <c r="UUV54" i="1" s="1"/>
  <c r="UUW54" i="1" s="1"/>
  <c r="UUX54" i="1" s="1"/>
  <c r="UUY54" i="1" s="1"/>
  <c r="UUZ54" i="1" s="1"/>
  <c r="UVA54" i="1" s="1"/>
  <c r="UVB54" i="1" s="1"/>
  <c r="UVC54" i="1" s="1"/>
  <c r="UVD54" i="1" s="1"/>
  <c r="UVE54" i="1" s="1"/>
  <c r="UVF54" i="1" s="1"/>
  <c r="UVG54" i="1" s="1"/>
  <c r="UVH54" i="1" s="1"/>
  <c r="UVI54" i="1" s="1"/>
  <c r="UVJ54" i="1" s="1"/>
  <c r="UVK54" i="1" s="1"/>
  <c r="UVL54" i="1" s="1"/>
  <c r="UVM54" i="1" s="1"/>
  <c r="UVN54" i="1" s="1"/>
  <c r="UVO54" i="1" s="1"/>
  <c r="UVP54" i="1" s="1"/>
  <c r="UVQ54" i="1" s="1"/>
  <c r="UVR54" i="1" s="1"/>
  <c r="UVS54" i="1" s="1"/>
  <c r="UVT54" i="1" s="1"/>
  <c r="UVU54" i="1" s="1"/>
  <c r="UVV54" i="1" s="1"/>
  <c r="UVW54" i="1" s="1"/>
  <c r="UVX54" i="1" s="1"/>
  <c r="UVY54" i="1" s="1"/>
  <c r="UVZ54" i="1" s="1"/>
  <c r="UWA54" i="1" s="1"/>
  <c r="UWB54" i="1" s="1"/>
  <c r="UWC54" i="1" s="1"/>
  <c r="UWD54" i="1" s="1"/>
  <c r="UWE54" i="1" s="1"/>
  <c r="UWF54" i="1" s="1"/>
  <c r="UWG54" i="1" s="1"/>
  <c r="UWH54" i="1" s="1"/>
  <c r="UWI54" i="1" s="1"/>
  <c r="UWJ54" i="1" s="1"/>
  <c r="UWK54" i="1" s="1"/>
  <c r="UWL54" i="1" s="1"/>
  <c r="UWM54" i="1" s="1"/>
  <c r="UWN54" i="1" s="1"/>
  <c r="UWO54" i="1" s="1"/>
  <c r="UWP54" i="1" s="1"/>
  <c r="UWQ54" i="1" s="1"/>
  <c r="UWR54" i="1" s="1"/>
  <c r="UWS54" i="1" s="1"/>
  <c r="UWT54" i="1" s="1"/>
  <c r="UWU54" i="1" s="1"/>
  <c r="UWV54" i="1" s="1"/>
  <c r="UWW54" i="1" s="1"/>
  <c r="UWX54" i="1" s="1"/>
  <c r="UWY54" i="1" s="1"/>
  <c r="UWZ54" i="1" s="1"/>
  <c r="UXA54" i="1" s="1"/>
  <c r="UXB54" i="1" s="1"/>
  <c r="UXC54" i="1" s="1"/>
  <c r="UXD54" i="1" s="1"/>
  <c r="UXE54" i="1" s="1"/>
  <c r="UXF54" i="1" s="1"/>
  <c r="UXG54" i="1" s="1"/>
  <c r="UXH54" i="1" s="1"/>
  <c r="UXI54" i="1" s="1"/>
  <c r="UXJ54" i="1" s="1"/>
  <c r="UXK54" i="1" s="1"/>
  <c r="UXL54" i="1" s="1"/>
  <c r="UXM54" i="1" s="1"/>
  <c r="UXN54" i="1" s="1"/>
  <c r="UXO54" i="1" s="1"/>
  <c r="UXP54" i="1" s="1"/>
  <c r="UXQ54" i="1" s="1"/>
  <c r="UXR54" i="1" s="1"/>
  <c r="UXS54" i="1" s="1"/>
  <c r="UXT54" i="1" s="1"/>
  <c r="UXU54" i="1" s="1"/>
  <c r="UXV54" i="1" s="1"/>
  <c r="UXW54" i="1" s="1"/>
  <c r="UXX54" i="1" s="1"/>
  <c r="UXY54" i="1" s="1"/>
  <c r="UXZ54" i="1" s="1"/>
  <c r="UYA54" i="1" s="1"/>
  <c r="UYB54" i="1" s="1"/>
  <c r="UYC54" i="1" s="1"/>
  <c r="UYD54" i="1" s="1"/>
  <c r="UYE54" i="1" s="1"/>
  <c r="UYF54" i="1" s="1"/>
  <c r="UYG54" i="1" s="1"/>
  <c r="UYH54" i="1" s="1"/>
  <c r="UYI54" i="1" s="1"/>
  <c r="UYJ54" i="1" s="1"/>
  <c r="UYK54" i="1" s="1"/>
  <c r="UYL54" i="1" s="1"/>
  <c r="UYM54" i="1" s="1"/>
  <c r="UYN54" i="1" s="1"/>
  <c r="UYO54" i="1" s="1"/>
  <c r="UYP54" i="1" s="1"/>
  <c r="UYQ54" i="1" s="1"/>
  <c r="UYR54" i="1" s="1"/>
  <c r="UYS54" i="1" s="1"/>
  <c r="UYT54" i="1" s="1"/>
  <c r="UYU54" i="1" s="1"/>
  <c r="UYV54" i="1" s="1"/>
  <c r="UYW54" i="1" s="1"/>
  <c r="UYX54" i="1" s="1"/>
  <c r="UYY54" i="1" s="1"/>
  <c r="UYZ54" i="1" s="1"/>
  <c r="UZA54" i="1" s="1"/>
  <c r="UZB54" i="1" s="1"/>
  <c r="UZC54" i="1" s="1"/>
  <c r="UZD54" i="1" s="1"/>
  <c r="UZE54" i="1" s="1"/>
  <c r="UZF54" i="1" s="1"/>
  <c r="UZG54" i="1" s="1"/>
  <c r="UZH54" i="1" s="1"/>
  <c r="UZI54" i="1" s="1"/>
  <c r="UZJ54" i="1" s="1"/>
  <c r="UZK54" i="1" s="1"/>
  <c r="UZL54" i="1" s="1"/>
  <c r="UZM54" i="1" s="1"/>
  <c r="UZN54" i="1" s="1"/>
  <c r="UZO54" i="1" s="1"/>
  <c r="UZP54" i="1" s="1"/>
  <c r="UZQ54" i="1" s="1"/>
  <c r="UZR54" i="1" s="1"/>
  <c r="UZS54" i="1" s="1"/>
  <c r="UZT54" i="1" s="1"/>
  <c r="UZU54" i="1" s="1"/>
  <c r="UZV54" i="1" s="1"/>
  <c r="UZW54" i="1" s="1"/>
  <c r="UZX54" i="1" s="1"/>
  <c r="UZY54" i="1" s="1"/>
  <c r="UZZ54" i="1" s="1"/>
  <c r="VAA54" i="1" s="1"/>
  <c r="VAB54" i="1" s="1"/>
  <c r="VAC54" i="1" s="1"/>
  <c r="VAD54" i="1" s="1"/>
  <c r="VAE54" i="1" s="1"/>
  <c r="VAF54" i="1" s="1"/>
  <c r="VAG54" i="1" s="1"/>
  <c r="VAH54" i="1" s="1"/>
  <c r="VAI54" i="1" s="1"/>
  <c r="VAJ54" i="1" s="1"/>
  <c r="VAK54" i="1" s="1"/>
  <c r="VAL54" i="1" s="1"/>
  <c r="VAM54" i="1" s="1"/>
  <c r="VAN54" i="1" s="1"/>
  <c r="VAO54" i="1" s="1"/>
  <c r="VAP54" i="1" s="1"/>
  <c r="VAQ54" i="1" s="1"/>
  <c r="VAR54" i="1" s="1"/>
  <c r="VAS54" i="1" s="1"/>
  <c r="VAT54" i="1" s="1"/>
  <c r="VAU54" i="1" s="1"/>
  <c r="VAV54" i="1" s="1"/>
  <c r="VAW54" i="1" s="1"/>
  <c r="VAX54" i="1" s="1"/>
  <c r="VAY54" i="1" s="1"/>
  <c r="VAZ54" i="1" s="1"/>
  <c r="VBA54" i="1" s="1"/>
  <c r="VBB54" i="1" s="1"/>
  <c r="VBC54" i="1" s="1"/>
  <c r="VBD54" i="1" s="1"/>
  <c r="VBE54" i="1" s="1"/>
  <c r="VBF54" i="1" s="1"/>
  <c r="VBG54" i="1" s="1"/>
  <c r="VBH54" i="1" s="1"/>
  <c r="VBI54" i="1" s="1"/>
  <c r="VBJ54" i="1" s="1"/>
  <c r="VBK54" i="1" s="1"/>
  <c r="VBL54" i="1" s="1"/>
  <c r="VBM54" i="1" s="1"/>
  <c r="VBN54" i="1" s="1"/>
  <c r="VBO54" i="1" s="1"/>
  <c r="VBP54" i="1" s="1"/>
  <c r="VBQ54" i="1" s="1"/>
  <c r="VBR54" i="1" s="1"/>
  <c r="VBS54" i="1" s="1"/>
  <c r="VBT54" i="1" s="1"/>
  <c r="VBU54" i="1" s="1"/>
  <c r="VBV54" i="1" s="1"/>
  <c r="VBW54" i="1" s="1"/>
  <c r="VBX54" i="1" s="1"/>
  <c r="VBY54" i="1" s="1"/>
  <c r="VBZ54" i="1" s="1"/>
  <c r="VCA54" i="1" s="1"/>
  <c r="VCB54" i="1" s="1"/>
  <c r="VCC54" i="1" s="1"/>
  <c r="VCD54" i="1" s="1"/>
  <c r="VCE54" i="1" s="1"/>
  <c r="VCF54" i="1" s="1"/>
  <c r="VCG54" i="1" s="1"/>
  <c r="VCH54" i="1" s="1"/>
  <c r="VCI54" i="1" s="1"/>
  <c r="VCJ54" i="1" s="1"/>
  <c r="VCK54" i="1" s="1"/>
  <c r="VCL54" i="1" s="1"/>
  <c r="VCM54" i="1" s="1"/>
  <c r="VCN54" i="1" s="1"/>
  <c r="VCO54" i="1" s="1"/>
  <c r="VCP54" i="1" s="1"/>
  <c r="VCQ54" i="1" s="1"/>
  <c r="VCR54" i="1" s="1"/>
  <c r="VCS54" i="1" s="1"/>
  <c r="VCT54" i="1" s="1"/>
  <c r="VCU54" i="1" s="1"/>
  <c r="VCV54" i="1" s="1"/>
  <c r="VCW54" i="1" s="1"/>
  <c r="VCX54" i="1" s="1"/>
  <c r="VCY54" i="1" s="1"/>
  <c r="VCZ54" i="1" s="1"/>
  <c r="VDA54" i="1" s="1"/>
  <c r="VDB54" i="1" s="1"/>
  <c r="VDC54" i="1" s="1"/>
  <c r="VDD54" i="1" s="1"/>
  <c r="VDE54" i="1" s="1"/>
  <c r="VDF54" i="1" s="1"/>
  <c r="VDG54" i="1" s="1"/>
  <c r="VDH54" i="1" s="1"/>
  <c r="VDI54" i="1" s="1"/>
  <c r="VDJ54" i="1" s="1"/>
  <c r="VDK54" i="1" s="1"/>
  <c r="VDL54" i="1" s="1"/>
  <c r="VDM54" i="1" s="1"/>
  <c r="VDN54" i="1" s="1"/>
  <c r="VDO54" i="1" s="1"/>
  <c r="VDP54" i="1" s="1"/>
  <c r="VDQ54" i="1" s="1"/>
  <c r="VDR54" i="1" s="1"/>
  <c r="VDS54" i="1" s="1"/>
  <c r="VDT54" i="1" s="1"/>
  <c r="VDU54" i="1" s="1"/>
  <c r="VDV54" i="1" s="1"/>
  <c r="VDW54" i="1" s="1"/>
  <c r="VDX54" i="1" s="1"/>
  <c r="VDY54" i="1" s="1"/>
  <c r="VDZ54" i="1" s="1"/>
  <c r="VEA54" i="1" s="1"/>
  <c r="VEB54" i="1" s="1"/>
  <c r="VEC54" i="1" s="1"/>
  <c r="VED54" i="1" s="1"/>
  <c r="VEE54" i="1" s="1"/>
  <c r="VEF54" i="1" s="1"/>
  <c r="VEG54" i="1" s="1"/>
  <c r="VEH54" i="1" s="1"/>
  <c r="VEI54" i="1" s="1"/>
  <c r="VEJ54" i="1" s="1"/>
  <c r="VEK54" i="1" s="1"/>
  <c r="VEL54" i="1" s="1"/>
  <c r="VEM54" i="1" s="1"/>
  <c r="VEN54" i="1" s="1"/>
  <c r="VEO54" i="1" s="1"/>
  <c r="VEP54" i="1" s="1"/>
  <c r="VEQ54" i="1" s="1"/>
  <c r="VER54" i="1" s="1"/>
  <c r="VES54" i="1" s="1"/>
  <c r="VET54" i="1" s="1"/>
  <c r="VEU54" i="1" s="1"/>
  <c r="VEV54" i="1" s="1"/>
  <c r="VEW54" i="1" s="1"/>
  <c r="VEX54" i="1" s="1"/>
  <c r="VEY54" i="1" s="1"/>
  <c r="VEZ54" i="1" s="1"/>
  <c r="VFA54" i="1" s="1"/>
  <c r="VFB54" i="1" s="1"/>
  <c r="VFC54" i="1" s="1"/>
  <c r="VFD54" i="1" s="1"/>
  <c r="VFE54" i="1" s="1"/>
  <c r="VFF54" i="1" s="1"/>
  <c r="VFG54" i="1" s="1"/>
  <c r="VFH54" i="1" s="1"/>
  <c r="VFI54" i="1" s="1"/>
  <c r="VFJ54" i="1" s="1"/>
  <c r="VFK54" i="1" s="1"/>
  <c r="VFL54" i="1" s="1"/>
  <c r="VFM54" i="1" s="1"/>
  <c r="VFN54" i="1" s="1"/>
  <c r="VFO54" i="1" s="1"/>
  <c r="VFP54" i="1" s="1"/>
  <c r="VFQ54" i="1" s="1"/>
  <c r="VFR54" i="1" s="1"/>
  <c r="VFS54" i="1" s="1"/>
  <c r="VFT54" i="1" s="1"/>
  <c r="VFU54" i="1" s="1"/>
  <c r="VFV54" i="1" s="1"/>
  <c r="VFW54" i="1" s="1"/>
  <c r="VFX54" i="1" s="1"/>
  <c r="VFY54" i="1" s="1"/>
  <c r="VFZ54" i="1" s="1"/>
  <c r="VGA54" i="1" s="1"/>
  <c r="VGB54" i="1" s="1"/>
  <c r="VGC54" i="1" s="1"/>
  <c r="VGD54" i="1" s="1"/>
  <c r="VGE54" i="1" s="1"/>
  <c r="VGF54" i="1" s="1"/>
  <c r="VGG54" i="1" s="1"/>
  <c r="VGH54" i="1" s="1"/>
  <c r="VGI54" i="1" s="1"/>
  <c r="VGJ54" i="1" s="1"/>
  <c r="VGK54" i="1" s="1"/>
  <c r="VGL54" i="1" s="1"/>
  <c r="VGM54" i="1" s="1"/>
  <c r="VGN54" i="1" s="1"/>
  <c r="VGO54" i="1" s="1"/>
  <c r="VGP54" i="1" s="1"/>
  <c r="VGQ54" i="1" s="1"/>
  <c r="VGR54" i="1" s="1"/>
  <c r="VGS54" i="1" s="1"/>
  <c r="VGT54" i="1" s="1"/>
  <c r="VGU54" i="1" s="1"/>
  <c r="VGV54" i="1" s="1"/>
  <c r="VGW54" i="1" s="1"/>
  <c r="VGX54" i="1" s="1"/>
  <c r="VGY54" i="1" s="1"/>
  <c r="VGZ54" i="1" s="1"/>
  <c r="VHA54" i="1" s="1"/>
  <c r="VHB54" i="1" s="1"/>
  <c r="VHC54" i="1" s="1"/>
  <c r="VHD54" i="1" s="1"/>
  <c r="VHE54" i="1" s="1"/>
  <c r="VHF54" i="1" s="1"/>
  <c r="VHG54" i="1" s="1"/>
  <c r="VHH54" i="1" s="1"/>
  <c r="VHI54" i="1" s="1"/>
  <c r="VHJ54" i="1" s="1"/>
  <c r="VHK54" i="1" s="1"/>
  <c r="VHL54" i="1" s="1"/>
  <c r="VHM54" i="1" s="1"/>
  <c r="VHN54" i="1" s="1"/>
  <c r="VHO54" i="1" s="1"/>
  <c r="VHP54" i="1" s="1"/>
  <c r="VHQ54" i="1" s="1"/>
  <c r="VHR54" i="1" s="1"/>
  <c r="VHS54" i="1" s="1"/>
  <c r="VHT54" i="1" s="1"/>
  <c r="VHU54" i="1" s="1"/>
  <c r="VHV54" i="1" s="1"/>
  <c r="VHW54" i="1" s="1"/>
  <c r="VHX54" i="1" s="1"/>
  <c r="VHY54" i="1" s="1"/>
  <c r="VHZ54" i="1" s="1"/>
  <c r="VIA54" i="1" s="1"/>
  <c r="VIB54" i="1" s="1"/>
  <c r="VIC54" i="1" s="1"/>
  <c r="VID54" i="1" s="1"/>
  <c r="VIE54" i="1" s="1"/>
  <c r="VIF54" i="1" s="1"/>
  <c r="VIG54" i="1" s="1"/>
  <c r="VIH54" i="1" s="1"/>
  <c r="VII54" i="1" s="1"/>
  <c r="VIJ54" i="1" s="1"/>
  <c r="VIK54" i="1" s="1"/>
  <c r="VIL54" i="1" s="1"/>
  <c r="VIM54" i="1" s="1"/>
  <c r="VIN54" i="1" s="1"/>
  <c r="VIO54" i="1" s="1"/>
  <c r="VIP54" i="1" s="1"/>
  <c r="VIQ54" i="1" s="1"/>
  <c r="VIR54" i="1" s="1"/>
  <c r="VIS54" i="1" s="1"/>
  <c r="VIT54" i="1" s="1"/>
  <c r="VIU54" i="1" s="1"/>
  <c r="VIV54" i="1" s="1"/>
  <c r="VIW54" i="1" s="1"/>
  <c r="VIX54" i="1" s="1"/>
  <c r="VIY54" i="1" s="1"/>
  <c r="VIZ54" i="1" s="1"/>
  <c r="VJA54" i="1" s="1"/>
  <c r="VJB54" i="1" s="1"/>
  <c r="VJC54" i="1" s="1"/>
  <c r="VJD54" i="1" s="1"/>
  <c r="VJE54" i="1" s="1"/>
  <c r="VJF54" i="1" s="1"/>
  <c r="VJG54" i="1" s="1"/>
  <c r="VJH54" i="1" s="1"/>
  <c r="VJI54" i="1" s="1"/>
  <c r="VJJ54" i="1" s="1"/>
  <c r="VJK54" i="1" s="1"/>
  <c r="VJL54" i="1" s="1"/>
  <c r="VJM54" i="1" s="1"/>
  <c r="VJN54" i="1" s="1"/>
  <c r="VJO54" i="1" s="1"/>
  <c r="VJP54" i="1" s="1"/>
  <c r="VJQ54" i="1" s="1"/>
  <c r="VJR54" i="1" s="1"/>
  <c r="VJS54" i="1" s="1"/>
  <c r="VJT54" i="1" s="1"/>
  <c r="VJU54" i="1" s="1"/>
  <c r="VJV54" i="1" s="1"/>
  <c r="VJW54" i="1" s="1"/>
  <c r="VJX54" i="1" s="1"/>
  <c r="VJY54" i="1" s="1"/>
  <c r="VJZ54" i="1" s="1"/>
  <c r="VKA54" i="1" s="1"/>
  <c r="VKB54" i="1" s="1"/>
  <c r="VKC54" i="1" s="1"/>
  <c r="VKD54" i="1" s="1"/>
  <c r="VKE54" i="1" s="1"/>
  <c r="VKF54" i="1" s="1"/>
  <c r="VKG54" i="1" s="1"/>
  <c r="VKH54" i="1" s="1"/>
  <c r="VKI54" i="1" s="1"/>
  <c r="VKJ54" i="1" s="1"/>
  <c r="VKK54" i="1" s="1"/>
  <c r="VKL54" i="1" s="1"/>
  <c r="VKM54" i="1" s="1"/>
  <c r="VKN54" i="1" s="1"/>
  <c r="VKO54" i="1" s="1"/>
  <c r="VKP54" i="1" s="1"/>
  <c r="VKQ54" i="1" s="1"/>
  <c r="VKR54" i="1" s="1"/>
  <c r="VKS54" i="1" s="1"/>
  <c r="VKT54" i="1" s="1"/>
  <c r="VKU54" i="1" s="1"/>
  <c r="VKV54" i="1" s="1"/>
  <c r="VKW54" i="1" s="1"/>
  <c r="VKX54" i="1" s="1"/>
  <c r="VKY54" i="1" s="1"/>
  <c r="VKZ54" i="1" s="1"/>
  <c r="VLA54" i="1" s="1"/>
  <c r="VLB54" i="1" s="1"/>
  <c r="VLC54" i="1" s="1"/>
  <c r="VLD54" i="1" s="1"/>
  <c r="VLE54" i="1" s="1"/>
  <c r="VLF54" i="1" s="1"/>
  <c r="VLG54" i="1" s="1"/>
  <c r="VLH54" i="1" s="1"/>
  <c r="VLI54" i="1" s="1"/>
  <c r="VLJ54" i="1" s="1"/>
  <c r="VLK54" i="1" s="1"/>
  <c r="VLL54" i="1" s="1"/>
  <c r="VLM54" i="1" s="1"/>
  <c r="VLN54" i="1" s="1"/>
  <c r="VLO54" i="1" s="1"/>
  <c r="VLP54" i="1" s="1"/>
  <c r="VLQ54" i="1" s="1"/>
  <c r="VLR54" i="1" s="1"/>
  <c r="VLS54" i="1" s="1"/>
  <c r="VLT54" i="1" s="1"/>
  <c r="VLU54" i="1" s="1"/>
  <c r="VLV54" i="1" s="1"/>
  <c r="VLW54" i="1" s="1"/>
  <c r="VLX54" i="1" s="1"/>
  <c r="VLY54" i="1" s="1"/>
  <c r="VLZ54" i="1" s="1"/>
  <c r="VMA54" i="1" s="1"/>
  <c r="VMB54" i="1" s="1"/>
  <c r="VMC54" i="1" s="1"/>
  <c r="VMD54" i="1" s="1"/>
  <c r="VME54" i="1" s="1"/>
  <c r="VMF54" i="1" s="1"/>
  <c r="VMG54" i="1" s="1"/>
  <c r="VMH54" i="1" s="1"/>
  <c r="VMI54" i="1" s="1"/>
  <c r="VMJ54" i="1" s="1"/>
  <c r="VMK54" i="1" s="1"/>
  <c r="VML54" i="1" s="1"/>
  <c r="VMM54" i="1" s="1"/>
  <c r="VMN54" i="1" s="1"/>
  <c r="VMO54" i="1" s="1"/>
  <c r="VMP54" i="1" s="1"/>
  <c r="VMQ54" i="1" s="1"/>
  <c r="VMR54" i="1" s="1"/>
  <c r="VMS54" i="1" s="1"/>
  <c r="VMT54" i="1" s="1"/>
  <c r="VMU54" i="1" s="1"/>
  <c r="VMV54" i="1" s="1"/>
  <c r="VMW54" i="1" s="1"/>
  <c r="VMX54" i="1" s="1"/>
  <c r="VMY54" i="1" s="1"/>
  <c r="VMZ54" i="1" s="1"/>
  <c r="VNA54" i="1" s="1"/>
  <c r="VNB54" i="1" s="1"/>
  <c r="VNC54" i="1" s="1"/>
  <c r="VND54" i="1" s="1"/>
  <c r="VNE54" i="1" s="1"/>
  <c r="VNF54" i="1" s="1"/>
  <c r="VNG54" i="1" s="1"/>
  <c r="VNH54" i="1" s="1"/>
  <c r="VNI54" i="1" s="1"/>
  <c r="VNJ54" i="1" s="1"/>
  <c r="VNK54" i="1" s="1"/>
  <c r="VNL54" i="1" s="1"/>
  <c r="VNM54" i="1" s="1"/>
  <c r="VNN54" i="1" s="1"/>
  <c r="VNO54" i="1" s="1"/>
  <c r="VNP54" i="1" s="1"/>
  <c r="VNQ54" i="1" s="1"/>
  <c r="VNR54" i="1" s="1"/>
  <c r="VNS54" i="1" s="1"/>
  <c r="VNT54" i="1" s="1"/>
  <c r="VNU54" i="1" s="1"/>
  <c r="VNV54" i="1" s="1"/>
  <c r="VNW54" i="1" s="1"/>
  <c r="VNX54" i="1" s="1"/>
  <c r="VNY54" i="1" s="1"/>
  <c r="VNZ54" i="1" s="1"/>
  <c r="VOA54" i="1" s="1"/>
  <c r="VOB54" i="1" s="1"/>
  <c r="VOC54" i="1" s="1"/>
  <c r="VOD54" i="1" s="1"/>
  <c r="VOE54" i="1" s="1"/>
  <c r="VOF54" i="1" s="1"/>
  <c r="VOG54" i="1" s="1"/>
  <c r="VOH54" i="1" s="1"/>
  <c r="VOI54" i="1" s="1"/>
  <c r="VOJ54" i="1" s="1"/>
  <c r="VOK54" i="1" s="1"/>
  <c r="VOL54" i="1" s="1"/>
  <c r="VOM54" i="1" s="1"/>
  <c r="VON54" i="1" s="1"/>
  <c r="VOO54" i="1" s="1"/>
  <c r="VOP54" i="1" s="1"/>
  <c r="VOQ54" i="1" s="1"/>
  <c r="VOR54" i="1" s="1"/>
  <c r="VOS54" i="1" s="1"/>
  <c r="VOT54" i="1" s="1"/>
  <c r="VOU54" i="1" s="1"/>
  <c r="VOV54" i="1" s="1"/>
  <c r="VOW54" i="1" s="1"/>
  <c r="VOX54" i="1" s="1"/>
  <c r="VOY54" i="1" s="1"/>
  <c r="VOZ54" i="1" s="1"/>
  <c r="VPA54" i="1" s="1"/>
  <c r="VPB54" i="1" s="1"/>
  <c r="VPC54" i="1" s="1"/>
  <c r="VPD54" i="1" s="1"/>
  <c r="VPE54" i="1" s="1"/>
  <c r="VPF54" i="1" s="1"/>
  <c r="VPG54" i="1" s="1"/>
  <c r="VPH54" i="1" s="1"/>
  <c r="VPI54" i="1" s="1"/>
  <c r="VPJ54" i="1" s="1"/>
  <c r="VPK54" i="1" s="1"/>
  <c r="VPL54" i="1" s="1"/>
  <c r="VPM54" i="1" s="1"/>
  <c r="VPN54" i="1" s="1"/>
  <c r="VPO54" i="1" s="1"/>
  <c r="VPP54" i="1" s="1"/>
  <c r="VPQ54" i="1" s="1"/>
  <c r="VPR54" i="1" s="1"/>
  <c r="VPS54" i="1" s="1"/>
  <c r="VPT54" i="1" s="1"/>
  <c r="VPU54" i="1" s="1"/>
  <c r="VPV54" i="1" s="1"/>
  <c r="VPW54" i="1" s="1"/>
  <c r="VPX54" i="1" s="1"/>
  <c r="VPY54" i="1" s="1"/>
  <c r="VPZ54" i="1" s="1"/>
  <c r="VQA54" i="1" s="1"/>
  <c r="VQB54" i="1" s="1"/>
  <c r="VQC54" i="1" s="1"/>
  <c r="VQD54" i="1" s="1"/>
  <c r="VQE54" i="1" s="1"/>
  <c r="VQF54" i="1" s="1"/>
  <c r="VQG54" i="1" s="1"/>
  <c r="VQH54" i="1" s="1"/>
  <c r="VQI54" i="1" s="1"/>
  <c r="VQJ54" i="1" s="1"/>
  <c r="VQK54" i="1" s="1"/>
  <c r="VQL54" i="1" s="1"/>
  <c r="VQM54" i="1" s="1"/>
  <c r="VQN54" i="1" s="1"/>
  <c r="VQO54" i="1" s="1"/>
  <c r="VQP54" i="1" s="1"/>
  <c r="VQQ54" i="1" s="1"/>
  <c r="VQR54" i="1" s="1"/>
  <c r="VQS54" i="1" s="1"/>
  <c r="VQT54" i="1" s="1"/>
  <c r="VQU54" i="1" s="1"/>
  <c r="VQV54" i="1" s="1"/>
  <c r="VQW54" i="1" s="1"/>
  <c r="VQX54" i="1" s="1"/>
  <c r="VQY54" i="1" s="1"/>
  <c r="VQZ54" i="1" s="1"/>
  <c r="VRA54" i="1" s="1"/>
  <c r="VRB54" i="1" s="1"/>
  <c r="VRC54" i="1" s="1"/>
  <c r="VRD54" i="1" s="1"/>
  <c r="VRE54" i="1" s="1"/>
  <c r="VRF54" i="1" s="1"/>
  <c r="VRG54" i="1" s="1"/>
  <c r="VRH54" i="1" s="1"/>
  <c r="VRI54" i="1" s="1"/>
  <c r="VRJ54" i="1" s="1"/>
  <c r="VRK54" i="1" s="1"/>
  <c r="VRL54" i="1" s="1"/>
  <c r="VRM54" i="1" s="1"/>
  <c r="VRN54" i="1" s="1"/>
  <c r="VRO54" i="1" s="1"/>
  <c r="VRP54" i="1" s="1"/>
  <c r="VRQ54" i="1" s="1"/>
  <c r="VRR54" i="1" s="1"/>
  <c r="VRS54" i="1" s="1"/>
  <c r="VRT54" i="1" s="1"/>
  <c r="VRU54" i="1" s="1"/>
  <c r="VRV54" i="1" s="1"/>
  <c r="VRW54" i="1" s="1"/>
  <c r="VRX54" i="1" s="1"/>
  <c r="VRY54" i="1" s="1"/>
  <c r="VRZ54" i="1" s="1"/>
  <c r="VSA54" i="1" s="1"/>
  <c r="VSB54" i="1" s="1"/>
  <c r="VSC54" i="1" s="1"/>
  <c r="VSD54" i="1" s="1"/>
  <c r="VSE54" i="1" s="1"/>
  <c r="VSF54" i="1" s="1"/>
  <c r="VSG54" i="1" s="1"/>
  <c r="VSH54" i="1" s="1"/>
  <c r="VSI54" i="1" s="1"/>
  <c r="VSJ54" i="1" s="1"/>
  <c r="VSK54" i="1" s="1"/>
  <c r="VSL54" i="1" s="1"/>
  <c r="VSM54" i="1" s="1"/>
  <c r="VSN54" i="1" s="1"/>
  <c r="VSO54" i="1" s="1"/>
  <c r="VSP54" i="1" s="1"/>
  <c r="VSQ54" i="1" s="1"/>
  <c r="VSR54" i="1" s="1"/>
  <c r="VSS54" i="1" s="1"/>
  <c r="VST54" i="1" s="1"/>
  <c r="VSU54" i="1" s="1"/>
  <c r="VSV54" i="1" s="1"/>
  <c r="VSW54" i="1" s="1"/>
  <c r="VSX54" i="1" s="1"/>
  <c r="VSY54" i="1" s="1"/>
  <c r="VSZ54" i="1" s="1"/>
  <c r="VTA54" i="1" s="1"/>
  <c r="VTB54" i="1" s="1"/>
  <c r="VTC54" i="1" s="1"/>
  <c r="VTD54" i="1" s="1"/>
  <c r="VTE54" i="1" s="1"/>
  <c r="VTF54" i="1" s="1"/>
  <c r="VTG54" i="1" s="1"/>
  <c r="VTH54" i="1" s="1"/>
  <c r="VTI54" i="1" s="1"/>
  <c r="VTJ54" i="1" s="1"/>
  <c r="VTK54" i="1" s="1"/>
  <c r="VTL54" i="1" s="1"/>
  <c r="VTM54" i="1" s="1"/>
  <c r="VTN54" i="1" s="1"/>
  <c r="VTO54" i="1" s="1"/>
  <c r="VTP54" i="1" s="1"/>
  <c r="VTQ54" i="1" s="1"/>
  <c r="VTR54" i="1" s="1"/>
  <c r="VTS54" i="1" s="1"/>
  <c r="VTT54" i="1" s="1"/>
  <c r="VTU54" i="1" s="1"/>
  <c r="VTV54" i="1" s="1"/>
  <c r="VTW54" i="1" s="1"/>
  <c r="VTX54" i="1" s="1"/>
  <c r="VTY54" i="1" s="1"/>
  <c r="VTZ54" i="1" s="1"/>
  <c r="VUA54" i="1" s="1"/>
  <c r="VUB54" i="1" s="1"/>
  <c r="VUC54" i="1" s="1"/>
  <c r="VUD54" i="1" s="1"/>
  <c r="VUE54" i="1" s="1"/>
  <c r="VUF54" i="1" s="1"/>
  <c r="VUG54" i="1" s="1"/>
  <c r="VUH54" i="1" s="1"/>
  <c r="VUI54" i="1" s="1"/>
  <c r="VUJ54" i="1" s="1"/>
  <c r="VUK54" i="1" s="1"/>
  <c r="VUL54" i="1" s="1"/>
  <c r="VUM54" i="1" s="1"/>
  <c r="VUN54" i="1" s="1"/>
  <c r="VUO54" i="1" s="1"/>
  <c r="VUP54" i="1" s="1"/>
  <c r="VUQ54" i="1" s="1"/>
  <c r="VUR54" i="1" s="1"/>
  <c r="VUS54" i="1" s="1"/>
  <c r="VUT54" i="1" s="1"/>
  <c r="VUU54" i="1" s="1"/>
  <c r="VUV54" i="1" s="1"/>
  <c r="VUW54" i="1" s="1"/>
  <c r="VUX54" i="1" s="1"/>
  <c r="VUY54" i="1" s="1"/>
  <c r="VUZ54" i="1" s="1"/>
  <c r="VVA54" i="1" s="1"/>
  <c r="VVB54" i="1" s="1"/>
  <c r="VVC54" i="1" s="1"/>
  <c r="VVD54" i="1" s="1"/>
  <c r="VVE54" i="1" s="1"/>
  <c r="VVF54" i="1" s="1"/>
  <c r="VVG54" i="1" s="1"/>
  <c r="VVH54" i="1" s="1"/>
  <c r="VVI54" i="1" s="1"/>
  <c r="VVJ54" i="1" s="1"/>
  <c r="VVK54" i="1" s="1"/>
  <c r="VVL54" i="1" s="1"/>
  <c r="VVM54" i="1" s="1"/>
  <c r="VVN54" i="1" s="1"/>
  <c r="VVO54" i="1" s="1"/>
  <c r="VVP54" i="1" s="1"/>
  <c r="VVQ54" i="1" s="1"/>
  <c r="VVR54" i="1" s="1"/>
  <c r="VVS54" i="1" s="1"/>
  <c r="VVT54" i="1" s="1"/>
  <c r="VVU54" i="1" s="1"/>
  <c r="VVV54" i="1" s="1"/>
  <c r="VVW54" i="1" s="1"/>
  <c r="VVX54" i="1" s="1"/>
  <c r="VVY54" i="1" s="1"/>
  <c r="VVZ54" i="1" s="1"/>
  <c r="VWA54" i="1" s="1"/>
  <c r="VWB54" i="1" s="1"/>
  <c r="VWC54" i="1" s="1"/>
  <c r="VWD54" i="1" s="1"/>
  <c r="VWE54" i="1" s="1"/>
  <c r="VWF54" i="1" s="1"/>
  <c r="VWG54" i="1" s="1"/>
  <c r="VWH54" i="1" s="1"/>
  <c r="VWI54" i="1" s="1"/>
  <c r="VWJ54" i="1" s="1"/>
  <c r="VWK54" i="1" s="1"/>
  <c r="VWL54" i="1" s="1"/>
  <c r="VWM54" i="1" s="1"/>
  <c r="VWN54" i="1" s="1"/>
  <c r="VWO54" i="1" s="1"/>
  <c r="VWP54" i="1" s="1"/>
  <c r="VWQ54" i="1" s="1"/>
  <c r="VWR54" i="1" s="1"/>
  <c r="VWS54" i="1" s="1"/>
  <c r="VWT54" i="1" s="1"/>
  <c r="VWU54" i="1" s="1"/>
  <c r="VWV54" i="1" s="1"/>
  <c r="VWW54" i="1" s="1"/>
  <c r="VWX54" i="1" s="1"/>
  <c r="VWY54" i="1" s="1"/>
  <c r="VWZ54" i="1" s="1"/>
  <c r="VXA54" i="1" s="1"/>
  <c r="VXB54" i="1" s="1"/>
  <c r="VXC54" i="1" s="1"/>
  <c r="VXD54" i="1" s="1"/>
  <c r="VXE54" i="1" s="1"/>
  <c r="VXF54" i="1" s="1"/>
  <c r="VXG54" i="1" s="1"/>
  <c r="VXH54" i="1" s="1"/>
  <c r="VXI54" i="1" s="1"/>
  <c r="VXJ54" i="1" s="1"/>
  <c r="VXK54" i="1" s="1"/>
  <c r="VXL54" i="1" s="1"/>
  <c r="VXM54" i="1" s="1"/>
  <c r="VXN54" i="1" s="1"/>
  <c r="VXO54" i="1" s="1"/>
  <c r="VXP54" i="1" s="1"/>
  <c r="VXQ54" i="1" s="1"/>
  <c r="VXR54" i="1" s="1"/>
  <c r="VXS54" i="1" s="1"/>
  <c r="VXT54" i="1" s="1"/>
  <c r="VXU54" i="1" s="1"/>
  <c r="VXV54" i="1" s="1"/>
  <c r="VXW54" i="1" s="1"/>
  <c r="VXX54" i="1" s="1"/>
  <c r="VXY54" i="1" s="1"/>
  <c r="VXZ54" i="1" s="1"/>
  <c r="VYA54" i="1" s="1"/>
  <c r="VYB54" i="1" s="1"/>
  <c r="VYC54" i="1" s="1"/>
  <c r="VYD54" i="1" s="1"/>
  <c r="VYE54" i="1" s="1"/>
  <c r="VYF54" i="1" s="1"/>
  <c r="VYG54" i="1" s="1"/>
  <c r="VYH54" i="1" s="1"/>
  <c r="VYI54" i="1" s="1"/>
  <c r="VYJ54" i="1" s="1"/>
  <c r="VYK54" i="1" s="1"/>
  <c r="VYL54" i="1" s="1"/>
  <c r="VYM54" i="1" s="1"/>
  <c r="VYN54" i="1" s="1"/>
  <c r="VYO54" i="1" s="1"/>
  <c r="VYP54" i="1" s="1"/>
  <c r="VYQ54" i="1" s="1"/>
  <c r="VYR54" i="1" s="1"/>
  <c r="VYS54" i="1" s="1"/>
  <c r="VYT54" i="1" s="1"/>
  <c r="VYU54" i="1" s="1"/>
  <c r="VYV54" i="1" s="1"/>
  <c r="VYW54" i="1" s="1"/>
  <c r="VYX54" i="1" s="1"/>
  <c r="VYY54" i="1" s="1"/>
  <c r="VYZ54" i="1" s="1"/>
  <c r="VZA54" i="1" s="1"/>
  <c r="VZB54" i="1" s="1"/>
  <c r="VZC54" i="1" s="1"/>
  <c r="VZD54" i="1" s="1"/>
  <c r="VZE54" i="1" s="1"/>
  <c r="VZF54" i="1" s="1"/>
  <c r="VZG54" i="1" s="1"/>
  <c r="VZH54" i="1" s="1"/>
  <c r="VZI54" i="1" s="1"/>
  <c r="VZJ54" i="1" s="1"/>
  <c r="VZK54" i="1" s="1"/>
  <c r="VZL54" i="1" s="1"/>
  <c r="VZM54" i="1" s="1"/>
  <c r="VZN54" i="1" s="1"/>
  <c r="VZO54" i="1" s="1"/>
  <c r="VZP54" i="1" s="1"/>
  <c r="VZQ54" i="1" s="1"/>
  <c r="VZR54" i="1" s="1"/>
  <c r="VZS54" i="1" s="1"/>
  <c r="VZT54" i="1" s="1"/>
  <c r="VZU54" i="1" s="1"/>
  <c r="VZV54" i="1" s="1"/>
  <c r="VZW54" i="1" s="1"/>
  <c r="VZX54" i="1" s="1"/>
  <c r="VZY54" i="1" s="1"/>
  <c r="VZZ54" i="1" s="1"/>
  <c r="WAA54" i="1" s="1"/>
  <c r="WAB54" i="1" s="1"/>
  <c r="WAC54" i="1" s="1"/>
  <c r="WAD54" i="1" s="1"/>
  <c r="WAE54" i="1" s="1"/>
  <c r="WAF54" i="1" s="1"/>
  <c r="WAG54" i="1" s="1"/>
  <c r="WAH54" i="1" s="1"/>
  <c r="WAI54" i="1" s="1"/>
  <c r="WAJ54" i="1" s="1"/>
  <c r="WAK54" i="1" s="1"/>
  <c r="WAL54" i="1" s="1"/>
  <c r="WAM54" i="1" s="1"/>
  <c r="WAN54" i="1" s="1"/>
  <c r="WAO54" i="1" s="1"/>
  <c r="WAP54" i="1" s="1"/>
  <c r="WAQ54" i="1" s="1"/>
  <c r="WAR54" i="1" s="1"/>
  <c r="WAS54" i="1" s="1"/>
  <c r="WAT54" i="1" s="1"/>
  <c r="WAU54" i="1" s="1"/>
  <c r="WAV54" i="1" s="1"/>
  <c r="WAW54" i="1" s="1"/>
  <c r="WAX54" i="1" s="1"/>
  <c r="WAY54" i="1" s="1"/>
  <c r="WAZ54" i="1" s="1"/>
  <c r="WBA54" i="1" s="1"/>
  <c r="WBB54" i="1" s="1"/>
  <c r="WBC54" i="1" s="1"/>
  <c r="WBD54" i="1" s="1"/>
  <c r="WBE54" i="1" s="1"/>
  <c r="WBF54" i="1" s="1"/>
  <c r="WBG54" i="1" s="1"/>
  <c r="WBH54" i="1" s="1"/>
  <c r="WBI54" i="1" s="1"/>
  <c r="WBJ54" i="1" s="1"/>
  <c r="WBK54" i="1" s="1"/>
  <c r="WBL54" i="1" s="1"/>
  <c r="WBM54" i="1" s="1"/>
  <c r="WBN54" i="1" s="1"/>
  <c r="WBO54" i="1" s="1"/>
  <c r="WBP54" i="1" s="1"/>
  <c r="WBQ54" i="1" s="1"/>
  <c r="WBR54" i="1" s="1"/>
  <c r="WBS54" i="1" s="1"/>
  <c r="WBT54" i="1" s="1"/>
  <c r="WBU54" i="1" s="1"/>
  <c r="WBV54" i="1" s="1"/>
  <c r="WBW54" i="1" s="1"/>
  <c r="WBX54" i="1" s="1"/>
  <c r="WBY54" i="1" s="1"/>
  <c r="WBZ54" i="1" s="1"/>
  <c r="WCA54" i="1" s="1"/>
  <c r="WCB54" i="1" s="1"/>
  <c r="WCC54" i="1" s="1"/>
  <c r="WCD54" i="1" s="1"/>
  <c r="WCE54" i="1" s="1"/>
  <c r="WCF54" i="1" s="1"/>
  <c r="WCG54" i="1" s="1"/>
  <c r="WCH54" i="1" s="1"/>
  <c r="WCI54" i="1" s="1"/>
  <c r="WCJ54" i="1" s="1"/>
  <c r="WCK54" i="1" s="1"/>
  <c r="WCL54" i="1" s="1"/>
  <c r="WCM54" i="1" s="1"/>
  <c r="WCN54" i="1" s="1"/>
  <c r="WCO54" i="1" s="1"/>
  <c r="WCP54" i="1" s="1"/>
  <c r="WCQ54" i="1" s="1"/>
  <c r="WCR54" i="1" s="1"/>
  <c r="WCS54" i="1" s="1"/>
  <c r="WCT54" i="1" s="1"/>
  <c r="WCU54" i="1" s="1"/>
  <c r="WCV54" i="1" s="1"/>
  <c r="WCW54" i="1" s="1"/>
  <c r="WCX54" i="1" s="1"/>
  <c r="WCY54" i="1" s="1"/>
  <c r="WCZ54" i="1" s="1"/>
  <c r="WDA54" i="1" s="1"/>
  <c r="WDB54" i="1" s="1"/>
  <c r="WDC54" i="1" s="1"/>
  <c r="WDD54" i="1" s="1"/>
  <c r="WDE54" i="1" s="1"/>
  <c r="WDF54" i="1" s="1"/>
  <c r="WDG54" i="1" s="1"/>
  <c r="WDH54" i="1" s="1"/>
  <c r="WDI54" i="1" s="1"/>
  <c r="WDJ54" i="1" s="1"/>
  <c r="WDK54" i="1" s="1"/>
  <c r="WDL54" i="1" s="1"/>
  <c r="WDM54" i="1" s="1"/>
  <c r="WDN54" i="1" s="1"/>
  <c r="WDO54" i="1" s="1"/>
  <c r="WDP54" i="1" s="1"/>
  <c r="WDQ54" i="1" s="1"/>
  <c r="WDR54" i="1" s="1"/>
  <c r="WDS54" i="1" s="1"/>
  <c r="WDT54" i="1" s="1"/>
  <c r="WDU54" i="1" s="1"/>
  <c r="WDV54" i="1" s="1"/>
  <c r="WDW54" i="1" s="1"/>
  <c r="WDX54" i="1" s="1"/>
  <c r="WDY54" i="1" s="1"/>
  <c r="WDZ54" i="1" s="1"/>
  <c r="WEA54" i="1" s="1"/>
  <c r="WEB54" i="1" s="1"/>
  <c r="WEC54" i="1" s="1"/>
  <c r="WED54" i="1" s="1"/>
  <c r="WEE54" i="1" s="1"/>
  <c r="WEF54" i="1" s="1"/>
  <c r="WEG54" i="1" s="1"/>
  <c r="WEH54" i="1" s="1"/>
  <c r="WEI54" i="1" s="1"/>
  <c r="WEJ54" i="1" s="1"/>
  <c r="WEK54" i="1" s="1"/>
  <c r="WEL54" i="1" s="1"/>
  <c r="WEM54" i="1" s="1"/>
  <c r="WEN54" i="1" s="1"/>
  <c r="WEO54" i="1" s="1"/>
  <c r="WEP54" i="1" s="1"/>
  <c r="WEQ54" i="1" s="1"/>
  <c r="WER54" i="1" s="1"/>
  <c r="WES54" i="1" s="1"/>
  <c r="WET54" i="1" s="1"/>
  <c r="WEU54" i="1" s="1"/>
  <c r="WEV54" i="1" s="1"/>
  <c r="WEW54" i="1" s="1"/>
  <c r="WEX54" i="1" s="1"/>
  <c r="WEY54" i="1" s="1"/>
  <c r="WEZ54" i="1" s="1"/>
  <c r="WFA54" i="1" s="1"/>
  <c r="WFB54" i="1" s="1"/>
  <c r="WFC54" i="1" s="1"/>
  <c r="WFD54" i="1" s="1"/>
  <c r="WFE54" i="1" s="1"/>
  <c r="WFF54" i="1" s="1"/>
  <c r="WFG54" i="1" s="1"/>
  <c r="WFH54" i="1" s="1"/>
  <c r="WFI54" i="1" s="1"/>
  <c r="WFJ54" i="1" s="1"/>
  <c r="WFK54" i="1" s="1"/>
  <c r="WFL54" i="1" s="1"/>
  <c r="WFM54" i="1" s="1"/>
  <c r="WFN54" i="1" s="1"/>
  <c r="WFO54" i="1" s="1"/>
  <c r="WFP54" i="1" s="1"/>
  <c r="WFQ54" i="1" s="1"/>
  <c r="WFR54" i="1" s="1"/>
  <c r="WFS54" i="1" s="1"/>
  <c r="WFT54" i="1" s="1"/>
  <c r="WFU54" i="1" s="1"/>
  <c r="WFV54" i="1" s="1"/>
  <c r="WFW54" i="1" s="1"/>
  <c r="WFX54" i="1" s="1"/>
  <c r="WFY54" i="1" s="1"/>
  <c r="WFZ54" i="1" s="1"/>
  <c r="WGA54" i="1" s="1"/>
  <c r="WGB54" i="1" s="1"/>
  <c r="WGC54" i="1" s="1"/>
  <c r="WGD54" i="1" s="1"/>
  <c r="WGE54" i="1" s="1"/>
  <c r="WGF54" i="1" s="1"/>
  <c r="WGG54" i="1" s="1"/>
  <c r="WGH54" i="1" s="1"/>
  <c r="WGI54" i="1" s="1"/>
  <c r="WGJ54" i="1" s="1"/>
  <c r="WGK54" i="1" s="1"/>
  <c r="WGL54" i="1" s="1"/>
  <c r="WGM54" i="1" s="1"/>
  <c r="WGN54" i="1" s="1"/>
  <c r="WGO54" i="1" s="1"/>
  <c r="WGP54" i="1" s="1"/>
  <c r="WGQ54" i="1" s="1"/>
  <c r="WGR54" i="1" s="1"/>
  <c r="WGS54" i="1" s="1"/>
  <c r="WGT54" i="1" s="1"/>
  <c r="WGU54" i="1" s="1"/>
  <c r="WGV54" i="1" s="1"/>
  <c r="WGW54" i="1" s="1"/>
  <c r="WGX54" i="1" s="1"/>
  <c r="WGY54" i="1" s="1"/>
  <c r="WGZ54" i="1" s="1"/>
  <c r="WHA54" i="1" s="1"/>
  <c r="WHB54" i="1" s="1"/>
  <c r="WHC54" i="1" s="1"/>
  <c r="WHD54" i="1" s="1"/>
  <c r="WHE54" i="1" s="1"/>
  <c r="WHF54" i="1" s="1"/>
  <c r="WHG54" i="1" s="1"/>
  <c r="WHH54" i="1" s="1"/>
  <c r="WHI54" i="1" s="1"/>
  <c r="WHJ54" i="1" s="1"/>
  <c r="WHK54" i="1" s="1"/>
  <c r="WHL54" i="1" s="1"/>
  <c r="WHM54" i="1" s="1"/>
  <c r="WHN54" i="1" s="1"/>
  <c r="WHO54" i="1" s="1"/>
  <c r="WHP54" i="1" s="1"/>
  <c r="WHQ54" i="1" s="1"/>
  <c r="WHR54" i="1" s="1"/>
  <c r="WHS54" i="1" s="1"/>
  <c r="WHT54" i="1" s="1"/>
  <c r="WHU54" i="1" s="1"/>
  <c r="WHV54" i="1" s="1"/>
  <c r="WHW54" i="1" s="1"/>
  <c r="WHX54" i="1" s="1"/>
  <c r="WHY54" i="1" s="1"/>
  <c r="WHZ54" i="1" s="1"/>
  <c r="WIA54" i="1" s="1"/>
  <c r="WIB54" i="1" s="1"/>
  <c r="WIC54" i="1" s="1"/>
  <c r="WID54" i="1" s="1"/>
  <c r="WIE54" i="1" s="1"/>
  <c r="WIF54" i="1" s="1"/>
  <c r="WIG54" i="1" s="1"/>
  <c r="WIH54" i="1" s="1"/>
  <c r="WII54" i="1" s="1"/>
  <c r="WIJ54" i="1" s="1"/>
  <c r="WIK54" i="1" s="1"/>
  <c r="WIL54" i="1" s="1"/>
  <c r="WIM54" i="1" s="1"/>
  <c r="WIN54" i="1" s="1"/>
  <c r="WIO54" i="1" s="1"/>
  <c r="WIP54" i="1" s="1"/>
  <c r="WIQ54" i="1" s="1"/>
  <c r="WIR54" i="1" s="1"/>
  <c r="WIS54" i="1" s="1"/>
  <c r="WIT54" i="1" s="1"/>
  <c r="WIU54" i="1" s="1"/>
  <c r="WIV54" i="1" s="1"/>
  <c r="WIW54" i="1" s="1"/>
  <c r="WIX54" i="1" s="1"/>
  <c r="WIY54" i="1" s="1"/>
  <c r="WIZ54" i="1" s="1"/>
  <c r="WJA54" i="1" s="1"/>
  <c r="WJB54" i="1" s="1"/>
  <c r="WJC54" i="1" s="1"/>
  <c r="WJD54" i="1" s="1"/>
  <c r="WJE54" i="1" s="1"/>
  <c r="WJF54" i="1" s="1"/>
  <c r="WJG54" i="1" s="1"/>
  <c r="WJH54" i="1" s="1"/>
  <c r="WJI54" i="1" s="1"/>
  <c r="WJJ54" i="1" s="1"/>
  <c r="WJK54" i="1" s="1"/>
  <c r="WJL54" i="1" s="1"/>
  <c r="WJM54" i="1" s="1"/>
  <c r="WJN54" i="1" s="1"/>
  <c r="WJO54" i="1" s="1"/>
  <c r="WJP54" i="1" s="1"/>
  <c r="WJQ54" i="1" s="1"/>
  <c r="WJR54" i="1" s="1"/>
  <c r="WJS54" i="1" s="1"/>
  <c r="WJT54" i="1" s="1"/>
  <c r="WJU54" i="1" s="1"/>
  <c r="WJV54" i="1" s="1"/>
  <c r="WJW54" i="1" s="1"/>
  <c r="WJX54" i="1" s="1"/>
  <c r="WJY54" i="1" s="1"/>
  <c r="WJZ54" i="1" s="1"/>
  <c r="WKA54" i="1" s="1"/>
  <c r="WKB54" i="1" s="1"/>
  <c r="WKC54" i="1" s="1"/>
  <c r="WKD54" i="1" s="1"/>
  <c r="WKE54" i="1" s="1"/>
  <c r="WKF54" i="1" s="1"/>
  <c r="WKG54" i="1" s="1"/>
  <c r="WKH54" i="1" s="1"/>
  <c r="WKI54" i="1" s="1"/>
  <c r="WKJ54" i="1" s="1"/>
  <c r="WKK54" i="1" s="1"/>
  <c r="WKL54" i="1" s="1"/>
  <c r="WKM54" i="1" s="1"/>
  <c r="WKN54" i="1" s="1"/>
  <c r="WKO54" i="1" s="1"/>
  <c r="WKP54" i="1" s="1"/>
  <c r="WKQ54" i="1" s="1"/>
  <c r="WKR54" i="1" s="1"/>
  <c r="WKS54" i="1" s="1"/>
  <c r="WKT54" i="1" s="1"/>
  <c r="WKU54" i="1" s="1"/>
  <c r="WKV54" i="1" s="1"/>
  <c r="WKW54" i="1" s="1"/>
  <c r="WKX54" i="1" s="1"/>
  <c r="WKY54" i="1" s="1"/>
  <c r="WKZ54" i="1" s="1"/>
  <c r="WLA54" i="1" s="1"/>
  <c r="WLB54" i="1" s="1"/>
  <c r="WLC54" i="1" s="1"/>
  <c r="WLD54" i="1" s="1"/>
  <c r="WLE54" i="1" s="1"/>
  <c r="WLF54" i="1" s="1"/>
  <c r="WLG54" i="1" s="1"/>
  <c r="WLH54" i="1" s="1"/>
  <c r="WLI54" i="1" s="1"/>
  <c r="WLJ54" i="1" s="1"/>
  <c r="WLK54" i="1" s="1"/>
  <c r="WLL54" i="1" s="1"/>
  <c r="WLM54" i="1" s="1"/>
  <c r="WLN54" i="1" s="1"/>
  <c r="WLO54" i="1" s="1"/>
  <c r="WLP54" i="1" s="1"/>
  <c r="WLQ54" i="1" s="1"/>
  <c r="WLR54" i="1" s="1"/>
  <c r="WLS54" i="1" s="1"/>
  <c r="WLT54" i="1" s="1"/>
  <c r="WLU54" i="1" s="1"/>
  <c r="WLV54" i="1" s="1"/>
  <c r="WLW54" i="1" s="1"/>
  <c r="WLX54" i="1" s="1"/>
  <c r="WLY54" i="1" s="1"/>
  <c r="WLZ54" i="1" s="1"/>
  <c r="WMA54" i="1" s="1"/>
  <c r="WMB54" i="1" s="1"/>
  <c r="WMC54" i="1" s="1"/>
  <c r="WMD54" i="1" s="1"/>
  <c r="WME54" i="1" s="1"/>
  <c r="WMF54" i="1" s="1"/>
  <c r="WMG54" i="1" s="1"/>
  <c r="WMH54" i="1" s="1"/>
  <c r="WMI54" i="1" s="1"/>
  <c r="WMJ54" i="1" s="1"/>
  <c r="WMK54" i="1" s="1"/>
  <c r="WML54" i="1" s="1"/>
  <c r="WMM54" i="1" s="1"/>
  <c r="WMN54" i="1" s="1"/>
  <c r="WMO54" i="1" s="1"/>
  <c r="WMP54" i="1" s="1"/>
  <c r="WMQ54" i="1" s="1"/>
  <c r="WMR54" i="1" s="1"/>
  <c r="WMS54" i="1" s="1"/>
  <c r="WMT54" i="1" s="1"/>
  <c r="WMU54" i="1" s="1"/>
  <c r="WMV54" i="1" s="1"/>
  <c r="WMW54" i="1" s="1"/>
  <c r="WMX54" i="1" s="1"/>
  <c r="WMY54" i="1" s="1"/>
  <c r="WMZ54" i="1" s="1"/>
  <c r="WNA54" i="1" s="1"/>
  <c r="WNB54" i="1" s="1"/>
  <c r="WNC54" i="1" s="1"/>
  <c r="WND54" i="1" s="1"/>
  <c r="WNE54" i="1" s="1"/>
  <c r="WNF54" i="1" s="1"/>
  <c r="WNG54" i="1" s="1"/>
  <c r="WNH54" i="1" s="1"/>
  <c r="WNI54" i="1" s="1"/>
  <c r="WNJ54" i="1" s="1"/>
  <c r="WNK54" i="1" s="1"/>
  <c r="WNL54" i="1" s="1"/>
  <c r="WNM54" i="1" s="1"/>
  <c r="WNN54" i="1" s="1"/>
  <c r="WNO54" i="1" s="1"/>
  <c r="WNP54" i="1" s="1"/>
  <c r="WNQ54" i="1" s="1"/>
  <c r="WNR54" i="1" s="1"/>
  <c r="WNS54" i="1" s="1"/>
  <c r="WNT54" i="1" s="1"/>
  <c r="WNU54" i="1" s="1"/>
  <c r="WNV54" i="1" s="1"/>
  <c r="WNW54" i="1" s="1"/>
  <c r="WNX54" i="1" s="1"/>
  <c r="WNY54" i="1" s="1"/>
  <c r="WNZ54" i="1" s="1"/>
  <c r="WOA54" i="1" s="1"/>
  <c r="WOB54" i="1" s="1"/>
  <c r="WOC54" i="1" s="1"/>
  <c r="WOD54" i="1" s="1"/>
  <c r="WOE54" i="1" s="1"/>
  <c r="WOF54" i="1" s="1"/>
  <c r="WOG54" i="1" s="1"/>
  <c r="WOH54" i="1" s="1"/>
  <c r="WOI54" i="1" s="1"/>
  <c r="WOJ54" i="1" s="1"/>
  <c r="WOK54" i="1" s="1"/>
  <c r="WOL54" i="1" s="1"/>
  <c r="WOM54" i="1" s="1"/>
  <c r="WON54" i="1" s="1"/>
  <c r="WOO54" i="1" s="1"/>
  <c r="WOP54" i="1" s="1"/>
  <c r="WOQ54" i="1" s="1"/>
  <c r="WOR54" i="1" s="1"/>
  <c r="WOS54" i="1" s="1"/>
  <c r="WOT54" i="1" s="1"/>
  <c r="WOU54" i="1" s="1"/>
  <c r="WOV54" i="1" s="1"/>
  <c r="WOW54" i="1" s="1"/>
  <c r="WOX54" i="1" s="1"/>
  <c r="WOY54" i="1" s="1"/>
  <c r="WOZ54" i="1" s="1"/>
  <c r="WPA54" i="1" s="1"/>
  <c r="WPB54" i="1" s="1"/>
  <c r="WPC54" i="1" s="1"/>
  <c r="WPD54" i="1" s="1"/>
  <c r="WPE54" i="1" s="1"/>
  <c r="WPF54" i="1" s="1"/>
  <c r="WPG54" i="1" s="1"/>
  <c r="WPH54" i="1" s="1"/>
  <c r="WPI54" i="1" s="1"/>
  <c r="WPJ54" i="1" s="1"/>
  <c r="WPK54" i="1" s="1"/>
  <c r="WPL54" i="1" s="1"/>
  <c r="WPM54" i="1" s="1"/>
  <c r="WPN54" i="1" s="1"/>
  <c r="WPO54" i="1" s="1"/>
  <c r="WPP54" i="1" s="1"/>
  <c r="WPQ54" i="1" s="1"/>
  <c r="WPR54" i="1" s="1"/>
  <c r="WPS54" i="1" s="1"/>
  <c r="WPT54" i="1" s="1"/>
  <c r="WPU54" i="1" s="1"/>
  <c r="WPV54" i="1" s="1"/>
  <c r="WPW54" i="1" s="1"/>
  <c r="WPX54" i="1" s="1"/>
  <c r="WPY54" i="1" s="1"/>
  <c r="WPZ54" i="1" s="1"/>
  <c r="WQA54" i="1" s="1"/>
  <c r="WQB54" i="1" s="1"/>
  <c r="WQC54" i="1" s="1"/>
  <c r="WQD54" i="1" s="1"/>
  <c r="WQE54" i="1" s="1"/>
  <c r="WQF54" i="1" s="1"/>
  <c r="WQG54" i="1" s="1"/>
  <c r="WQH54" i="1" s="1"/>
  <c r="WQI54" i="1" s="1"/>
  <c r="WQJ54" i="1" s="1"/>
  <c r="WQK54" i="1" s="1"/>
  <c r="WQL54" i="1" s="1"/>
  <c r="WQM54" i="1" s="1"/>
  <c r="WQN54" i="1" s="1"/>
  <c r="WQO54" i="1" s="1"/>
  <c r="WQP54" i="1" s="1"/>
  <c r="WQQ54" i="1" s="1"/>
  <c r="WQR54" i="1" s="1"/>
  <c r="WQS54" i="1" s="1"/>
  <c r="WQT54" i="1" s="1"/>
  <c r="WQU54" i="1" s="1"/>
  <c r="WQV54" i="1" s="1"/>
  <c r="WQW54" i="1" s="1"/>
  <c r="WQX54" i="1" s="1"/>
  <c r="WQY54" i="1" s="1"/>
  <c r="WQZ54" i="1" s="1"/>
  <c r="WRA54" i="1" s="1"/>
  <c r="WRB54" i="1" s="1"/>
  <c r="WRC54" i="1" s="1"/>
  <c r="WRD54" i="1" s="1"/>
  <c r="WRE54" i="1" s="1"/>
  <c r="WRF54" i="1" s="1"/>
  <c r="WRG54" i="1" s="1"/>
  <c r="WRH54" i="1" s="1"/>
  <c r="WRI54" i="1" s="1"/>
  <c r="WRJ54" i="1" s="1"/>
  <c r="WRK54" i="1" s="1"/>
  <c r="WRL54" i="1" s="1"/>
  <c r="WRM54" i="1" s="1"/>
  <c r="WRN54" i="1" s="1"/>
  <c r="WRO54" i="1" s="1"/>
  <c r="WRP54" i="1" s="1"/>
  <c r="WRQ54" i="1" s="1"/>
  <c r="WRR54" i="1" s="1"/>
  <c r="WRS54" i="1" s="1"/>
  <c r="WRT54" i="1" s="1"/>
  <c r="WRU54" i="1" s="1"/>
  <c r="WRV54" i="1" s="1"/>
  <c r="WRW54" i="1" s="1"/>
  <c r="WRX54" i="1" s="1"/>
  <c r="WRY54" i="1" s="1"/>
  <c r="WRZ54" i="1" s="1"/>
  <c r="WSA54" i="1" s="1"/>
  <c r="WSB54" i="1" s="1"/>
  <c r="WSC54" i="1" s="1"/>
  <c r="WSD54" i="1" s="1"/>
  <c r="WSE54" i="1" s="1"/>
  <c r="WSF54" i="1" s="1"/>
  <c r="WSG54" i="1" s="1"/>
  <c r="WSH54" i="1" s="1"/>
  <c r="WSI54" i="1" s="1"/>
  <c r="WSJ54" i="1" s="1"/>
  <c r="WSK54" i="1" s="1"/>
  <c r="WSL54" i="1" s="1"/>
  <c r="WSM54" i="1" s="1"/>
  <c r="WSN54" i="1" s="1"/>
  <c r="WSO54" i="1" s="1"/>
  <c r="WSP54" i="1" s="1"/>
  <c r="WSQ54" i="1" s="1"/>
  <c r="WSR54" i="1" s="1"/>
  <c r="WSS54" i="1" s="1"/>
  <c r="WST54" i="1" s="1"/>
  <c r="WSU54" i="1" s="1"/>
  <c r="WSV54" i="1" s="1"/>
  <c r="WSW54" i="1" s="1"/>
  <c r="WSX54" i="1" s="1"/>
  <c r="WSY54" i="1" s="1"/>
  <c r="WSZ54" i="1" s="1"/>
  <c r="WTA54" i="1" s="1"/>
  <c r="WTB54" i="1" s="1"/>
  <c r="WTC54" i="1" s="1"/>
  <c r="WTD54" i="1" s="1"/>
  <c r="WTE54" i="1" s="1"/>
  <c r="WTF54" i="1" s="1"/>
  <c r="WTG54" i="1" s="1"/>
  <c r="WTH54" i="1" s="1"/>
  <c r="WTI54" i="1" s="1"/>
  <c r="WTJ54" i="1" s="1"/>
  <c r="WTK54" i="1" s="1"/>
  <c r="WTL54" i="1" s="1"/>
  <c r="WTM54" i="1" s="1"/>
  <c r="WTN54" i="1" s="1"/>
  <c r="WTO54" i="1" s="1"/>
  <c r="WTP54" i="1" s="1"/>
  <c r="WTQ54" i="1" s="1"/>
  <c r="WTR54" i="1" s="1"/>
  <c r="WTS54" i="1" s="1"/>
  <c r="WTT54" i="1" s="1"/>
  <c r="WTU54" i="1" s="1"/>
  <c r="WTV54" i="1" s="1"/>
  <c r="WTW54" i="1" s="1"/>
  <c r="WTX54" i="1" s="1"/>
  <c r="WTY54" i="1" s="1"/>
  <c r="WTZ54" i="1" s="1"/>
  <c r="WUA54" i="1" s="1"/>
  <c r="WUB54" i="1" s="1"/>
  <c r="WUC54" i="1" s="1"/>
  <c r="WUD54" i="1" s="1"/>
  <c r="WUE54" i="1" s="1"/>
  <c r="WUF54" i="1" s="1"/>
  <c r="WUG54" i="1" s="1"/>
  <c r="WUH54" i="1" s="1"/>
  <c r="WUI54" i="1" s="1"/>
  <c r="WUJ54" i="1" s="1"/>
  <c r="WUK54" i="1" s="1"/>
  <c r="WUL54" i="1" s="1"/>
  <c r="WUM54" i="1" s="1"/>
  <c r="WUN54" i="1" s="1"/>
  <c r="WUO54" i="1" s="1"/>
  <c r="WUP54" i="1" s="1"/>
  <c r="WUQ54" i="1" s="1"/>
  <c r="WUR54" i="1" s="1"/>
  <c r="WUS54" i="1" s="1"/>
  <c r="WUT54" i="1" s="1"/>
  <c r="WUU54" i="1" s="1"/>
  <c r="WUV54" i="1" s="1"/>
  <c r="WUW54" i="1" s="1"/>
  <c r="WUX54" i="1" s="1"/>
  <c r="WUY54" i="1" s="1"/>
  <c r="WUZ54" i="1" s="1"/>
  <c r="WVA54" i="1" s="1"/>
  <c r="WVB54" i="1" s="1"/>
  <c r="WVC54" i="1" s="1"/>
  <c r="WVD54" i="1" s="1"/>
  <c r="WVE54" i="1" s="1"/>
  <c r="WVF54" i="1" s="1"/>
  <c r="WVG54" i="1" s="1"/>
  <c r="WVH54" i="1" s="1"/>
  <c r="WVI54" i="1" s="1"/>
  <c r="WVJ54" i="1" s="1"/>
  <c r="WVK54" i="1" s="1"/>
  <c r="WVL54" i="1" s="1"/>
  <c r="WVM54" i="1" s="1"/>
  <c r="WVN54" i="1" s="1"/>
  <c r="WVO54" i="1" s="1"/>
  <c r="WVP54" i="1" s="1"/>
  <c r="WVQ54" i="1" s="1"/>
  <c r="WVR54" i="1" s="1"/>
  <c r="WVS54" i="1" s="1"/>
  <c r="WVT54" i="1" s="1"/>
  <c r="WVU54" i="1" s="1"/>
  <c r="WVV54" i="1" s="1"/>
  <c r="WVW54" i="1" s="1"/>
  <c r="WVX54" i="1" s="1"/>
  <c r="WVY54" i="1" s="1"/>
  <c r="WVZ54" i="1" s="1"/>
  <c r="WWA54" i="1" s="1"/>
  <c r="WWB54" i="1" s="1"/>
  <c r="WWC54" i="1" s="1"/>
  <c r="WWD54" i="1" s="1"/>
  <c r="WWE54" i="1" s="1"/>
  <c r="WWF54" i="1" s="1"/>
  <c r="WWG54" i="1" s="1"/>
  <c r="WWH54" i="1" s="1"/>
  <c r="WWI54" i="1" s="1"/>
  <c r="WWJ54" i="1" s="1"/>
  <c r="WWK54" i="1" s="1"/>
  <c r="WWL54" i="1" s="1"/>
  <c r="WWM54" i="1" s="1"/>
  <c r="WWN54" i="1" s="1"/>
  <c r="WWO54" i="1" s="1"/>
  <c r="WWP54" i="1" s="1"/>
  <c r="WWQ54" i="1" s="1"/>
  <c r="WWR54" i="1" s="1"/>
  <c r="WWS54" i="1" s="1"/>
  <c r="WWT54" i="1" s="1"/>
  <c r="WWU54" i="1" s="1"/>
  <c r="WWV54" i="1" s="1"/>
  <c r="WWW54" i="1" s="1"/>
  <c r="WWX54" i="1" s="1"/>
  <c r="WWY54" i="1" s="1"/>
  <c r="WWZ54" i="1" s="1"/>
  <c r="WXA54" i="1" s="1"/>
  <c r="WXB54" i="1" s="1"/>
  <c r="WXC54" i="1" s="1"/>
  <c r="WXD54" i="1" s="1"/>
  <c r="WXE54" i="1" s="1"/>
  <c r="WXF54" i="1" s="1"/>
  <c r="WXG54" i="1" s="1"/>
  <c r="WXH54" i="1" s="1"/>
  <c r="WXI54" i="1" s="1"/>
  <c r="WXJ54" i="1" s="1"/>
  <c r="WXK54" i="1" s="1"/>
  <c r="WXL54" i="1" s="1"/>
  <c r="WXM54" i="1" s="1"/>
  <c r="WXN54" i="1" s="1"/>
  <c r="WXO54" i="1" s="1"/>
  <c r="WXP54" i="1" s="1"/>
  <c r="WXQ54" i="1" s="1"/>
  <c r="WXR54" i="1" s="1"/>
  <c r="WXS54" i="1" s="1"/>
  <c r="WXT54" i="1" s="1"/>
  <c r="WXU54" i="1" s="1"/>
  <c r="WXV54" i="1" s="1"/>
  <c r="WXW54" i="1" s="1"/>
  <c r="WXX54" i="1" s="1"/>
  <c r="WXY54" i="1" s="1"/>
  <c r="WXZ54" i="1" s="1"/>
  <c r="WYA54" i="1" s="1"/>
  <c r="WYB54" i="1" s="1"/>
  <c r="WYC54" i="1" s="1"/>
  <c r="WYD54" i="1" s="1"/>
  <c r="WYE54" i="1" s="1"/>
  <c r="WYF54" i="1" s="1"/>
  <c r="WYG54" i="1" s="1"/>
  <c r="WYH54" i="1" s="1"/>
  <c r="WYI54" i="1" s="1"/>
  <c r="WYJ54" i="1" s="1"/>
  <c r="WYK54" i="1" s="1"/>
  <c r="WYL54" i="1" s="1"/>
  <c r="WYM54" i="1" s="1"/>
  <c r="WYN54" i="1" s="1"/>
  <c r="WYO54" i="1" s="1"/>
  <c r="WYP54" i="1" s="1"/>
  <c r="WYQ54" i="1" s="1"/>
  <c r="WYR54" i="1" s="1"/>
  <c r="WYS54" i="1" s="1"/>
  <c r="WYT54" i="1" s="1"/>
  <c r="WYU54" i="1" s="1"/>
  <c r="WYV54" i="1" s="1"/>
  <c r="WYW54" i="1" s="1"/>
  <c r="WYX54" i="1" s="1"/>
  <c r="WYY54" i="1" s="1"/>
  <c r="WYZ54" i="1" s="1"/>
  <c r="WZA54" i="1" s="1"/>
  <c r="WZB54" i="1" s="1"/>
  <c r="WZC54" i="1" s="1"/>
  <c r="WZD54" i="1" s="1"/>
  <c r="WZE54" i="1" s="1"/>
  <c r="WZF54" i="1" s="1"/>
  <c r="WZG54" i="1" s="1"/>
  <c r="WZH54" i="1" s="1"/>
  <c r="WZI54" i="1" s="1"/>
  <c r="WZJ54" i="1" s="1"/>
  <c r="WZK54" i="1" s="1"/>
  <c r="WZL54" i="1" s="1"/>
  <c r="WZM54" i="1" s="1"/>
  <c r="WZN54" i="1" s="1"/>
  <c r="WZO54" i="1" s="1"/>
  <c r="WZP54" i="1" s="1"/>
  <c r="WZQ54" i="1" s="1"/>
  <c r="WZR54" i="1" s="1"/>
  <c r="WZS54" i="1" s="1"/>
  <c r="WZT54" i="1" s="1"/>
  <c r="WZU54" i="1" s="1"/>
  <c r="WZV54" i="1" s="1"/>
  <c r="WZW54" i="1" s="1"/>
  <c r="WZX54" i="1" s="1"/>
  <c r="WZY54" i="1" s="1"/>
  <c r="WZZ54" i="1" s="1"/>
  <c r="XAA54" i="1" s="1"/>
  <c r="XAB54" i="1" s="1"/>
  <c r="XAC54" i="1" s="1"/>
  <c r="XAD54" i="1" s="1"/>
  <c r="XAE54" i="1" s="1"/>
  <c r="XAF54" i="1" s="1"/>
  <c r="XAG54" i="1" s="1"/>
  <c r="XAH54" i="1" s="1"/>
  <c r="XAI54" i="1" s="1"/>
  <c r="XAJ54" i="1" s="1"/>
  <c r="XAK54" i="1" s="1"/>
  <c r="XAL54" i="1" s="1"/>
  <c r="XAM54" i="1" s="1"/>
  <c r="XAN54" i="1" s="1"/>
  <c r="XAO54" i="1" s="1"/>
  <c r="XAP54" i="1" s="1"/>
  <c r="XAQ54" i="1" s="1"/>
  <c r="XAR54" i="1" s="1"/>
  <c r="XAS54" i="1" s="1"/>
  <c r="XAT54" i="1" s="1"/>
  <c r="XAU54" i="1" s="1"/>
  <c r="XAV54" i="1" s="1"/>
  <c r="XAW54" i="1" s="1"/>
  <c r="XAX54" i="1" s="1"/>
  <c r="XAY54" i="1" s="1"/>
  <c r="XAZ54" i="1" s="1"/>
  <c r="XBA54" i="1" s="1"/>
  <c r="XBB54" i="1" s="1"/>
  <c r="XBC54" i="1" s="1"/>
  <c r="XBD54" i="1" s="1"/>
  <c r="XBE54" i="1" s="1"/>
  <c r="XBF54" i="1" s="1"/>
  <c r="XBG54" i="1" s="1"/>
  <c r="XBH54" i="1" s="1"/>
  <c r="XBI54" i="1" s="1"/>
  <c r="XBJ54" i="1" s="1"/>
  <c r="XBK54" i="1" s="1"/>
  <c r="XBL54" i="1" s="1"/>
  <c r="XBM54" i="1" s="1"/>
  <c r="XBN54" i="1" s="1"/>
  <c r="XBO54" i="1" s="1"/>
  <c r="XBP54" i="1" s="1"/>
  <c r="XBQ54" i="1" s="1"/>
  <c r="XBR54" i="1" s="1"/>
  <c r="XBS54" i="1" s="1"/>
  <c r="XBT54" i="1" s="1"/>
  <c r="XBU54" i="1" s="1"/>
  <c r="XBV54" i="1" s="1"/>
  <c r="XBW54" i="1" s="1"/>
  <c r="XBX54" i="1" s="1"/>
  <c r="XBY54" i="1" s="1"/>
  <c r="XBZ54" i="1" s="1"/>
  <c r="XCA54" i="1" s="1"/>
  <c r="XCB54" i="1" s="1"/>
  <c r="XCC54" i="1" s="1"/>
  <c r="XCD54" i="1" s="1"/>
  <c r="XCE54" i="1" s="1"/>
  <c r="XCF54" i="1" s="1"/>
  <c r="XCG54" i="1" s="1"/>
  <c r="XCH54" i="1" s="1"/>
  <c r="XCI54" i="1" s="1"/>
  <c r="XCJ54" i="1" s="1"/>
  <c r="XCK54" i="1" s="1"/>
  <c r="XCL54" i="1" s="1"/>
  <c r="XCM54" i="1" s="1"/>
  <c r="XCN54" i="1" s="1"/>
  <c r="XCO54" i="1" s="1"/>
  <c r="XCP54" i="1" s="1"/>
  <c r="XCQ54" i="1" s="1"/>
  <c r="XCR54" i="1" s="1"/>
  <c r="XCS54" i="1" s="1"/>
  <c r="XCT54" i="1" s="1"/>
  <c r="XCU54" i="1" s="1"/>
  <c r="XCV54" i="1" s="1"/>
  <c r="XCW54" i="1" s="1"/>
  <c r="XCX54" i="1" s="1"/>
  <c r="XCY54" i="1" s="1"/>
  <c r="XCZ54" i="1" s="1"/>
  <c r="XDA54" i="1" s="1"/>
  <c r="XDB54" i="1" s="1"/>
  <c r="XDC54" i="1" s="1"/>
  <c r="XDD54" i="1" s="1"/>
  <c r="XDE54" i="1" s="1"/>
  <c r="XDF54" i="1" s="1"/>
  <c r="XDG54" i="1" s="1"/>
  <c r="XDH54" i="1" s="1"/>
  <c r="XDI54" i="1" s="1"/>
  <c r="XDJ54" i="1" s="1"/>
  <c r="XDK54" i="1" s="1"/>
  <c r="XDL54" i="1" s="1"/>
  <c r="XDM54" i="1" s="1"/>
  <c r="XDN54" i="1" s="1"/>
  <c r="XDO54" i="1" s="1"/>
  <c r="XDP54" i="1" s="1"/>
  <c r="XDQ54" i="1" s="1"/>
  <c r="XDR54" i="1" s="1"/>
  <c r="XDS54" i="1" s="1"/>
  <c r="XDT54" i="1" s="1"/>
  <c r="XDU54" i="1" s="1"/>
  <c r="XDV54" i="1" s="1"/>
  <c r="XDW54" i="1" s="1"/>
  <c r="XDX54" i="1" s="1"/>
  <c r="XDY54" i="1" s="1"/>
  <c r="XDZ54" i="1" s="1"/>
  <c r="XEA54" i="1" s="1"/>
  <c r="XEB54" i="1" s="1"/>
  <c r="XEC54" i="1" s="1"/>
  <c r="XED54" i="1" s="1"/>
  <c r="XEE54" i="1" s="1"/>
  <c r="XEF54" i="1" s="1"/>
  <c r="XEG54" i="1" s="1"/>
  <c r="XEH54" i="1" s="1"/>
  <c r="XEI54" i="1" s="1"/>
  <c r="XEJ54" i="1" s="1"/>
  <c r="XEK54" i="1" s="1"/>
  <c r="XEL54" i="1" s="1"/>
  <c r="XEM54" i="1" s="1"/>
  <c r="XEN54" i="1" s="1"/>
  <c r="XEO54" i="1" s="1"/>
  <c r="XEP54" i="1" s="1"/>
  <c r="XEQ54" i="1" s="1"/>
  <c r="XER54" i="1" s="1"/>
  <c r="XES54" i="1" s="1"/>
  <c r="XET54" i="1" s="1"/>
  <c r="XEU54" i="1" s="1"/>
  <c r="XEV54" i="1" s="1"/>
  <c r="XEW54" i="1" s="1"/>
  <c r="XEX54" i="1" s="1"/>
  <c r="XEY54" i="1" s="1"/>
  <c r="XEZ54" i="1" s="1"/>
  <c r="XFA54" i="1" s="1"/>
  <c r="XFB54" i="1" s="1"/>
  <c r="XFC54" i="1" s="1"/>
  <c r="XFD54" i="1" s="1"/>
  <c r="J53" i="1"/>
  <c r="J52" i="1"/>
  <c r="BQ51" i="1"/>
  <c r="BP51" i="1"/>
  <c r="BO51" i="1"/>
  <c r="BN51" i="1"/>
  <c r="BM51" i="1"/>
  <c r="BL51" i="1"/>
  <c r="BK51" i="1"/>
  <c r="BJ51" i="1"/>
  <c r="BI51" i="1"/>
  <c r="BH51" i="1"/>
  <c r="BG51" i="1"/>
  <c r="BF51" i="1"/>
  <c r="BE51" i="1"/>
  <c r="BD51" i="1"/>
  <c r="BC51" i="1"/>
  <c r="BB51" i="1"/>
  <c r="BA51" i="1"/>
  <c r="AZ51" i="1"/>
  <c r="AY51" i="1"/>
  <c r="AX51" i="1"/>
  <c r="AW51" i="1"/>
  <c r="AV51" i="1"/>
  <c r="AU51" i="1"/>
  <c r="AT51" i="1"/>
  <c r="AS51" i="1"/>
  <c r="AR51" i="1"/>
  <c r="AQ51" i="1"/>
  <c r="AP51" i="1"/>
  <c r="AO51" i="1"/>
  <c r="AN51" i="1"/>
  <c r="AM51" i="1"/>
  <c r="AL51" i="1"/>
  <c r="AK51" i="1"/>
  <c r="AJ51" i="1"/>
  <c r="AI51" i="1"/>
  <c r="AH51" i="1"/>
  <c r="AG51" i="1"/>
  <c r="AF51" i="1"/>
  <c r="AE51" i="1"/>
  <c r="AD51" i="1"/>
  <c r="AC51" i="1"/>
  <c r="AB51" i="1"/>
  <c r="AA51" i="1"/>
  <c r="Z51" i="1"/>
  <c r="Y51" i="1"/>
  <c r="X51" i="1"/>
  <c r="W51" i="1"/>
  <c r="V51" i="1"/>
  <c r="U51" i="1"/>
  <c r="T51" i="1"/>
  <c r="S51" i="1"/>
  <c r="R51" i="1"/>
  <c r="Q51" i="1"/>
  <c r="P51" i="1"/>
  <c r="O51" i="1"/>
  <c r="N51" i="1"/>
  <c r="M51" i="1"/>
  <c r="L51" i="1"/>
  <c r="K51" i="1"/>
  <c r="J51" i="1"/>
  <c r="H50" i="1"/>
  <c r="H49" i="1"/>
  <c r="H48" i="1"/>
  <c r="H47" i="1"/>
  <c r="BQ36" i="1"/>
  <c r="BP36" i="1"/>
  <c r="BO36" i="1"/>
  <c r="BN36" i="1"/>
  <c r="BM36" i="1"/>
  <c r="BL36" i="1"/>
  <c r="BK36" i="1"/>
  <c r="BJ36" i="1"/>
  <c r="BI36" i="1"/>
  <c r="BH36" i="1"/>
  <c r="BG36" i="1"/>
  <c r="BF36" i="1"/>
  <c r="BE36" i="1"/>
  <c r="BD36" i="1"/>
  <c r="BC36" i="1"/>
  <c r="BB36" i="1"/>
  <c r="BA36" i="1"/>
  <c r="AZ36" i="1"/>
  <c r="AY36" i="1"/>
  <c r="AX36" i="1"/>
  <c r="AW36" i="1"/>
  <c r="AV36" i="1"/>
  <c r="AU36" i="1"/>
  <c r="AT36" i="1"/>
  <c r="AS36" i="1"/>
  <c r="AR36" i="1"/>
  <c r="AQ36" i="1"/>
  <c r="AP36" i="1"/>
  <c r="AO36" i="1"/>
  <c r="AN36" i="1"/>
  <c r="AM36" i="1"/>
  <c r="AL36" i="1"/>
  <c r="AK36" i="1"/>
  <c r="AJ36" i="1"/>
  <c r="AI36" i="1"/>
  <c r="AH36" i="1"/>
  <c r="AG36" i="1"/>
  <c r="AF36" i="1"/>
  <c r="AE36" i="1"/>
  <c r="AD36" i="1"/>
  <c r="AC36" i="1"/>
  <c r="AB36" i="1"/>
  <c r="AA36" i="1"/>
  <c r="Z36" i="1"/>
  <c r="Y36" i="1"/>
  <c r="X36" i="1"/>
  <c r="W36" i="1"/>
  <c r="V36" i="1"/>
  <c r="U36" i="1"/>
  <c r="T36" i="1"/>
  <c r="S36" i="1"/>
  <c r="R36" i="1"/>
  <c r="Q36" i="1"/>
  <c r="P36" i="1"/>
  <c r="O36" i="1"/>
  <c r="N36" i="1"/>
  <c r="M36" i="1"/>
  <c r="L36" i="1"/>
  <c r="K36" i="1"/>
  <c r="J36" i="1"/>
  <c r="J18" i="1"/>
  <c r="J15" i="1"/>
  <c r="K14" i="1"/>
  <c r="K61" i="1" s="1"/>
  <c r="K13" i="1"/>
  <c r="K60" i="1" s="1"/>
  <c r="K12" i="1"/>
  <c r="K59" i="1" s="1"/>
  <c r="XFD7" i="1"/>
  <c r="XFC7" i="1"/>
  <c r="XFB7" i="1"/>
  <c r="XFA7" i="1"/>
  <c r="XEZ7" i="1"/>
  <c r="XEY7" i="1"/>
  <c r="XEX7" i="1"/>
  <c r="XEW7" i="1"/>
  <c r="XEV7" i="1"/>
  <c r="XEU7" i="1"/>
  <c r="XET7" i="1"/>
  <c r="XES7" i="1"/>
  <c r="XER7" i="1"/>
  <c r="XEQ7" i="1"/>
  <c r="XEP7" i="1"/>
  <c r="XEO7" i="1"/>
  <c r="XEN7" i="1"/>
  <c r="XEM7" i="1"/>
  <c r="XEL7" i="1"/>
  <c r="XEK7" i="1"/>
  <c r="XEJ7" i="1"/>
  <c r="XEI7" i="1"/>
  <c r="XEH7" i="1"/>
  <c r="XEG7" i="1"/>
  <c r="XEF7" i="1"/>
  <c r="XEE7" i="1"/>
  <c r="XED7" i="1"/>
  <c r="XEC7" i="1"/>
  <c r="XEB7" i="1"/>
  <c r="XEA7" i="1"/>
  <c r="XDZ7" i="1"/>
  <c r="XDY7" i="1"/>
  <c r="XDX7" i="1"/>
  <c r="XDW7" i="1"/>
  <c r="XDV7" i="1"/>
  <c r="XDU7" i="1"/>
  <c r="XDT7" i="1"/>
  <c r="XDS7" i="1"/>
  <c r="XDR7" i="1"/>
  <c r="XDQ7" i="1"/>
  <c r="XDP7" i="1"/>
  <c r="XDO7" i="1"/>
  <c r="XDN7" i="1"/>
  <c r="XDM7" i="1"/>
  <c r="XDL7" i="1"/>
  <c r="XDK7" i="1"/>
  <c r="XDJ7" i="1"/>
  <c r="XDI7" i="1"/>
  <c r="XDH7" i="1"/>
  <c r="XDG7" i="1"/>
  <c r="XDF7" i="1"/>
  <c r="XDE7" i="1"/>
  <c r="XDD7" i="1"/>
  <c r="XDC7" i="1"/>
  <c r="XDB7" i="1"/>
  <c r="XDA7" i="1"/>
  <c r="XCZ7" i="1"/>
  <c r="XCY7" i="1"/>
  <c r="XCX7" i="1"/>
  <c r="XCW7" i="1"/>
  <c r="XCV7" i="1"/>
  <c r="XCU7" i="1"/>
  <c r="XCT7" i="1"/>
  <c r="XCS7" i="1"/>
  <c r="XCR7" i="1"/>
  <c r="XCQ7" i="1"/>
  <c r="XCP7" i="1"/>
  <c r="XCO7" i="1"/>
  <c r="XCN7" i="1"/>
  <c r="XCM7" i="1"/>
  <c r="XCL7" i="1"/>
  <c r="XCK7" i="1"/>
  <c r="XCJ7" i="1"/>
  <c r="XCI7" i="1"/>
  <c r="XCH7" i="1"/>
  <c r="XCG7" i="1"/>
  <c r="XCF7" i="1"/>
  <c r="XCE7" i="1"/>
  <c r="XCD7" i="1"/>
  <c r="XCC7" i="1"/>
  <c r="XCB7" i="1"/>
  <c r="XCA7" i="1"/>
  <c r="XBZ7" i="1"/>
  <c r="XBY7" i="1"/>
  <c r="XBX7" i="1"/>
  <c r="XBW7" i="1"/>
  <c r="XBV7" i="1"/>
  <c r="XBU7" i="1"/>
  <c r="XBT7" i="1"/>
  <c r="XBS7" i="1"/>
  <c r="XBR7" i="1"/>
  <c r="XBQ7" i="1"/>
  <c r="XBP7" i="1"/>
  <c r="XBO7" i="1"/>
  <c r="XBN7" i="1"/>
  <c r="XBM7" i="1"/>
  <c r="XBL7" i="1"/>
  <c r="XBK7" i="1"/>
  <c r="XBJ7" i="1"/>
  <c r="XBI7" i="1"/>
  <c r="XBH7" i="1"/>
  <c r="XBG7" i="1"/>
  <c r="XBF7" i="1"/>
  <c r="XBE7" i="1"/>
  <c r="XBD7" i="1"/>
  <c r="XBC7" i="1"/>
  <c r="XBB7" i="1"/>
  <c r="XBA7" i="1"/>
  <c r="XAZ7" i="1"/>
  <c r="XAY7" i="1"/>
  <c r="XAX7" i="1"/>
  <c r="XAW7" i="1"/>
  <c r="XAV7" i="1"/>
  <c r="XAU7" i="1"/>
  <c r="XAT7" i="1"/>
  <c r="XAS7" i="1"/>
  <c r="XAR7" i="1"/>
  <c r="XAQ7" i="1"/>
  <c r="XAP7" i="1"/>
  <c r="XAO7" i="1"/>
  <c r="XAN7" i="1"/>
  <c r="XAM7" i="1"/>
  <c r="XAL7" i="1"/>
  <c r="XAK7" i="1"/>
  <c r="XAJ7" i="1"/>
  <c r="XAI7" i="1"/>
  <c r="XAH7" i="1"/>
  <c r="XAG7" i="1"/>
  <c r="XAF7" i="1"/>
  <c r="XAE7" i="1"/>
  <c r="XAD7" i="1"/>
  <c r="XAC7" i="1"/>
  <c r="XAB7" i="1"/>
  <c r="XAA7" i="1"/>
  <c r="WZZ7" i="1"/>
  <c r="WZY7" i="1"/>
  <c r="WZX7" i="1"/>
  <c r="WZW7" i="1"/>
  <c r="WZV7" i="1"/>
  <c r="WZU7" i="1"/>
  <c r="WZT7" i="1"/>
  <c r="WZS7" i="1"/>
  <c r="WZR7" i="1"/>
  <c r="WZQ7" i="1"/>
  <c r="WZP7" i="1"/>
  <c r="WZO7" i="1"/>
  <c r="WZN7" i="1"/>
  <c r="WZM7" i="1"/>
  <c r="WZL7" i="1"/>
  <c r="WZK7" i="1"/>
  <c r="WZJ7" i="1"/>
  <c r="WZI7" i="1"/>
  <c r="WZH7" i="1"/>
  <c r="WZG7" i="1"/>
  <c r="WZF7" i="1"/>
  <c r="WZE7" i="1"/>
  <c r="WZD7" i="1"/>
  <c r="WZC7" i="1"/>
  <c r="WZB7" i="1"/>
  <c r="WZA7" i="1"/>
  <c r="WYZ7" i="1"/>
  <c r="WYY7" i="1"/>
  <c r="WYX7" i="1"/>
  <c r="WYW7" i="1"/>
  <c r="WYV7" i="1"/>
  <c r="WYU7" i="1"/>
  <c r="WYT7" i="1"/>
  <c r="WYS7" i="1"/>
  <c r="WYR7" i="1"/>
  <c r="WYQ7" i="1"/>
  <c r="WYP7" i="1"/>
  <c r="WYO7" i="1"/>
  <c r="WYN7" i="1"/>
  <c r="WYM7" i="1"/>
  <c r="WYL7" i="1"/>
  <c r="WYK7" i="1"/>
  <c r="WYJ7" i="1"/>
  <c r="WYI7" i="1"/>
  <c r="WYH7" i="1"/>
  <c r="WYG7" i="1"/>
  <c r="WYF7" i="1"/>
  <c r="WYE7" i="1"/>
  <c r="WYD7" i="1"/>
  <c r="WYC7" i="1"/>
  <c r="WYB7" i="1"/>
  <c r="WYA7" i="1"/>
  <c r="WXZ7" i="1"/>
  <c r="WXY7" i="1"/>
  <c r="WXX7" i="1"/>
  <c r="WXW7" i="1"/>
  <c r="WXV7" i="1"/>
  <c r="WXU7" i="1"/>
  <c r="WXT7" i="1"/>
  <c r="WXS7" i="1"/>
  <c r="WXR7" i="1"/>
  <c r="WXQ7" i="1"/>
  <c r="WXP7" i="1"/>
  <c r="WXO7" i="1"/>
  <c r="WXN7" i="1"/>
  <c r="WXM7" i="1"/>
  <c r="WXL7" i="1"/>
  <c r="WXK7" i="1"/>
  <c r="WXJ7" i="1"/>
  <c r="WXI7" i="1"/>
  <c r="WXH7" i="1"/>
  <c r="WXG7" i="1"/>
  <c r="WXF7" i="1"/>
  <c r="WXE7" i="1"/>
  <c r="WXD7" i="1"/>
  <c r="WXC7" i="1"/>
  <c r="WXB7" i="1"/>
  <c r="WXA7" i="1"/>
  <c r="WWZ7" i="1"/>
  <c r="WWY7" i="1"/>
  <c r="WWX7" i="1"/>
  <c r="WWW7" i="1"/>
  <c r="WWV7" i="1"/>
  <c r="WWU7" i="1"/>
  <c r="WWT7" i="1"/>
  <c r="WWS7" i="1"/>
  <c r="WWR7" i="1"/>
  <c r="WWQ7" i="1"/>
  <c r="WWP7" i="1"/>
  <c r="WWO7" i="1"/>
  <c r="WWN7" i="1"/>
  <c r="WWM7" i="1"/>
  <c r="WWL7" i="1"/>
  <c r="WWK7" i="1"/>
  <c r="WWJ7" i="1"/>
  <c r="WWI7" i="1"/>
  <c r="WWH7" i="1"/>
  <c r="WWG7" i="1"/>
  <c r="WWF7" i="1"/>
  <c r="WWE7" i="1"/>
  <c r="WWD7" i="1"/>
  <c r="WWC7" i="1"/>
  <c r="WWB7" i="1"/>
  <c r="WWA7" i="1"/>
  <c r="WVZ7" i="1"/>
  <c r="WVY7" i="1"/>
  <c r="WVX7" i="1"/>
  <c r="WVW7" i="1"/>
  <c r="WVV7" i="1"/>
  <c r="WVU7" i="1"/>
  <c r="WVT7" i="1"/>
  <c r="WVS7" i="1"/>
  <c r="WVR7" i="1"/>
  <c r="WVQ7" i="1"/>
  <c r="WVP7" i="1"/>
  <c r="WVO7" i="1"/>
  <c r="WVN7" i="1"/>
  <c r="WVM7" i="1"/>
  <c r="WVL7" i="1"/>
  <c r="WVK7" i="1"/>
  <c r="WVJ7" i="1"/>
  <c r="WVI7" i="1"/>
  <c r="WVH7" i="1"/>
  <c r="WVG7" i="1"/>
  <c r="WVF7" i="1"/>
  <c r="WVE7" i="1"/>
  <c r="WVD7" i="1"/>
  <c r="WVC7" i="1"/>
  <c r="WVB7" i="1"/>
  <c r="WVA7" i="1"/>
  <c r="WUZ7" i="1"/>
  <c r="WUY7" i="1"/>
  <c r="WUX7" i="1"/>
  <c r="WUW7" i="1"/>
  <c r="WUV7" i="1"/>
  <c r="WUU7" i="1"/>
  <c r="WUT7" i="1"/>
  <c r="WUS7" i="1"/>
  <c r="WUR7" i="1"/>
  <c r="WUQ7" i="1"/>
  <c r="WUP7" i="1"/>
  <c r="WUO7" i="1"/>
  <c r="WUN7" i="1"/>
  <c r="WUM7" i="1"/>
  <c r="WUL7" i="1"/>
  <c r="WUK7" i="1"/>
  <c r="WUJ7" i="1"/>
  <c r="WUI7" i="1"/>
  <c r="WUH7" i="1"/>
  <c r="WUG7" i="1"/>
  <c r="WUF7" i="1"/>
  <c r="WUE7" i="1"/>
  <c r="WUD7" i="1"/>
  <c r="WUC7" i="1"/>
  <c r="WUB7" i="1"/>
  <c r="WUA7" i="1"/>
  <c r="WTZ7" i="1"/>
  <c r="WTY7" i="1"/>
  <c r="WTX7" i="1"/>
  <c r="WTW7" i="1"/>
  <c r="WTV7" i="1"/>
  <c r="WTU7" i="1"/>
  <c r="WTT7" i="1"/>
  <c r="WTS7" i="1"/>
  <c r="WTR7" i="1"/>
  <c r="WTQ7" i="1"/>
  <c r="WTP7" i="1"/>
  <c r="WTO7" i="1"/>
  <c r="WTN7" i="1"/>
  <c r="WTM7" i="1"/>
  <c r="WTL7" i="1"/>
  <c r="WTK7" i="1"/>
  <c r="WTJ7" i="1"/>
  <c r="WTI7" i="1"/>
  <c r="WTH7" i="1"/>
  <c r="WTG7" i="1"/>
  <c r="WTF7" i="1"/>
  <c r="WTE7" i="1"/>
  <c r="WTD7" i="1"/>
  <c r="WTC7" i="1"/>
  <c r="WTB7" i="1"/>
  <c r="WTA7" i="1"/>
  <c r="WSZ7" i="1"/>
  <c r="WSY7" i="1"/>
  <c r="WSX7" i="1"/>
  <c r="WSW7" i="1"/>
  <c r="WSV7" i="1"/>
  <c r="WSU7" i="1"/>
  <c r="WST7" i="1"/>
  <c r="WSS7" i="1"/>
  <c r="WSR7" i="1"/>
  <c r="WSQ7" i="1"/>
  <c r="WSP7" i="1"/>
  <c r="WSO7" i="1"/>
  <c r="WSN7" i="1"/>
  <c r="WSM7" i="1"/>
  <c r="WSL7" i="1"/>
  <c r="WSK7" i="1"/>
  <c r="WSJ7" i="1"/>
  <c r="WSI7" i="1"/>
  <c r="WSH7" i="1"/>
  <c r="WSG7" i="1"/>
  <c r="WSF7" i="1"/>
  <c r="WSE7" i="1"/>
  <c r="WSD7" i="1"/>
  <c r="WSC7" i="1"/>
  <c r="WSB7" i="1"/>
  <c r="WSA7" i="1"/>
  <c r="WRZ7" i="1"/>
  <c r="WRY7" i="1"/>
  <c r="WRX7" i="1"/>
  <c r="WRW7" i="1"/>
  <c r="WRV7" i="1"/>
  <c r="WRU7" i="1"/>
  <c r="WRT7" i="1"/>
  <c r="WRS7" i="1"/>
  <c r="WRR7" i="1"/>
  <c r="WRQ7" i="1"/>
  <c r="WRP7" i="1"/>
  <c r="WRO7" i="1"/>
  <c r="WRN7" i="1"/>
  <c r="WRM7" i="1"/>
  <c r="WRL7" i="1"/>
  <c r="WRK7" i="1"/>
  <c r="WRJ7" i="1"/>
  <c r="WRI7" i="1"/>
  <c r="WRH7" i="1"/>
  <c r="WRG7" i="1"/>
  <c r="WRF7" i="1"/>
  <c r="WRE7" i="1"/>
  <c r="WRD7" i="1"/>
  <c r="WRC7" i="1"/>
  <c r="WRB7" i="1"/>
  <c r="WRA7" i="1"/>
  <c r="WQZ7" i="1"/>
  <c r="WQY7" i="1"/>
  <c r="WQX7" i="1"/>
  <c r="WQW7" i="1"/>
  <c r="WQV7" i="1"/>
  <c r="WQU7" i="1"/>
  <c r="WQT7" i="1"/>
  <c r="WQS7" i="1"/>
  <c r="WQR7" i="1"/>
  <c r="WQQ7" i="1"/>
  <c r="WQP7" i="1"/>
  <c r="WQO7" i="1"/>
  <c r="WQN7" i="1"/>
  <c r="WQM7" i="1"/>
  <c r="WQL7" i="1"/>
  <c r="WQK7" i="1"/>
  <c r="WQJ7" i="1"/>
  <c r="WQI7" i="1"/>
  <c r="WQH7" i="1"/>
  <c r="WQG7" i="1"/>
  <c r="WQF7" i="1"/>
  <c r="WQE7" i="1"/>
  <c r="WQD7" i="1"/>
  <c r="WQC7" i="1"/>
  <c r="WQB7" i="1"/>
  <c r="WQA7" i="1"/>
  <c r="WPZ7" i="1"/>
  <c r="WPY7" i="1"/>
  <c r="WPX7" i="1"/>
  <c r="WPW7" i="1"/>
  <c r="WPV7" i="1"/>
  <c r="WPU7" i="1"/>
  <c r="WPT7" i="1"/>
  <c r="WPS7" i="1"/>
  <c r="WPR7" i="1"/>
  <c r="WPQ7" i="1"/>
  <c r="WPP7" i="1"/>
  <c r="WPO7" i="1"/>
  <c r="WPN7" i="1"/>
  <c r="WPM7" i="1"/>
  <c r="WPL7" i="1"/>
  <c r="WPK7" i="1"/>
  <c r="WPJ7" i="1"/>
  <c r="WPI7" i="1"/>
  <c r="WPH7" i="1"/>
  <c r="WPG7" i="1"/>
  <c r="WPF7" i="1"/>
  <c r="WPE7" i="1"/>
  <c r="WPD7" i="1"/>
  <c r="WPC7" i="1"/>
  <c r="WPB7" i="1"/>
  <c r="WPA7" i="1"/>
  <c r="WOZ7" i="1"/>
  <c r="WOY7" i="1"/>
  <c r="WOX7" i="1"/>
  <c r="WOW7" i="1"/>
  <c r="WOV7" i="1"/>
  <c r="WOU7" i="1"/>
  <c r="WOT7" i="1"/>
  <c r="WOS7" i="1"/>
  <c r="WOR7" i="1"/>
  <c r="WOQ7" i="1"/>
  <c r="WOP7" i="1"/>
  <c r="WOO7" i="1"/>
  <c r="WON7" i="1"/>
  <c r="WOM7" i="1"/>
  <c r="WOL7" i="1"/>
  <c r="WOK7" i="1"/>
  <c r="WOJ7" i="1"/>
  <c r="WOI7" i="1"/>
  <c r="WOH7" i="1"/>
  <c r="WOG7" i="1"/>
  <c r="WOF7" i="1"/>
  <c r="WOE7" i="1"/>
  <c r="WOD7" i="1"/>
  <c r="WOC7" i="1"/>
  <c r="WOB7" i="1"/>
  <c r="WOA7" i="1"/>
  <c r="WNZ7" i="1"/>
  <c r="WNY7" i="1"/>
  <c r="WNX7" i="1"/>
  <c r="WNW7" i="1"/>
  <c r="WNV7" i="1"/>
  <c r="WNU7" i="1"/>
  <c r="WNT7" i="1"/>
  <c r="WNS7" i="1"/>
  <c r="WNR7" i="1"/>
  <c r="WNQ7" i="1"/>
  <c r="WNP7" i="1"/>
  <c r="WNO7" i="1"/>
  <c r="WNN7" i="1"/>
  <c r="WNM7" i="1"/>
  <c r="WNL7" i="1"/>
  <c r="WNK7" i="1"/>
  <c r="WNJ7" i="1"/>
  <c r="WNI7" i="1"/>
  <c r="WNH7" i="1"/>
  <c r="WNG7" i="1"/>
  <c r="WNF7" i="1"/>
  <c r="WNE7" i="1"/>
  <c r="WND7" i="1"/>
  <c r="WNC7" i="1"/>
  <c r="WNB7" i="1"/>
  <c r="WNA7" i="1"/>
  <c r="WMZ7" i="1"/>
  <c r="WMY7" i="1"/>
  <c r="WMX7" i="1"/>
  <c r="WMW7" i="1"/>
  <c r="WMV7" i="1"/>
  <c r="WMU7" i="1"/>
  <c r="WMT7" i="1"/>
  <c r="WMS7" i="1"/>
  <c r="WMR7" i="1"/>
  <c r="WMQ7" i="1"/>
  <c r="WMP7" i="1"/>
  <c r="WMO7" i="1"/>
  <c r="WMN7" i="1"/>
  <c r="WMM7" i="1"/>
  <c r="WML7" i="1"/>
  <c r="WMK7" i="1"/>
  <c r="WMJ7" i="1"/>
  <c r="WMI7" i="1"/>
  <c r="WMH7" i="1"/>
  <c r="WMG7" i="1"/>
  <c r="WMF7" i="1"/>
  <c r="WME7" i="1"/>
  <c r="WMD7" i="1"/>
  <c r="WMC7" i="1"/>
  <c r="WMB7" i="1"/>
  <c r="WMA7" i="1"/>
  <c r="WLZ7" i="1"/>
  <c r="WLY7" i="1"/>
  <c r="WLX7" i="1"/>
  <c r="WLW7" i="1"/>
  <c r="WLV7" i="1"/>
  <c r="WLU7" i="1"/>
  <c r="WLT7" i="1"/>
  <c r="WLS7" i="1"/>
  <c r="WLR7" i="1"/>
  <c r="WLQ7" i="1"/>
  <c r="WLP7" i="1"/>
  <c r="WLO7" i="1"/>
  <c r="WLN7" i="1"/>
  <c r="WLM7" i="1"/>
  <c r="WLL7" i="1"/>
  <c r="WLK7" i="1"/>
  <c r="WLJ7" i="1"/>
  <c r="WLI7" i="1"/>
  <c r="WLH7" i="1"/>
  <c r="WLG7" i="1"/>
  <c r="WLF7" i="1"/>
  <c r="WLE7" i="1"/>
  <c r="WLD7" i="1"/>
  <c r="WLC7" i="1"/>
  <c r="WLB7" i="1"/>
  <c r="WLA7" i="1"/>
  <c r="WKZ7" i="1"/>
  <c r="WKY7" i="1"/>
  <c r="WKX7" i="1"/>
  <c r="WKW7" i="1"/>
  <c r="WKV7" i="1"/>
  <c r="WKU7" i="1"/>
  <c r="WKT7" i="1"/>
  <c r="WKS7" i="1"/>
  <c r="WKR7" i="1"/>
  <c r="WKQ7" i="1"/>
  <c r="WKP7" i="1"/>
  <c r="WKO7" i="1"/>
  <c r="WKN7" i="1"/>
  <c r="WKM7" i="1"/>
  <c r="WKL7" i="1"/>
  <c r="WKK7" i="1"/>
  <c r="WKJ7" i="1"/>
  <c r="WKI7" i="1"/>
  <c r="WKH7" i="1"/>
  <c r="WKG7" i="1"/>
  <c r="WKF7" i="1"/>
  <c r="WKE7" i="1"/>
  <c r="WKD7" i="1"/>
  <c r="WKC7" i="1"/>
  <c r="WKB7" i="1"/>
  <c r="WKA7" i="1"/>
  <c r="WJZ7" i="1"/>
  <c r="WJY7" i="1"/>
  <c r="WJX7" i="1"/>
  <c r="WJW7" i="1"/>
  <c r="WJV7" i="1"/>
  <c r="WJU7" i="1"/>
  <c r="WJT7" i="1"/>
  <c r="WJS7" i="1"/>
  <c r="WJR7" i="1"/>
  <c r="WJQ7" i="1"/>
  <c r="WJP7" i="1"/>
  <c r="WJO7" i="1"/>
  <c r="WJN7" i="1"/>
  <c r="WJM7" i="1"/>
  <c r="WJL7" i="1"/>
  <c r="WJK7" i="1"/>
  <c r="WJJ7" i="1"/>
  <c r="WJI7" i="1"/>
  <c r="WJH7" i="1"/>
  <c r="WJG7" i="1"/>
  <c r="WJF7" i="1"/>
  <c r="WJE7" i="1"/>
  <c r="WJD7" i="1"/>
  <c r="WJC7" i="1"/>
  <c r="WJB7" i="1"/>
  <c r="WJA7" i="1"/>
  <c r="WIZ7" i="1"/>
  <c r="WIY7" i="1"/>
  <c r="WIX7" i="1"/>
  <c r="WIW7" i="1"/>
  <c r="WIV7" i="1"/>
  <c r="WIU7" i="1"/>
  <c r="WIT7" i="1"/>
  <c r="WIS7" i="1"/>
  <c r="WIR7" i="1"/>
  <c r="WIQ7" i="1"/>
  <c r="WIP7" i="1"/>
  <c r="WIO7" i="1"/>
  <c r="WIN7" i="1"/>
  <c r="WIM7" i="1"/>
  <c r="WIL7" i="1"/>
  <c r="WIK7" i="1"/>
  <c r="WIJ7" i="1"/>
  <c r="WII7" i="1"/>
  <c r="WIH7" i="1"/>
  <c r="WIG7" i="1"/>
  <c r="WIF7" i="1"/>
  <c r="WIE7" i="1"/>
  <c r="WID7" i="1"/>
  <c r="WIC7" i="1"/>
  <c r="WIB7" i="1"/>
  <c r="WIA7" i="1"/>
  <c r="WHZ7" i="1"/>
  <c r="WHY7" i="1"/>
  <c r="WHX7" i="1"/>
  <c r="WHW7" i="1"/>
  <c r="WHV7" i="1"/>
  <c r="WHU7" i="1"/>
  <c r="WHT7" i="1"/>
  <c r="WHS7" i="1"/>
  <c r="WHR7" i="1"/>
  <c r="WHQ7" i="1"/>
  <c r="WHP7" i="1"/>
  <c r="WHO7" i="1"/>
  <c r="WHN7" i="1"/>
  <c r="WHM7" i="1"/>
  <c r="WHL7" i="1"/>
  <c r="WHK7" i="1"/>
  <c r="WHJ7" i="1"/>
  <c r="WHI7" i="1"/>
  <c r="WHH7" i="1"/>
  <c r="WHG7" i="1"/>
  <c r="WHF7" i="1"/>
  <c r="WHE7" i="1"/>
  <c r="WHD7" i="1"/>
  <c r="WHC7" i="1"/>
  <c r="WHB7" i="1"/>
  <c r="WHA7" i="1"/>
  <c r="WGZ7" i="1"/>
  <c r="WGY7" i="1"/>
  <c r="WGX7" i="1"/>
  <c r="WGW7" i="1"/>
  <c r="WGV7" i="1"/>
  <c r="WGU7" i="1"/>
  <c r="WGT7" i="1"/>
  <c r="WGS7" i="1"/>
  <c r="WGR7" i="1"/>
  <c r="WGQ7" i="1"/>
  <c r="WGP7" i="1"/>
  <c r="WGO7" i="1"/>
  <c r="WGN7" i="1"/>
  <c r="WGM7" i="1"/>
  <c r="WGL7" i="1"/>
  <c r="WGK7" i="1"/>
  <c r="WGJ7" i="1"/>
  <c r="WGI7" i="1"/>
  <c r="WGH7" i="1"/>
  <c r="WGG7" i="1"/>
  <c r="WGF7" i="1"/>
  <c r="WGE7" i="1"/>
  <c r="WGD7" i="1"/>
  <c r="WGC7" i="1"/>
  <c r="WGB7" i="1"/>
  <c r="WGA7" i="1"/>
  <c r="WFZ7" i="1"/>
  <c r="WFY7" i="1"/>
  <c r="WFX7" i="1"/>
  <c r="WFW7" i="1"/>
  <c r="WFV7" i="1"/>
  <c r="WFU7" i="1"/>
  <c r="WFT7" i="1"/>
  <c r="WFS7" i="1"/>
  <c r="WFR7" i="1"/>
  <c r="WFQ7" i="1"/>
  <c r="WFP7" i="1"/>
  <c r="WFO7" i="1"/>
  <c r="WFN7" i="1"/>
  <c r="WFM7" i="1"/>
  <c r="WFL7" i="1"/>
  <c r="WFK7" i="1"/>
  <c r="WFJ7" i="1"/>
  <c r="WFI7" i="1"/>
  <c r="WFH7" i="1"/>
  <c r="WFG7" i="1"/>
  <c r="WFF7" i="1"/>
  <c r="WFE7" i="1"/>
  <c r="WFD7" i="1"/>
  <c r="WFC7" i="1"/>
  <c r="WFB7" i="1"/>
  <c r="WFA7" i="1"/>
  <c r="WEZ7" i="1"/>
  <c r="WEY7" i="1"/>
  <c r="WEX7" i="1"/>
  <c r="WEW7" i="1"/>
  <c r="WEV7" i="1"/>
  <c r="WEU7" i="1"/>
  <c r="WET7" i="1"/>
  <c r="WES7" i="1"/>
  <c r="WER7" i="1"/>
  <c r="WEQ7" i="1"/>
  <c r="WEP7" i="1"/>
  <c r="WEO7" i="1"/>
  <c r="WEN7" i="1"/>
  <c r="WEM7" i="1"/>
  <c r="WEL7" i="1"/>
  <c r="WEK7" i="1"/>
  <c r="WEJ7" i="1"/>
  <c r="WEI7" i="1"/>
  <c r="WEH7" i="1"/>
  <c r="WEG7" i="1"/>
  <c r="WEF7" i="1"/>
  <c r="WEE7" i="1"/>
  <c r="WED7" i="1"/>
  <c r="WEC7" i="1"/>
  <c r="WEB7" i="1"/>
  <c r="WEA7" i="1"/>
  <c r="WDZ7" i="1"/>
  <c r="WDY7" i="1"/>
  <c r="WDX7" i="1"/>
  <c r="WDW7" i="1"/>
  <c r="WDV7" i="1"/>
  <c r="WDU7" i="1"/>
  <c r="WDT7" i="1"/>
  <c r="WDS7" i="1"/>
  <c r="WDR7" i="1"/>
  <c r="WDQ7" i="1"/>
  <c r="WDP7" i="1"/>
  <c r="WDO7" i="1"/>
  <c r="WDN7" i="1"/>
  <c r="WDM7" i="1"/>
  <c r="WDL7" i="1"/>
  <c r="WDK7" i="1"/>
  <c r="WDJ7" i="1"/>
  <c r="WDI7" i="1"/>
  <c r="WDH7" i="1"/>
  <c r="WDG7" i="1"/>
  <c r="WDF7" i="1"/>
  <c r="WDE7" i="1"/>
  <c r="WDD7" i="1"/>
  <c r="WDC7" i="1"/>
  <c r="WDB7" i="1"/>
  <c r="WDA7" i="1"/>
  <c r="WCZ7" i="1"/>
  <c r="WCY7" i="1"/>
  <c r="WCX7" i="1"/>
  <c r="WCW7" i="1"/>
  <c r="WCV7" i="1"/>
  <c r="WCU7" i="1"/>
  <c r="WCT7" i="1"/>
  <c r="WCS7" i="1"/>
  <c r="WCR7" i="1"/>
  <c r="WCQ7" i="1"/>
  <c r="WCP7" i="1"/>
  <c r="WCO7" i="1"/>
  <c r="WCN7" i="1"/>
  <c r="WCM7" i="1"/>
  <c r="WCL7" i="1"/>
  <c r="WCK7" i="1"/>
  <c r="WCJ7" i="1"/>
  <c r="WCI7" i="1"/>
  <c r="WCH7" i="1"/>
  <c r="WCG7" i="1"/>
  <c r="WCF7" i="1"/>
  <c r="WCE7" i="1"/>
  <c r="WCD7" i="1"/>
  <c r="WCC7" i="1"/>
  <c r="WCB7" i="1"/>
  <c r="WCA7" i="1"/>
  <c r="WBZ7" i="1"/>
  <c r="WBY7" i="1"/>
  <c r="WBX7" i="1"/>
  <c r="WBW7" i="1"/>
  <c r="WBV7" i="1"/>
  <c r="WBU7" i="1"/>
  <c r="WBT7" i="1"/>
  <c r="WBS7" i="1"/>
  <c r="WBR7" i="1"/>
  <c r="WBQ7" i="1"/>
  <c r="WBP7" i="1"/>
  <c r="WBO7" i="1"/>
  <c r="WBN7" i="1"/>
  <c r="WBM7" i="1"/>
  <c r="WBL7" i="1"/>
  <c r="WBK7" i="1"/>
  <c r="WBJ7" i="1"/>
  <c r="WBI7" i="1"/>
  <c r="WBH7" i="1"/>
  <c r="WBG7" i="1"/>
  <c r="WBF7" i="1"/>
  <c r="WBE7" i="1"/>
  <c r="WBD7" i="1"/>
  <c r="WBC7" i="1"/>
  <c r="WBB7" i="1"/>
  <c r="WBA7" i="1"/>
  <c r="WAZ7" i="1"/>
  <c r="WAY7" i="1"/>
  <c r="WAX7" i="1"/>
  <c r="WAW7" i="1"/>
  <c r="WAV7" i="1"/>
  <c r="WAU7" i="1"/>
  <c r="WAT7" i="1"/>
  <c r="WAS7" i="1"/>
  <c r="WAR7" i="1"/>
  <c r="WAQ7" i="1"/>
  <c r="WAP7" i="1"/>
  <c r="WAO7" i="1"/>
  <c r="WAN7" i="1"/>
  <c r="WAM7" i="1"/>
  <c r="WAL7" i="1"/>
  <c r="WAK7" i="1"/>
  <c r="WAJ7" i="1"/>
  <c r="WAI7" i="1"/>
  <c r="WAH7" i="1"/>
  <c r="WAG7" i="1"/>
  <c r="WAF7" i="1"/>
  <c r="WAE7" i="1"/>
  <c r="WAD7" i="1"/>
  <c r="WAC7" i="1"/>
  <c r="WAB7" i="1"/>
  <c r="WAA7" i="1"/>
  <c r="VZZ7" i="1"/>
  <c r="VZY7" i="1"/>
  <c r="VZX7" i="1"/>
  <c r="VZW7" i="1"/>
  <c r="VZV7" i="1"/>
  <c r="VZU7" i="1"/>
  <c r="VZT7" i="1"/>
  <c r="VZS7" i="1"/>
  <c r="VZR7" i="1"/>
  <c r="VZQ7" i="1"/>
  <c r="VZP7" i="1"/>
  <c r="VZO7" i="1"/>
  <c r="VZN7" i="1"/>
  <c r="VZM7" i="1"/>
  <c r="VZL7" i="1"/>
  <c r="VZK7" i="1"/>
  <c r="VZJ7" i="1"/>
  <c r="VZI7" i="1"/>
  <c r="VZH7" i="1"/>
  <c r="VZG7" i="1"/>
  <c r="VZF7" i="1"/>
  <c r="VZE7" i="1"/>
  <c r="VZD7" i="1"/>
  <c r="VZC7" i="1"/>
  <c r="VZB7" i="1"/>
  <c r="VZA7" i="1"/>
  <c r="VYZ7" i="1"/>
  <c r="VYY7" i="1"/>
  <c r="VYX7" i="1"/>
  <c r="VYW7" i="1"/>
  <c r="VYV7" i="1"/>
  <c r="VYU7" i="1"/>
  <c r="VYT7" i="1"/>
  <c r="VYS7" i="1"/>
  <c r="VYR7" i="1"/>
  <c r="VYQ7" i="1"/>
  <c r="VYP7" i="1"/>
  <c r="VYO7" i="1"/>
  <c r="VYN7" i="1"/>
  <c r="VYM7" i="1"/>
  <c r="VYL7" i="1"/>
  <c r="VYK7" i="1"/>
  <c r="VYJ7" i="1"/>
  <c r="VYI7" i="1"/>
  <c r="VYH7" i="1"/>
  <c r="VYG7" i="1"/>
  <c r="VYF7" i="1"/>
  <c r="VYE7" i="1"/>
  <c r="VYD7" i="1"/>
  <c r="VYC7" i="1"/>
  <c r="VYB7" i="1"/>
  <c r="VYA7" i="1"/>
  <c r="VXZ7" i="1"/>
  <c r="VXY7" i="1"/>
  <c r="VXX7" i="1"/>
  <c r="VXW7" i="1"/>
  <c r="VXV7" i="1"/>
  <c r="VXU7" i="1"/>
  <c r="VXT7" i="1"/>
  <c r="VXS7" i="1"/>
  <c r="VXR7" i="1"/>
  <c r="VXQ7" i="1"/>
  <c r="VXP7" i="1"/>
  <c r="VXO7" i="1"/>
  <c r="VXN7" i="1"/>
  <c r="VXM7" i="1"/>
  <c r="VXL7" i="1"/>
  <c r="VXK7" i="1"/>
  <c r="VXJ7" i="1"/>
  <c r="VXI7" i="1"/>
  <c r="VXH7" i="1"/>
  <c r="VXG7" i="1"/>
  <c r="VXF7" i="1"/>
  <c r="VXE7" i="1"/>
  <c r="VXD7" i="1"/>
  <c r="VXC7" i="1"/>
  <c r="VXB7" i="1"/>
  <c r="VXA7" i="1"/>
  <c r="VWZ7" i="1"/>
  <c r="VWY7" i="1"/>
  <c r="VWX7" i="1"/>
  <c r="VWW7" i="1"/>
  <c r="VWV7" i="1"/>
  <c r="VWU7" i="1"/>
  <c r="VWT7" i="1"/>
  <c r="VWS7" i="1"/>
  <c r="VWR7" i="1"/>
  <c r="VWQ7" i="1"/>
  <c r="VWP7" i="1"/>
  <c r="VWO7" i="1"/>
  <c r="VWN7" i="1"/>
  <c r="VWM7" i="1"/>
  <c r="VWL7" i="1"/>
  <c r="VWK7" i="1"/>
  <c r="VWJ7" i="1"/>
  <c r="VWI7" i="1"/>
  <c r="VWH7" i="1"/>
  <c r="VWG7" i="1"/>
  <c r="VWF7" i="1"/>
  <c r="VWE7" i="1"/>
  <c r="VWD7" i="1"/>
  <c r="VWC7" i="1"/>
  <c r="VWB7" i="1"/>
  <c r="VWA7" i="1"/>
  <c r="VVZ7" i="1"/>
  <c r="VVY7" i="1"/>
  <c r="VVX7" i="1"/>
  <c r="VVW7" i="1"/>
  <c r="VVV7" i="1"/>
  <c r="VVU7" i="1"/>
  <c r="VVT7" i="1"/>
  <c r="VVS7" i="1"/>
  <c r="VVR7" i="1"/>
  <c r="VVQ7" i="1"/>
  <c r="VVP7" i="1"/>
  <c r="VVO7" i="1"/>
  <c r="VVN7" i="1"/>
  <c r="VVM7" i="1"/>
  <c r="VVL7" i="1"/>
  <c r="VVK7" i="1"/>
  <c r="VVJ7" i="1"/>
  <c r="VVI7" i="1"/>
  <c r="VVH7" i="1"/>
  <c r="VVG7" i="1"/>
  <c r="VVF7" i="1"/>
  <c r="VVE7" i="1"/>
  <c r="VVD7" i="1"/>
  <c r="VVC7" i="1"/>
  <c r="VVB7" i="1"/>
  <c r="VVA7" i="1"/>
  <c r="VUZ7" i="1"/>
  <c r="VUY7" i="1"/>
  <c r="VUX7" i="1"/>
  <c r="VUW7" i="1"/>
  <c r="VUV7" i="1"/>
  <c r="VUU7" i="1"/>
  <c r="VUT7" i="1"/>
  <c r="VUS7" i="1"/>
  <c r="VUR7" i="1"/>
  <c r="VUQ7" i="1"/>
  <c r="VUP7" i="1"/>
  <c r="VUO7" i="1"/>
  <c r="VUN7" i="1"/>
  <c r="VUM7" i="1"/>
  <c r="VUL7" i="1"/>
  <c r="VUK7" i="1"/>
  <c r="VUJ7" i="1"/>
  <c r="VUI7" i="1"/>
  <c r="VUH7" i="1"/>
  <c r="VUG7" i="1"/>
  <c r="VUF7" i="1"/>
  <c r="VUE7" i="1"/>
  <c r="VUD7" i="1"/>
  <c r="VUC7" i="1"/>
  <c r="VUB7" i="1"/>
  <c r="VUA7" i="1"/>
  <c r="VTZ7" i="1"/>
  <c r="VTY7" i="1"/>
  <c r="VTX7" i="1"/>
  <c r="VTW7" i="1"/>
  <c r="VTV7" i="1"/>
  <c r="VTU7" i="1"/>
  <c r="VTT7" i="1"/>
  <c r="VTS7" i="1"/>
  <c r="VTR7" i="1"/>
  <c r="VTQ7" i="1"/>
  <c r="VTP7" i="1"/>
  <c r="VTO7" i="1"/>
  <c r="VTN7" i="1"/>
  <c r="VTM7" i="1"/>
  <c r="VTL7" i="1"/>
  <c r="VTK7" i="1"/>
  <c r="VTJ7" i="1"/>
  <c r="VTI7" i="1"/>
  <c r="VTH7" i="1"/>
  <c r="VTG7" i="1"/>
  <c r="VTF7" i="1"/>
  <c r="VTE7" i="1"/>
  <c r="VTD7" i="1"/>
  <c r="VTC7" i="1"/>
  <c r="VTB7" i="1"/>
  <c r="VTA7" i="1"/>
  <c r="VSZ7" i="1"/>
  <c r="VSY7" i="1"/>
  <c r="VSX7" i="1"/>
  <c r="VSW7" i="1"/>
  <c r="VSV7" i="1"/>
  <c r="VSU7" i="1"/>
  <c r="VST7" i="1"/>
  <c r="VSS7" i="1"/>
  <c r="VSR7" i="1"/>
  <c r="VSQ7" i="1"/>
  <c r="VSP7" i="1"/>
  <c r="VSO7" i="1"/>
  <c r="VSN7" i="1"/>
  <c r="VSM7" i="1"/>
  <c r="VSL7" i="1"/>
  <c r="VSK7" i="1"/>
  <c r="VSJ7" i="1"/>
  <c r="VSI7" i="1"/>
  <c r="VSH7" i="1"/>
  <c r="VSG7" i="1"/>
  <c r="VSF7" i="1"/>
  <c r="VSE7" i="1"/>
  <c r="VSD7" i="1"/>
  <c r="VSC7" i="1"/>
  <c r="VSB7" i="1"/>
  <c r="VSA7" i="1"/>
  <c r="VRZ7" i="1"/>
  <c r="VRY7" i="1"/>
  <c r="VRX7" i="1"/>
  <c r="VRW7" i="1"/>
  <c r="VRV7" i="1"/>
  <c r="VRU7" i="1"/>
  <c r="VRT7" i="1"/>
  <c r="VRS7" i="1"/>
  <c r="VRR7" i="1"/>
  <c r="VRQ7" i="1"/>
  <c r="VRP7" i="1"/>
  <c r="VRO7" i="1"/>
  <c r="VRN7" i="1"/>
  <c r="VRM7" i="1"/>
  <c r="VRL7" i="1"/>
  <c r="VRK7" i="1"/>
  <c r="VRJ7" i="1"/>
  <c r="VRI7" i="1"/>
  <c r="VRH7" i="1"/>
  <c r="VRG7" i="1"/>
  <c r="VRF7" i="1"/>
  <c r="VRE7" i="1"/>
  <c r="VRD7" i="1"/>
  <c r="VRC7" i="1"/>
  <c r="VRB7" i="1"/>
  <c r="VRA7" i="1"/>
  <c r="VQZ7" i="1"/>
  <c r="VQY7" i="1"/>
  <c r="VQX7" i="1"/>
  <c r="VQW7" i="1"/>
  <c r="VQV7" i="1"/>
  <c r="VQU7" i="1"/>
  <c r="VQT7" i="1"/>
  <c r="VQS7" i="1"/>
  <c r="VQR7" i="1"/>
  <c r="VQQ7" i="1"/>
  <c r="VQP7" i="1"/>
  <c r="VQO7" i="1"/>
  <c r="VQN7" i="1"/>
  <c r="VQM7" i="1"/>
  <c r="VQL7" i="1"/>
  <c r="VQK7" i="1"/>
  <c r="VQJ7" i="1"/>
  <c r="VQI7" i="1"/>
  <c r="VQH7" i="1"/>
  <c r="VQG7" i="1"/>
  <c r="VQF7" i="1"/>
  <c r="VQE7" i="1"/>
  <c r="VQD7" i="1"/>
  <c r="VQC7" i="1"/>
  <c r="VQB7" i="1"/>
  <c r="VQA7" i="1"/>
  <c r="VPZ7" i="1"/>
  <c r="VPY7" i="1"/>
  <c r="VPX7" i="1"/>
  <c r="VPW7" i="1"/>
  <c r="VPV7" i="1"/>
  <c r="VPU7" i="1"/>
  <c r="VPT7" i="1"/>
  <c r="VPS7" i="1"/>
  <c r="VPR7" i="1"/>
  <c r="VPQ7" i="1"/>
  <c r="VPP7" i="1"/>
  <c r="VPO7" i="1"/>
  <c r="VPN7" i="1"/>
  <c r="VPM7" i="1"/>
  <c r="VPL7" i="1"/>
  <c r="VPK7" i="1"/>
  <c r="VPJ7" i="1"/>
  <c r="VPI7" i="1"/>
  <c r="VPH7" i="1"/>
  <c r="VPG7" i="1"/>
  <c r="VPF7" i="1"/>
  <c r="VPE7" i="1"/>
  <c r="VPD7" i="1"/>
  <c r="VPC7" i="1"/>
  <c r="VPB7" i="1"/>
  <c r="VPA7" i="1"/>
  <c r="VOZ7" i="1"/>
  <c r="VOY7" i="1"/>
  <c r="VOX7" i="1"/>
  <c r="VOW7" i="1"/>
  <c r="VOV7" i="1"/>
  <c r="VOU7" i="1"/>
  <c r="VOT7" i="1"/>
  <c r="VOS7" i="1"/>
  <c r="VOR7" i="1"/>
  <c r="VOQ7" i="1"/>
  <c r="VOP7" i="1"/>
  <c r="VOO7" i="1"/>
  <c r="VON7" i="1"/>
  <c r="VOM7" i="1"/>
  <c r="VOL7" i="1"/>
  <c r="VOK7" i="1"/>
  <c r="VOJ7" i="1"/>
  <c r="VOI7" i="1"/>
  <c r="VOH7" i="1"/>
  <c r="VOG7" i="1"/>
  <c r="VOF7" i="1"/>
  <c r="VOE7" i="1"/>
  <c r="VOD7" i="1"/>
  <c r="VOC7" i="1"/>
  <c r="VOB7" i="1"/>
  <c r="VOA7" i="1"/>
  <c r="VNZ7" i="1"/>
  <c r="VNY7" i="1"/>
  <c r="VNX7" i="1"/>
  <c r="VNW7" i="1"/>
  <c r="VNV7" i="1"/>
  <c r="VNU7" i="1"/>
  <c r="VNT7" i="1"/>
  <c r="VNS7" i="1"/>
  <c r="VNR7" i="1"/>
  <c r="VNQ7" i="1"/>
  <c r="VNP7" i="1"/>
  <c r="VNO7" i="1"/>
  <c r="VNN7" i="1"/>
  <c r="VNM7" i="1"/>
  <c r="VNL7" i="1"/>
  <c r="VNK7" i="1"/>
  <c r="VNJ7" i="1"/>
  <c r="VNI7" i="1"/>
  <c r="VNH7" i="1"/>
  <c r="VNG7" i="1"/>
  <c r="VNF7" i="1"/>
  <c r="VNE7" i="1"/>
  <c r="VND7" i="1"/>
  <c r="VNC7" i="1"/>
  <c r="VNB7" i="1"/>
  <c r="VNA7" i="1"/>
  <c r="VMZ7" i="1"/>
  <c r="VMY7" i="1"/>
  <c r="VMX7" i="1"/>
  <c r="VMW7" i="1"/>
  <c r="VMV7" i="1"/>
  <c r="VMU7" i="1"/>
  <c r="VMT7" i="1"/>
  <c r="VMS7" i="1"/>
  <c r="VMR7" i="1"/>
  <c r="VMQ7" i="1"/>
  <c r="VMP7" i="1"/>
  <c r="VMO7" i="1"/>
  <c r="VMN7" i="1"/>
  <c r="VMM7" i="1"/>
  <c r="VML7" i="1"/>
  <c r="VMK7" i="1"/>
  <c r="VMJ7" i="1"/>
  <c r="VMI7" i="1"/>
  <c r="VMH7" i="1"/>
  <c r="VMG7" i="1"/>
  <c r="VMF7" i="1"/>
  <c r="VME7" i="1"/>
  <c r="VMD7" i="1"/>
  <c r="VMC7" i="1"/>
  <c r="VMB7" i="1"/>
  <c r="VMA7" i="1"/>
  <c r="VLZ7" i="1"/>
  <c r="VLY7" i="1"/>
  <c r="VLX7" i="1"/>
  <c r="VLW7" i="1"/>
  <c r="VLV7" i="1"/>
  <c r="VLU7" i="1"/>
  <c r="VLT7" i="1"/>
  <c r="VLS7" i="1"/>
  <c r="VLR7" i="1"/>
  <c r="VLQ7" i="1"/>
  <c r="VLP7" i="1"/>
  <c r="VLO7" i="1"/>
  <c r="VLN7" i="1"/>
  <c r="VLM7" i="1"/>
  <c r="VLL7" i="1"/>
  <c r="VLK7" i="1"/>
  <c r="VLJ7" i="1"/>
  <c r="VLI7" i="1"/>
  <c r="VLH7" i="1"/>
  <c r="VLG7" i="1"/>
  <c r="VLF7" i="1"/>
  <c r="VLE7" i="1"/>
  <c r="VLD7" i="1"/>
  <c r="VLC7" i="1"/>
  <c r="VLB7" i="1"/>
  <c r="VLA7" i="1"/>
  <c r="VKZ7" i="1"/>
  <c r="VKY7" i="1"/>
  <c r="VKX7" i="1"/>
  <c r="VKW7" i="1"/>
  <c r="VKV7" i="1"/>
  <c r="VKU7" i="1"/>
  <c r="VKT7" i="1"/>
  <c r="VKS7" i="1"/>
  <c r="VKR7" i="1"/>
  <c r="VKQ7" i="1"/>
  <c r="VKP7" i="1"/>
  <c r="VKO7" i="1"/>
  <c r="VKN7" i="1"/>
  <c r="VKM7" i="1"/>
  <c r="VKL7" i="1"/>
  <c r="VKK7" i="1"/>
  <c r="VKJ7" i="1"/>
  <c r="VKI7" i="1"/>
  <c r="VKH7" i="1"/>
  <c r="VKG7" i="1"/>
  <c r="VKF7" i="1"/>
  <c r="VKE7" i="1"/>
  <c r="VKD7" i="1"/>
  <c r="VKC7" i="1"/>
  <c r="VKB7" i="1"/>
  <c r="VKA7" i="1"/>
  <c r="VJZ7" i="1"/>
  <c r="VJY7" i="1"/>
  <c r="VJX7" i="1"/>
  <c r="VJW7" i="1"/>
  <c r="VJV7" i="1"/>
  <c r="VJU7" i="1"/>
  <c r="VJT7" i="1"/>
  <c r="VJS7" i="1"/>
  <c r="VJR7" i="1"/>
  <c r="VJQ7" i="1"/>
  <c r="VJP7" i="1"/>
  <c r="VJO7" i="1"/>
  <c r="VJN7" i="1"/>
  <c r="VJM7" i="1"/>
  <c r="VJL7" i="1"/>
  <c r="VJK7" i="1"/>
  <c r="VJJ7" i="1"/>
  <c r="VJI7" i="1"/>
  <c r="VJH7" i="1"/>
  <c r="VJG7" i="1"/>
  <c r="VJF7" i="1"/>
  <c r="VJE7" i="1"/>
  <c r="VJD7" i="1"/>
  <c r="VJC7" i="1"/>
  <c r="VJB7" i="1"/>
  <c r="VJA7" i="1"/>
  <c r="VIZ7" i="1"/>
  <c r="VIY7" i="1"/>
  <c r="VIX7" i="1"/>
  <c r="VIW7" i="1"/>
  <c r="VIV7" i="1"/>
  <c r="VIU7" i="1"/>
  <c r="VIT7" i="1"/>
  <c r="VIS7" i="1"/>
  <c r="VIR7" i="1"/>
  <c r="VIQ7" i="1"/>
  <c r="VIP7" i="1"/>
  <c r="VIO7" i="1"/>
  <c r="VIN7" i="1"/>
  <c r="VIM7" i="1"/>
  <c r="VIL7" i="1"/>
  <c r="VIK7" i="1"/>
  <c r="VIJ7" i="1"/>
  <c r="VII7" i="1"/>
  <c r="VIH7" i="1"/>
  <c r="VIG7" i="1"/>
  <c r="VIF7" i="1"/>
  <c r="VIE7" i="1"/>
  <c r="VID7" i="1"/>
  <c r="VIC7" i="1"/>
  <c r="VIB7" i="1"/>
  <c r="VIA7" i="1"/>
  <c r="VHZ7" i="1"/>
  <c r="VHY7" i="1"/>
  <c r="VHX7" i="1"/>
  <c r="VHW7" i="1"/>
  <c r="VHV7" i="1"/>
  <c r="VHU7" i="1"/>
  <c r="VHT7" i="1"/>
  <c r="VHS7" i="1"/>
  <c r="VHR7" i="1"/>
  <c r="VHQ7" i="1"/>
  <c r="VHP7" i="1"/>
  <c r="VHO7" i="1"/>
  <c r="VHN7" i="1"/>
  <c r="VHM7" i="1"/>
  <c r="VHL7" i="1"/>
  <c r="VHK7" i="1"/>
  <c r="VHJ7" i="1"/>
  <c r="VHI7" i="1"/>
  <c r="VHH7" i="1"/>
  <c r="VHG7" i="1"/>
  <c r="VHF7" i="1"/>
  <c r="VHE7" i="1"/>
  <c r="VHD7" i="1"/>
  <c r="VHC7" i="1"/>
  <c r="VHB7" i="1"/>
  <c r="VHA7" i="1"/>
  <c r="VGZ7" i="1"/>
  <c r="VGY7" i="1"/>
  <c r="VGX7" i="1"/>
  <c r="VGW7" i="1"/>
  <c r="VGV7" i="1"/>
  <c r="VGU7" i="1"/>
  <c r="VGT7" i="1"/>
  <c r="VGS7" i="1"/>
  <c r="VGR7" i="1"/>
  <c r="VGQ7" i="1"/>
  <c r="VGP7" i="1"/>
  <c r="VGO7" i="1"/>
  <c r="VGN7" i="1"/>
  <c r="VGM7" i="1"/>
  <c r="VGL7" i="1"/>
  <c r="VGK7" i="1"/>
  <c r="VGJ7" i="1"/>
  <c r="VGI7" i="1"/>
  <c r="VGH7" i="1"/>
  <c r="VGG7" i="1"/>
  <c r="VGF7" i="1"/>
  <c r="VGE7" i="1"/>
  <c r="VGD7" i="1"/>
  <c r="VGC7" i="1"/>
  <c r="VGB7" i="1"/>
  <c r="VGA7" i="1"/>
  <c r="VFZ7" i="1"/>
  <c r="VFY7" i="1"/>
  <c r="VFX7" i="1"/>
  <c r="VFW7" i="1"/>
  <c r="VFV7" i="1"/>
  <c r="VFU7" i="1"/>
  <c r="VFT7" i="1"/>
  <c r="VFS7" i="1"/>
  <c r="VFR7" i="1"/>
  <c r="VFQ7" i="1"/>
  <c r="VFP7" i="1"/>
  <c r="VFO7" i="1"/>
  <c r="VFN7" i="1"/>
  <c r="VFM7" i="1"/>
  <c r="VFL7" i="1"/>
  <c r="VFK7" i="1"/>
  <c r="VFJ7" i="1"/>
  <c r="VFI7" i="1"/>
  <c r="VFH7" i="1"/>
  <c r="VFG7" i="1"/>
  <c r="VFF7" i="1"/>
  <c r="VFE7" i="1"/>
  <c r="VFD7" i="1"/>
  <c r="VFC7" i="1"/>
  <c r="VFB7" i="1"/>
  <c r="VFA7" i="1"/>
  <c r="VEZ7" i="1"/>
  <c r="VEY7" i="1"/>
  <c r="VEX7" i="1"/>
  <c r="VEW7" i="1"/>
  <c r="VEV7" i="1"/>
  <c r="VEU7" i="1"/>
  <c r="VET7" i="1"/>
  <c r="VES7" i="1"/>
  <c r="VER7" i="1"/>
  <c r="VEQ7" i="1"/>
  <c r="VEP7" i="1"/>
  <c r="VEO7" i="1"/>
  <c r="VEN7" i="1"/>
  <c r="VEM7" i="1"/>
  <c r="VEL7" i="1"/>
  <c r="VEK7" i="1"/>
  <c r="VEJ7" i="1"/>
  <c r="VEI7" i="1"/>
  <c r="VEH7" i="1"/>
  <c r="VEG7" i="1"/>
  <c r="VEF7" i="1"/>
  <c r="VEE7" i="1"/>
  <c r="VED7" i="1"/>
  <c r="VEC7" i="1"/>
  <c r="VEB7" i="1"/>
  <c r="VEA7" i="1"/>
  <c r="VDZ7" i="1"/>
  <c r="VDY7" i="1"/>
  <c r="VDX7" i="1"/>
  <c r="VDW7" i="1"/>
  <c r="VDV7" i="1"/>
  <c r="VDU7" i="1"/>
  <c r="VDT7" i="1"/>
  <c r="VDS7" i="1"/>
  <c r="VDR7" i="1"/>
  <c r="VDQ7" i="1"/>
  <c r="VDP7" i="1"/>
  <c r="VDO7" i="1"/>
  <c r="VDN7" i="1"/>
  <c r="VDM7" i="1"/>
  <c r="VDL7" i="1"/>
  <c r="VDK7" i="1"/>
  <c r="VDJ7" i="1"/>
  <c r="VDI7" i="1"/>
  <c r="VDH7" i="1"/>
  <c r="VDG7" i="1"/>
  <c r="VDF7" i="1"/>
  <c r="VDE7" i="1"/>
  <c r="VDD7" i="1"/>
  <c r="VDC7" i="1"/>
  <c r="VDB7" i="1"/>
  <c r="VDA7" i="1"/>
  <c r="VCZ7" i="1"/>
  <c r="VCY7" i="1"/>
  <c r="VCX7" i="1"/>
  <c r="VCW7" i="1"/>
  <c r="VCV7" i="1"/>
  <c r="VCU7" i="1"/>
  <c r="VCT7" i="1"/>
  <c r="VCS7" i="1"/>
  <c r="VCR7" i="1"/>
  <c r="VCQ7" i="1"/>
  <c r="VCP7" i="1"/>
  <c r="VCO7" i="1"/>
  <c r="VCN7" i="1"/>
  <c r="VCM7" i="1"/>
  <c r="VCL7" i="1"/>
  <c r="VCK7" i="1"/>
  <c r="VCJ7" i="1"/>
  <c r="VCI7" i="1"/>
  <c r="VCH7" i="1"/>
  <c r="VCG7" i="1"/>
  <c r="VCF7" i="1"/>
  <c r="VCE7" i="1"/>
  <c r="VCD7" i="1"/>
  <c r="VCC7" i="1"/>
  <c r="VCB7" i="1"/>
  <c r="VCA7" i="1"/>
  <c r="VBZ7" i="1"/>
  <c r="VBY7" i="1"/>
  <c r="VBX7" i="1"/>
  <c r="VBW7" i="1"/>
  <c r="VBV7" i="1"/>
  <c r="VBU7" i="1"/>
  <c r="VBT7" i="1"/>
  <c r="VBS7" i="1"/>
  <c r="VBR7" i="1"/>
  <c r="VBQ7" i="1"/>
  <c r="VBP7" i="1"/>
  <c r="VBO7" i="1"/>
  <c r="VBN7" i="1"/>
  <c r="VBM7" i="1"/>
  <c r="VBL7" i="1"/>
  <c r="VBK7" i="1"/>
  <c r="VBJ7" i="1"/>
  <c r="VBI7" i="1"/>
  <c r="VBH7" i="1"/>
  <c r="VBG7" i="1"/>
  <c r="VBF7" i="1"/>
  <c r="VBE7" i="1"/>
  <c r="VBD7" i="1"/>
  <c r="VBC7" i="1"/>
  <c r="VBB7" i="1"/>
  <c r="VBA7" i="1"/>
  <c r="VAZ7" i="1"/>
  <c r="VAY7" i="1"/>
  <c r="VAX7" i="1"/>
  <c r="VAW7" i="1"/>
  <c r="VAV7" i="1"/>
  <c r="VAU7" i="1"/>
  <c r="VAT7" i="1"/>
  <c r="VAS7" i="1"/>
  <c r="VAR7" i="1"/>
  <c r="VAQ7" i="1"/>
  <c r="VAP7" i="1"/>
  <c r="VAO7" i="1"/>
  <c r="VAN7" i="1"/>
  <c r="VAM7" i="1"/>
  <c r="VAL7" i="1"/>
  <c r="VAK7" i="1"/>
  <c r="VAJ7" i="1"/>
  <c r="VAI7" i="1"/>
  <c r="VAH7" i="1"/>
  <c r="VAG7" i="1"/>
  <c r="VAF7" i="1"/>
  <c r="VAE7" i="1"/>
  <c r="VAD7" i="1"/>
  <c r="VAC7" i="1"/>
  <c r="VAB7" i="1"/>
  <c r="VAA7" i="1"/>
  <c r="UZZ7" i="1"/>
  <c r="UZY7" i="1"/>
  <c r="UZX7" i="1"/>
  <c r="UZW7" i="1"/>
  <c r="UZV7" i="1"/>
  <c r="UZU7" i="1"/>
  <c r="UZT7" i="1"/>
  <c r="UZS7" i="1"/>
  <c r="UZR7" i="1"/>
  <c r="UZQ7" i="1"/>
  <c r="UZP7" i="1"/>
  <c r="UZO7" i="1"/>
  <c r="UZN7" i="1"/>
  <c r="UZM7" i="1"/>
  <c r="UZL7" i="1"/>
  <c r="UZK7" i="1"/>
  <c r="UZJ7" i="1"/>
  <c r="UZI7" i="1"/>
  <c r="UZH7" i="1"/>
  <c r="UZG7" i="1"/>
  <c r="UZF7" i="1"/>
  <c r="UZE7" i="1"/>
  <c r="UZD7" i="1"/>
  <c r="UZC7" i="1"/>
  <c r="UZB7" i="1"/>
  <c r="UZA7" i="1"/>
  <c r="UYZ7" i="1"/>
  <c r="UYY7" i="1"/>
  <c r="UYX7" i="1"/>
  <c r="UYW7" i="1"/>
  <c r="UYV7" i="1"/>
  <c r="UYU7" i="1"/>
  <c r="UYT7" i="1"/>
  <c r="UYS7" i="1"/>
  <c r="UYR7" i="1"/>
  <c r="UYQ7" i="1"/>
  <c r="UYP7" i="1"/>
  <c r="UYO7" i="1"/>
  <c r="UYN7" i="1"/>
  <c r="UYM7" i="1"/>
  <c r="UYL7" i="1"/>
  <c r="UYK7" i="1"/>
  <c r="UYJ7" i="1"/>
  <c r="UYI7" i="1"/>
  <c r="UYH7" i="1"/>
  <c r="UYG7" i="1"/>
  <c r="UYF7" i="1"/>
  <c r="UYE7" i="1"/>
  <c r="UYD7" i="1"/>
  <c r="UYC7" i="1"/>
  <c r="UYB7" i="1"/>
  <c r="UYA7" i="1"/>
  <c r="UXZ7" i="1"/>
  <c r="UXY7" i="1"/>
  <c r="UXX7" i="1"/>
  <c r="UXW7" i="1"/>
  <c r="UXV7" i="1"/>
  <c r="UXU7" i="1"/>
  <c r="UXT7" i="1"/>
  <c r="UXS7" i="1"/>
  <c r="UXR7" i="1"/>
  <c r="UXQ7" i="1"/>
  <c r="UXP7" i="1"/>
  <c r="UXO7" i="1"/>
  <c r="UXN7" i="1"/>
  <c r="UXM7" i="1"/>
  <c r="UXL7" i="1"/>
  <c r="UXK7" i="1"/>
  <c r="UXJ7" i="1"/>
  <c r="UXI7" i="1"/>
  <c r="UXH7" i="1"/>
  <c r="UXG7" i="1"/>
  <c r="UXF7" i="1"/>
  <c r="UXE7" i="1"/>
  <c r="UXD7" i="1"/>
  <c r="UXC7" i="1"/>
  <c r="UXB7" i="1"/>
  <c r="UXA7" i="1"/>
  <c r="UWZ7" i="1"/>
  <c r="UWY7" i="1"/>
  <c r="UWX7" i="1"/>
  <c r="UWW7" i="1"/>
  <c r="UWV7" i="1"/>
  <c r="UWU7" i="1"/>
  <c r="UWT7" i="1"/>
  <c r="UWS7" i="1"/>
  <c r="UWR7" i="1"/>
  <c r="UWQ7" i="1"/>
  <c r="UWP7" i="1"/>
  <c r="UWO7" i="1"/>
  <c r="UWN7" i="1"/>
  <c r="UWM7" i="1"/>
  <c r="UWL7" i="1"/>
  <c r="UWK7" i="1"/>
  <c r="UWJ7" i="1"/>
  <c r="UWI7" i="1"/>
  <c r="UWH7" i="1"/>
  <c r="UWG7" i="1"/>
  <c r="UWF7" i="1"/>
  <c r="UWE7" i="1"/>
  <c r="UWD7" i="1"/>
  <c r="UWC7" i="1"/>
  <c r="UWB7" i="1"/>
  <c r="UWA7" i="1"/>
  <c r="UVZ7" i="1"/>
  <c r="UVY7" i="1"/>
  <c r="UVX7" i="1"/>
  <c r="UVW7" i="1"/>
  <c r="UVV7" i="1"/>
  <c r="UVU7" i="1"/>
  <c r="UVT7" i="1"/>
  <c r="UVS7" i="1"/>
  <c r="UVR7" i="1"/>
  <c r="UVQ7" i="1"/>
  <c r="UVP7" i="1"/>
  <c r="UVO7" i="1"/>
  <c r="UVN7" i="1"/>
  <c r="UVM7" i="1"/>
  <c r="UVL7" i="1"/>
  <c r="UVK7" i="1"/>
  <c r="UVJ7" i="1"/>
  <c r="UVI7" i="1"/>
  <c r="UVH7" i="1"/>
  <c r="UVG7" i="1"/>
  <c r="UVF7" i="1"/>
  <c r="UVE7" i="1"/>
  <c r="UVD7" i="1"/>
  <c r="UVC7" i="1"/>
  <c r="UVB7" i="1"/>
  <c r="UVA7" i="1"/>
  <c r="UUZ7" i="1"/>
  <c r="UUY7" i="1"/>
  <c r="UUX7" i="1"/>
  <c r="UUW7" i="1"/>
  <c r="UUV7" i="1"/>
  <c r="UUU7" i="1"/>
  <c r="UUT7" i="1"/>
  <c r="UUS7" i="1"/>
  <c r="UUR7" i="1"/>
  <c r="UUQ7" i="1"/>
  <c r="UUP7" i="1"/>
  <c r="UUO7" i="1"/>
  <c r="UUN7" i="1"/>
  <c r="UUM7" i="1"/>
  <c r="UUL7" i="1"/>
  <c r="UUK7" i="1"/>
  <c r="UUJ7" i="1"/>
  <c r="UUI7" i="1"/>
  <c r="UUH7" i="1"/>
  <c r="UUG7" i="1"/>
  <c r="UUF7" i="1"/>
  <c r="UUE7" i="1"/>
  <c r="UUD7" i="1"/>
  <c r="UUC7" i="1"/>
  <c r="UUB7" i="1"/>
  <c r="UUA7" i="1"/>
  <c r="UTZ7" i="1"/>
  <c r="UTY7" i="1"/>
  <c r="UTX7" i="1"/>
  <c r="UTW7" i="1"/>
  <c r="UTV7" i="1"/>
  <c r="UTU7" i="1"/>
  <c r="UTT7" i="1"/>
  <c r="UTS7" i="1"/>
  <c r="UTR7" i="1"/>
  <c r="UTQ7" i="1"/>
  <c r="UTP7" i="1"/>
  <c r="UTO7" i="1"/>
  <c r="UTN7" i="1"/>
  <c r="UTM7" i="1"/>
  <c r="UTL7" i="1"/>
  <c r="UTK7" i="1"/>
  <c r="UTJ7" i="1"/>
  <c r="UTI7" i="1"/>
  <c r="UTH7" i="1"/>
  <c r="UTG7" i="1"/>
  <c r="UTF7" i="1"/>
  <c r="UTE7" i="1"/>
  <c r="UTD7" i="1"/>
  <c r="UTC7" i="1"/>
  <c r="UTB7" i="1"/>
  <c r="UTA7" i="1"/>
  <c r="USZ7" i="1"/>
  <c r="USY7" i="1"/>
  <c r="USX7" i="1"/>
  <c r="USW7" i="1"/>
  <c r="USV7" i="1"/>
  <c r="USU7" i="1"/>
  <c r="UST7" i="1"/>
  <c r="USS7" i="1"/>
  <c r="USR7" i="1"/>
  <c r="USQ7" i="1"/>
  <c r="USP7" i="1"/>
  <c r="USO7" i="1"/>
  <c r="USN7" i="1"/>
  <c r="USM7" i="1"/>
  <c r="USL7" i="1"/>
  <c r="USK7" i="1"/>
  <c r="USJ7" i="1"/>
  <c r="USI7" i="1"/>
  <c r="USH7" i="1"/>
  <c r="USG7" i="1"/>
  <c r="USF7" i="1"/>
  <c r="USE7" i="1"/>
  <c r="USD7" i="1"/>
  <c r="USC7" i="1"/>
  <c r="USB7" i="1"/>
  <c r="USA7" i="1"/>
  <c r="URZ7" i="1"/>
  <c r="URY7" i="1"/>
  <c r="URX7" i="1"/>
  <c r="URW7" i="1"/>
  <c r="URV7" i="1"/>
  <c r="URU7" i="1"/>
  <c r="URT7" i="1"/>
  <c r="URS7" i="1"/>
  <c r="URR7" i="1"/>
  <c r="URQ7" i="1"/>
  <c r="URP7" i="1"/>
  <c r="URO7" i="1"/>
  <c r="URN7" i="1"/>
  <c r="URM7" i="1"/>
  <c r="URL7" i="1"/>
  <c r="URK7" i="1"/>
  <c r="URJ7" i="1"/>
  <c r="URI7" i="1"/>
  <c r="URH7" i="1"/>
  <c r="URG7" i="1"/>
  <c r="URF7" i="1"/>
  <c r="URE7" i="1"/>
  <c r="URD7" i="1"/>
  <c r="URC7" i="1"/>
  <c r="URB7" i="1"/>
  <c r="URA7" i="1"/>
  <c r="UQZ7" i="1"/>
  <c r="UQY7" i="1"/>
  <c r="UQX7" i="1"/>
  <c r="UQW7" i="1"/>
  <c r="UQV7" i="1"/>
  <c r="UQU7" i="1"/>
  <c r="UQT7" i="1"/>
  <c r="UQS7" i="1"/>
  <c r="UQR7" i="1"/>
  <c r="UQQ7" i="1"/>
  <c r="UQP7" i="1"/>
  <c r="UQO7" i="1"/>
  <c r="UQN7" i="1"/>
  <c r="UQM7" i="1"/>
  <c r="UQL7" i="1"/>
  <c r="UQK7" i="1"/>
  <c r="UQJ7" i="1"/>
  <c r="UQI7" i="1"/>
  <c r="UQH7" i="1"/>
  <c r="UQG7" i="1"/>
  <c r="UQF7" i="1"/>
  <c r="UQE7" i="1"/>
  <c r="UQD7" i="1"/>
  <c r="UQC7" i="1"/>
  <c r="UQB7" i="1"/>
  <c r="UQA7" i="1"/>
  <c r="UPZ7" i="1"/>
  <c r="UPY7" i="1"/>
  <c r="UPX7" i="1"/>
  <c r="UPW7" i="1"/>
  <c r="UPV7" i="1"/>
  <c r="UPU7" i="1"/>
  <c r="UPT7" i="1"/>
  <c r="UPS7" i="1"/>
  <c r="UPR7" i="1"/>
  <c r="UPQ7" i="1"/>
  <c r="UPP7" i="1"/>
  <c r="UPO7" i="1"/>
  <c r="UPN7" i="1"/>
  <c r="UPM7" i="1"/>
  <c r="UPL7" i="1"/>
  <c r="UPK7" i="1"/>
  <c r="UPJ7" i="1"/>
  <c r="UPI7" i="1"/>
  <c r="UPH7" i="1"/>
  <c r="UPG7" i="1"/>
  <c r="UPF7" i="1"/>
  <c r="UPE7" i="1"/>
  <c r="UPD7" i="1"/>
  <c r="UPC7" i="1"/>
  <c r="UPB7" i="1"/>
  <c r="UPA7" i="1"/>
  <c r="UOZ7" i="1"/>
  <c r="UOY7" i="1"/>
  <c r="UOX7" i="1"/>
  <c r="UOW7" i="1"/>
  <c r="UOV7" i="1"/>
  <c r="UOU7" i="1"/>
  <c r="UOT7" i="1"/>
  <c r="UOS7" i="1"/>
  <c r="UOR7" i="1"/>
  <c r="UOQ7" i="1"/>
  <c r="UOP7" i="1"/>
  <c r="UOO7" i="1"/>
  <c r="UON7" i="1"/>
  <c r="UOM7" i="1"/>
  <c r="UOL7" i="1"/>
  <c r="UOK7" i="1"/>
  <c r="UOJ7" i="1"/>
  <c r="UOI7" i="1"/>
  <c r="UOH7" i="1"/>
  <c r="UOG7" i="1"/>
  <c r="UOF7" i="1"/>
  <c r="UOE7" i="1"/>
  <c r="UOD7" i="1"/>
  <c r="UOC7" i="1"/>
  <c r="UOB7" i="1"/>
  <c r="UOA7" i="1"/>
  <c r="UNZ7" i="1"/>
  <c r="UNY7" i="1"/>
  <c r="UNX7" i="1"/>
  <c r="UNW7" i="1"/>
  <c r="UNV7" i="1"/>
  <c r="UNU7" i="1"/>
  <c r="UNT7" i="1"/>
  <c r="UNS7" i="1"/>
  <c r="UNR7" i="1"/>
  <c r="UNQ7" i="1"/>
  <c r="UNP7" i="1"/>
  <c r="UNO7" i="1"/>
  <c r="UNN7" i="1"/>
  <c r="UNM7" i="1"/>
  <c r="UNL7" i="1"/>
  <c r="UNK7" i="1"/>
  <c r="UNJ7" i="1"/>
  <c r="UNI7" i="1"/>
  <c r="UNH7" i="1"/>
  <c r="UNG7" i="1"/>
  <c r="UNF7" i="1"/>
  <c r="UNE7" i="1"/>
  <c r="UND7" i="1"/>
  <c r="UNC7" i="1"/>
  <c r="UNB7" i="1"/>
  <c r="UNA7" i="1"/>
  <c r="UMZ7" i="1"/>
  <c r="UMY7" i="1"/>
  <c r="UMX7" i="1"/>
  <c r="UMW7" i="1"/>
  <c r="UMV7" i="1"/>
  <c r="UMU7" i="1"/>
  <c r="UMT7" i="1"/>
  <c r="UMS7" i="1"/>
  <c r="UMR7" i="1"/>
  <c r="UMQ7" i="1"/>
  <c r="UMP7" i="1"/>
  <c r="UMO7" i="1"/>
  <c r="UMN7" i="1"/>
  <c r="UMM7" i="1"/>
  <c r="UML7" i="1"/>
  <c r="UMK7" i="1"/>
  <c r="UMJ7" i="1"/>
  <c r="UMI7" i="1"/>
  <c r="UMH7" i="1"/>
  <c r="UMG7" i="1"/>
  <c r="UMF7" i="1"/>
  <c r="UME7" i="1"/>
  <c r="UMD7" i="1"/>
  <c r="UMC7" i="1"/>
  <c r="UMB7" i="1"/>
  <c r="UMA7" i="1"/>
  <c r="ULZ7" i="1"/>
  <c r="ULY7" i="1"/>
  <c r="ULX7" i="1"/>
  <c r="ULW7" i="1"/>
  <c r="ULV7" i="1"/>
  <c r="ULU7" i="1"/>
  <c r="ULT7" i="1"/>
  <c r="ULS7" i="1"/>
  <c r="ULR7" i="1"/>
  <c r="ULQ7" i="1"/>
  <c r="ULP7" i="1"/>
  <c r="ULO7" i="1"/>
  <c r="ULN7" i="1"/>
  <c r="ULM7" i="1"/>
  <c r="ULL7" i="1"/>
  <c r="ULK7" i="1"/>
  <c r="ULJ7" i="1"/>
  <c r="ULI7" i="1"/>
  <c r="ULH7" i="1"/>
  <c r="ULG7" i="1"/>
  <c r="ULF7" i="1"/>
  <c r="ULE7" i="1"/>
  <c r="ULD7" i="1"/>
  <c r="ULC7" i="1"/>
  <c r="ULB7" i="1"/>
  <c r="ULA7" i="1"/>
  <c r="UKZ7" i="1"/>
  <c r="UKY7" i="1"/>
  <c r="UKX7" i="1"/>
  <c r="UKW7" i="1"/>
  <c r="UKV7" i="1"/>
  <c r="UKU7" i="1"/>
  <c r="UKT7" i="1"/>
  <c r="UKS7" i="1"/>
  <c r="UKR7" i="1"/>
  <c r="UKQ7" i="1"/>
  <c r="UKP7" i="1"/>
  <c r="UKO7" i="1"/>
  <c r="UKN7" i="1"/>
  <c r="UKM7" i="1"/>
  <c r="UKL7" i="1"/>
  <c r="UKK7" i="1"/>
  <c r="UKJ7" i="1"/>
  <c r="UKI7" i="1"/>
  <c r="UKH7" i="1"/>
  <c r="UKG7" i="1"/>
  <c r="UKF7" i="1"/>
  <c r="UKE7" i="1"/>
  <c r="UKD7" i="1"/>
  <c r="UKC7" i="1"/>
  <c r="UKB7" i="1"/>
  <c r="UKA7" i="1"/>
  <c r="UJZ7" i="1"/>
  <c r="UJY7" i="1"/>
  <c r="UJX7" i="1"/>
  <c r="UJW7" i="1"/>
  <c r="UJV7" i="1"/>
  <c r="UJU7" i="1"/>
  <c r="UJT7" i="1"/>
  <c r="UJS7" i="1"/>
  <c r="UJR7" i="1"/>
  <c r="UJQ7" i="1"/>
  <c r="UJP7" i="1"/>
  <c r="UJO7" i="1"/>
  <c r="UJN7" i="1"/>
  <c r="UJM7" i="1"/>
  <c r="UJL7" i="1"/>
  <c r="UJK7" i="1"/>
  <c r="UJJ7" i="1"/>
  <c r="UJI7" i="1"/>
  <c r="UJH7" i="1"/>
  <c r="UJG7" i="1"/>
  <c r="UJF7" i="1"/>
  <c r="UJE7" i="1"/>
  <c r="UJD7" i="1"/>
  <c r="UJC7" i="1"/>
  <c r="UJB7" i="1"/>
  <c r="UJA7" i="1"/>
  <c r="UIZ7" i="1"/>
  <c r="UIY7" i="1"/>
  <c r="UIX7" i="1"/>
  <c r="UIW7" i="1"/>
  <c r="UIV7" i="1"/>
  <c r="UIU7" i="1"/>
  <c r="UIT7" i="1"/>
  <c r="UIS7" i="1"/>
  <c r="UIR7" i="1"/>
  <c r="UIQ7" i="1"/>
  <c r="UIP7" i="1"/>
  <c r="UIO7" i="1"/>
  <c r="UIN7" i="1"/>
  <c r="UIM7" i="1"/>
  <c r="UIL7" i="1"/>
  <c r="UIK7" i="1"/>
  <c r="UIJ7" i="1"/>
  <c r="UII7" i="1"/>
  <c r="UIH7" i="1"/>
  <c r="UIG7" i="1"/>
  <c r="UIF7" i="1"/>
  <c r="UIE7" i="1"/>
  <c r="UID7" i="1"/>
  <c r="UIC7" i="1"/>
  <c r="UIB7" i="1"/>
  <c r="UIA7" i="1"/>
  <c r="UHZ7" i="1"/>
  <c r="UHY7" i="1"/>
  <c r="UHX7" i="1"/>
  <c r="UHW7" i="1"/>
  <c r="UHV7" i="1"/>
  <c r="UHU7" i="1"/>
  <c r="UHT7" i="1"/>
  <c r="UHS7" i="1"/>
  <c r="UHR7" i="1"/>
  <c r="UHQ7" i="1"/>
  <c r="UHP7" i="1"/>
  <c r="UHO7" i="1"/>
  <c r="UHN7" i="1"/>
  <c r="UHM7" i="1"/>
  <c r="UHL7" i="1"/>
  <c r="UHK7" i="1"/>
  <c r="UHJ7" i="1"/>
  <c r="UHI7" i="1"/>
  <c r="UHH7" i="1"/>
  <c r="UHG7" i="1"/>
  <c r="UHF7" i="1"/>
  <c r="UHE7" i="1"/>
  <c r="UHD7" i="1"/>
  <c r="UHC7" i="1"/>
  <c r="UHB7" i="1"/>
  <c r="UHA7" i="1"/>
  <c r="UGZ7" i="1"/>
  <c r="UGY7" i="1"/>
  <c r="UGX7" i="1"/>
  <c r="UGW7" i="1"/>
  <c r="UGV7" i="1"/>
  <c r="UGU7" i="1"/>
  <c r="UGT7" i="1"/>
  <c r="UGS7" i="1"/>
  <c r="UGR7" i="1"/>
  <c r="UGQ7" i="1"/>
  <c r="UGP7" i="1"/>
  <c r="UGO7" i="1"/>
  <c r="UGN7" i="1"/>
  <c r="UGM7" i="1"/>
  <c r="UGL7" i="1"/>
  <c r="UGK7" i="1"/>
  <c r="UGJ7" i="1"/>
  <c r="UGI7" i="1"/>
  <c r="UGH7" i="1"/>
  <c r="UGG7" i="1"/>
  <c r="UGF7" i="1"/>
  <c r="UGE7" i="1"/>
  <c r="UGD7" i="1"/>
  <c r="UGC7" i="1"/>
  <c r="UGB7" i="1"/>
  <c r="UGA7" i="1"/>
  <c r="UFZ7" i="1"/>
  <c r="UFY7" i="1"/>
  <c r="UFX7" i="1"/>
  <c r="UFW7" i="1"/>
  <c r="UFV7" i="1"/>
  <c r="UFU7" i="1"/>
  <c r="UFT7" i="1"/>
  <c r="UFS7" i="1"/>
  <c r="UFR7" i="1"/>
  <c r="UFQ7" i="1"/>
  <c r="UFP7" i="1"/>
  <c r="UFO7" i="1"/>
  <c r="UFN7" i="1"/>
  <c r="UFM7" i="1"/>
  <c r="UFL7" i="1"/>
  <c r="UFK7" i="1"/>
  <c r="UFJ7" i="1"/>
  <c r="UFI7" i="1"/>
  <c r="UFH7" i="1"/>
  <c r="UFG7" i="1"/>
  <c r="UFF7" i="1"/>
  <c r="UFE7" i="1"/>
  <c r="UFD7" i="1"/>
  <c r="UFC7" i="1"/>
  <c r="UFB7" i="1"/>
  <c r="UFA7" i="1"/>
  <c r="UEZ7" i="1"/>
  <c r="UEY7" i="1"/>
  <c r="UEX7" i="1"/>
  <c r="UEW7" i="1"/>
  <c r="UEV7" i="1"/>
  <c r="UEU7" i="1"/>
  <c r="UET7" i="1"/>
  <c r="UES7" i="1"/>
  <c r="UER7" i="1"/>
  <c r="UEQ7" i="1"/>
  <c r="UEP7" i="1"/>
  <c r="UEO7" i="1"/>
  <c r="UEN7" i="1"/>
  <c r="UEM7" i="1"/>
  <c r="UEL7" i="1"/>
  <c r="UEK7" i="1"/>
  <c r="UEJ7" i="1"/>
  <c r="UEI7" i="1"/>
  <c r="UEH7" i="1"/>
  <c r="UEG7" i="1"/>
  <c r="UEF7" i="1"/>
  <c r="UEE7" i="1"/>
  <c r="UED7" i="1"/>
  <c r="UEC7" i="1"/>
  <c r="UEB7" i="1"/>
  <c r="UEA7" i="1"/>
  <c r="UDZ7" i="1"/>
  <c r="UDY7" i="1"/>
  <c r="UDX7" i="1"/>
  <c r="UDW7" i="1"/>
  <c r="UDV7" i="1"/>
  <c r="UDU7" i="1"/>
  <c r="UDT7" i="1"/>
  <c r="UDS7" i="1"/>
  <c r="UDR7" i="1"/>
  <c r="UDQ7" i="1"/>
  <c r="UDP7" i="1"/>
  <c r="UDO7" i="1"/>
  <c r="UDN7" i="1"/>
  <c r="UDM7" i="1"/>
  <c r="UDL7" i="1"/>
  <c r="UDK7" i="1"/>
  <c r="UDJ7" i="1"/>
  <c r="UDI7" i="1"/>
  <c r="UDH7" i="1"/>
  <c r="UDG7" i="1"/>
  <c r="UDF7" i="1"/>
  <c r="UDE7" i="1"/>
  <c r="UDD7" i="1"/>
  <c r="UDC7" i="1"/>
  <c r="UDB7" i="1"/>
  <c r="UDA7" i="1"/>
  <c r="UCZ7" i="1"/>
  <c r="UCY7" i="1"/>
  <c r="UCX7" i="1"/>
  <c r="UCW7" i="1"/>
  <c r="UCV7" i="1"/>
  <c r="UCU7" i="1"/>
  <c r="UCT7" i="1"/>
  <c r="UCS7" i="1"/>
  <c r="UCR7" i="1"/>
  <c r="UCQ7" i="1"/>
  <c r="UCP7" i="1"/>
  <c r="UCO7" i="1"/>
  <c r="UCN7" i="1"/>
  <c r="UCM7" i="1"/>
  <c r="UCL7" i="1"/>
  <c r="UCK7" i="1"/>
  <c r="UCJ7" i="1"/>
  <c r="UCI7" i="1"/>
  <c r="UCH7" i="1"/>
  <c r="UCG7" i="1"/>
  <c r="UCF7" i="1"/>
  <c r="UCE7" i="1"/>
  <c r="UCD7" i="1"/>
  <c r="UCC7" i="1"/>
  <c r="UCB7" i="1"/>
  <c r="UCA7" i="1"/>
  <c r="UBZ7" i="1"/>
  <c r="UBY7" i="1"/>
  <c r="UBX7" i="1"/>
  <c r="UBW7" i="1"/>
  <c r="UBV7" i="1"/>
  <c r="UBU7" i="1"/>
  <c r="UBT7" i="1"/>
  <c r="UBS7" i="1"/>
  <c r="UBR7" i="1"/>
  <c r="UBQ7" i="1"/>
  <c r="UBP7" i="1"/>
  <c r="UBO7" i="1"/>
  <c r="UBN7" i="1"/>
  <c r="UBM7" i="1"/>
  <c r="UBL7" i="1"/>
  <c r="UBK7" i="1"/>
  <c r="UBJ7" i="1"/>
  <c r="UBI7" i="1"/>
  <c r="UBH7" i="1"/>
  <c r="UBG7" i="1"/>
  <c r="UBF7" i="1"/>
  <c r="UBE7" i="1"/>
  <c r="UBD7" i="1"/>
  <c r="UBC7" i="1"/>
  <c r="UBB7" i="1"/>
  <c r="UBA7" i="1"/>
  <c r="UAZ7" i="1"/>
  <c r="UAY7" i="1"/>
  <c r="UAX7" i="1"/>
  <c r="UAW7" i="1"/>
  <c r="UAV7" i="1"/>
  <c r="UAU7" i="1"/>
  <c r="UAT7" i="1"/>
  <c r="UAS7" i="1"/>
  <c r="UAR7" i="1"/>
  <c r="UAQ7" i="1"/>
  <c r="UAP7" i="1"/>
  <c r="UAO7" i="1"/>
  <c r="UAN7" i="1"/>
  <c r="UAM7" i="1"/>
  <c r="UAL7" i="1"/>
  <c r="UAK7" i="1"/>
  <c r="UAJ7" i="1"/>
  <c r="UAI7" i="1"/>
  <c r="UAH7" i="1"/>
  <c r="UAG7" i="1"/>
  <c r="UAF7" i="1"/>
  <c r="UAE7" i="1"/>
  <c r="UAD7" i="1"/>
  <c r="UAC7" i="1"/>
  <c r="UAB7" i="1"/>
  <c r="UAA7" i="1"/>
  <c r="TZZ7" i="1"/>
  <c r="TZY7" i="1"/>
  <c r="TZX7" i="1"/>
  <c r="TZW7" i="1"/>
  <c r="TZV7" i="1"/>
  <c r="TZU7" i="1"/>
  <c r="TZT7" i="1"/>
  <c r="TZS7" i="1"/>
  <c r="TZR7" i="1"/>
  <c r="TZQ7" i="1"/>
  <c r="TZP7" i="1"/>
  <c r="TZO7" i="1"/>
  <c r="TZN7" i="1"/>
  <c r="TZM7" i="1"/>
  <c r="TZL7" i="1"/>
  <c r="TZK7" i="1"/>
  <c r="TZJ7" i="1"/>
  <c r="TZI7" i="1"/>
  <c r="TZH7" i="1"/>
  <c r="TZG7" i="1"/>
  <c r="TZF7" i="1"/>
  <c r="TZE7" i="1"/>
  <c r="TZD7" i="1"/>
  <c r="TZC7" i="1"/>
  <c r="TZB7" i="1"/>
  <c r="TZA7" i="1"/>
  <c r="TYZ7" i="1"/>
  <c r="TYY7" i="1"/>
  <c r="TYX7" i="1"/>
  <c r="TYW7" i="1"/>
  <c r="TYV7" i="1"/>
  <c r="TYU7" i="1"/>
  <c r="TYT7" i="1"/>
  <c r="TYS7" i="1"/>
  <c r="TYR7" i="1"/>
  <c r="TYQ7" i="1"/>
  <c r="TYP7" i="1"/>
  <c r="TYO7" i="1"/>
  <c r="TYN7" i="1"/>
  <c r="TYM7" i="1"/>
  <c r="TYL7" i="1"/>
  <c r="TYK7" i="1"/>
  <c r="TYJ7" i="1"/>
  <c r="TYI7" i="1"/>
  <c r="TYH7" i="1"/>
  <c r="TYG7" i="1"/>
  <c r="TYF7" i="1"/>
  <c r="TYE7" i="1"/>
  <c r="TYD7" i="1"/>
  <c r="TYC7" i="1"/>
  <c r="TYB7" i="1"/>
  <c r="TYA7" i="1"/>
  <c r="TXZ7" i="1"/>
  <c r="TXY7" i="1"/>
  <c r="TXX7" i="1"/>
  <c r="TXW7" i="1"/>
  <c r="TXV7" i="1"/>
  <c r="TXU7" i="1"/>
  <c r="TXT7" i="1"/>
  <c r="TXS7" i="1"/>
  <c r="TXR7" i="1"/>
  <c r="TXQ7" i="1"/>
  <c r="TXP7" i="1"/>
  <c r="TXO7" i="1"/>
  <c r="TXN7" i="1"/>
  <c r="TXM7" i="1"/>
  <c r="TXL7" i="1"/>
  <c r="TXK7" i="1"/>
  <c r="TXJ7" i="1"/>
  <c r="TXI7" i="1"/>
  <c r="TXH7" i="1"/>
  <c r="TXG7" i="1"/>
  <c r="TXF7" i="1"/>
  <c r="TXE7" i="1"/>
  <c r="TXD7" i="1"/>
  <c r="TXC7" i="1"/>
  <c r="TXB7" i="1"/>
  <c r="TXA7" i="1"/>
  <c r="TWZ7" i="1"/>
  <c r="TWY7" i="1"/>
  <c r="TWX7" i="1"/>
  <c r="TWW7" i="1"/>
  <c r="TWV7" i="1"/>
  <c r="TWU7" i="1"/>
  <c r="TWT7" i="1"/>
  <c r="TWS7" i="1"/>
  <c r="TWR7" i="1"/>
  <c r="TWQ7" i="1"/>
  <c r="TWP7" i="1"/>
  <c r="TWO7" i="1"/>
  <c r="TWN7" i="1"/>
  <c r="TWM7" i="1"/>
  <c r="TWL7" i="1"/>
  <c r="TWK7" i="1"/>
  <c r="TWJ7" i="1"/>
  <c r="TWI7" i="1"/>
  <c r="TWH7" i="1"/>
  <c r="TWG7" i="1"/>
  <c r="TWF7" i="1"/>
  <c r="TWE7" i="1"/>
  <c r="TWD7" i="1"/>
  <c r="TWC7" i="1"/>
  <c r="TWB7" i="1"/>
  <c r="TWA7" i="1"/>
  <c r="TVZ7" i="1"/>
  <c r="TVY7" i="1"/>
  <c r="TVX7" i="1"/>
  <c r="TVW7" i="1"/>
  <c r="TVV7" i="1"/>
  <c r="TVU7" i="1"/>
  <c r="TVT7" i="1"/>
  <c r="TVS7" i="1"/>
  <c r="TVR7" i="1"/>
  <c r="TVQ7" i="1"/>
  <c r="TVP7" i="1"/>
  <c r="TVO7" i="1"/>
  <c r="TVN7" i="1"/>
  <c r="TVM7" i="1"/>
  <c r="TVL7" i="1"/>
  <c r="TVK7" i="1"/>
  <c r="TVJ7" i="1"/>
  <c r="TVI7" i="1"/>
  <c r="TVH7" i="1"/>
  <c r="TVG7" i="1"/>
  <c r="TVF7" i="1"/>
  <c r="TVE7" i="1"/>
  <c r="TVD7" i="1"/>
  <c r="TVC7" i="1"/>
  <c r="TVB7" i="1"/>
  <c r="TVA7" i="1"/>
  <c r="TUZ7" i="1"/>
  <c r="TUY7" i="1"/>
  <c r="TUX7" i="1"/>
  <c r="TUW7" i="1"/>
  <c r="TUV7" i="1"/>
  <c r="TUU7" i="1"/>
  <c r="TUT7" i="1"/>
  <c r="TUS7" i="1"/>
  <c r="TUR7" i="1"/>
  <c r="TUQ7" i="1"/>
  <c r="TUP7" i="1"/>
  <c r="TUO7" i="1"/>
  <c r="TUN7" i="1"/>
  <c r="TUM7" i="1"/>
  <c r="TUL7" i="1"/>
  <c r="TUK7" i="1"/>
  <c r="TUJ7" i="1"/>
  <c r="TUI7" i="1"/>
  <c r="TUH7" i="1"/>
  <c r="TUG7" i="1"/>
  <c r="TUF7" i="1"/>
  <c r="TUE7" i="1"/>
  <c r="TUD7" i="1"/>
  <c r="TUC7" i="1"/>
  <c r="TUB7" i="1"/>
  <c r="TUA7" i="1"/>
  <c r="TTZ7" i="1"/>
  <c r="TTY7" i="1"/>
  <c r="TTX7" i="1"/>
  <c r="TTW7" i="1"/>
  <c r="TTV7" i="1"/>
  <c r="TTU7" i="1"/>
  <c r="TTT7" i="1"/>
  <c r="TTS7" i="1"/>
  <c r="TTR7" i="1"/>
  <c r="TTQ7" i="1"/>
  <c r="TTP7" i="1"/>
  <c r="TTO7" i="1"/>
  <c r="TTN7" i="1"/>
  <c r="TTM7" i="1"/>
  <c r="TTL7" i="1"/>
  <c r="TTK7" i="1"/>
  <c r="TTJ7" i="1"/>
  <c r="TTI7" i="1"/>
  <c r="TTH7" i="1"/>
  <c r="TTG7" i="1"/>
  <c r="TTF7" i="1"/>
  <c r="TTE7" i="1"/>
  <c r="TTD7" i="1"/>
  <c r="TTC7" i="1"/>
  <c r="TTB7" i="1"/>
  <c r="TTA7" i="1"/>
  <c r="TSZ7" i="1"/>
  <c r="TSY7" i="1"/>
  <c r="TSX7" i="1"/>
  <c r="TSW7" i="1"/>
  <c r="TSV7" i="1"/>
  <c r="TSU7" i="1"/>
  <c r="TST7" i="1"/>
  <c r="TSS7" i="1"/>
  <c r="TSR7" i="1"/>
  <c r="TSQ7" i="1"/>
  <c r="TSP7" i="1"/>
  <c r="TSO7" i="1"/>
  <c r="TSN7" i="1"/>
  <c r="TSM7" i="1"/>
  <c r="TSL7" i="1"/>
  <c r="TSK7" i="1"/>
  <c r="TSJ7" i="1"/>
  <c r="TSI7" i="1"/>
  <c r="TSH7" i="1"/>
  <c r="TSG7" i="1"/>
  <c r="TSF7" i="1"/>
  <c r="TSE7" i="1"/>
  <c r="TSD7" i="1"/>
  <c r="TSC7" i="1"/>
  <c r="TSB7" i="1"/>
  <c r="TSA7" i="1"/>
  <c r="TRZ7" i="1"/>
  <c r="TRY7" i="1"/>
  <c r="TRX7" i="1"/>
  <c r="TRW7" i="1"/>
  <c r="TRV7" i="1"/>
  <c r="TRU7" i="1"/>
  <c r="TRT7" i="1"/>
  <c r="TRS7" i="1"/>
  <c r="TRR7" i="1"/>
  <c r="TRQ7" i="1"/>
  <c r="TRP7" i="1"/>
  <c r="TRO7" i="1"/>
  <c r="TRN7" i="1"/>
  <c r="TRM7" i="1"/>
  <c r="TRL7" i="1"/>
  <c r="TRK7" i="1"/>
  <c r="TRJ7" i="1"/>
  <c r="TRI7" i="1"/>
  <c r="TRH7" i="1"/>
  <c r="TRG7" i="1"/>
  <c r="TRF7" i="1"/>
  <c r="TRE7" i="1"/>
  <c r="TRD7" i="1"/>
  <c r="TRC7" i="1"/>
  <c r="TRB7" i="1"/>
  <c r="TRA7" i="1"/>
  <c r="TQZ7" i="1"/>
  <c r="TQY7" i="1"/>
  <c r="TQX7" i="1"/>
  <c r="TQW7" i="1"/>
  <c r="TQV7" i="1"/>
  <c r="TQU7" i="1"/>
  <c r="TQT7" i="1"/>
  <c r="TQS7" i="1"/>
  <c r="TQR7" i="1"/>
  <c r="TQQ7" i="1"/>
  <c r="TQP7" i="1"/>
  <c r="TQO7" i="1"/>
  <c r="TQN7" i="1"/>
  <c r="TQM7" i="1"/>
  <c r="TQL7" i="1"/>
  <c r="TQK7" i="1"/>
  <c r="TQJ7" i="1"/>
  <c r="TQI7" i="1"/>
  <c r="TQH7" i="1"/>
  <c r="TQG7" i="1"/>
  <c r="TQF7" i="1"/>
  <c r="TQE7" i="1"/>
  <c r="TQD7" i="1"/>
  <c r="TQC7" i="1"/>
  <c r="TQB7" i="1"/>
  <c r="TQA7" i="1"/>
  <c r="TPZ7" i="1"/>
  <c r="TPY7" i="1"/>
  <c r="TPX7" i="1"/>
  <c r="TPW7" i="1"/>
  <c r="TPV7" i="1"/>
  <c r="TPU7" i="1"/>
  <c r="TPT7" i="1"/>
  <c r="TPS7" i="1"/>
  <c r="TPR7" i="1"/>
  <c r="TPQ7" i="1"/>
  <c r="TPP7" i="1"/>
  <c r="TPO7" i="1"/>
  <c r="TPN7" i="1"/>
  <c r="TPM7" i="1"/>
  <c r="TPL7" i="1"/>
  <c r="TPK7" i="1"/>
  <c r="TPJ7" i="1"/>
  <c r="TPI7" i="1"/>
  <c r="TPH7" i="1"/>
  <c r="TPG7" i="1"/>
  <c r="TPF7" i="1"/>
  <c r="TPE7" i="1"/>
  <c r="TPD7" i="1"/>
  <c r="TPC7" i="1"/>
  <c r="TPB7" i="1"/>
  <c r="TPA7" i="1"/>
  <c r="TOZ7" i="1"/>
  <c r="TOY7" i="1"/>
  <c r="TOX7" i="1"/>
  <c r="TOW7" i="1"/>
  <c r="TOV7" i="1"/>
  <c r="TOU7" i="1"/>
  <c r="TOT7" i="1"/>
  <c r="TOS7" i="1"/>
  <c r="TOR7" i="1"/>
  <c r="TOQ7" i="1"/>
  <c r="TOP7" i="1"/>
  <c r="TOO7" i="1"/>
  <c r="TON7" i="1"/>
  <c r="TOM7" i="1"/>
  <c r="TOL7" i="1"/>
  <c r="TOK7" i="1"/>
  <c r="TOJ7" i="1"/>
  <c r="TOI7" i="1"/>
  <c r="TOH7" i="1"/>
  <c r="TOG7" i="1"/>
  <c r="TOF7" i="1"/>
  <c r="TOE7" i="1"/>
  <c r="TOD7" i="1"/>
  <c r="TOC7" i="1"/>
  <c r="TOB7" i="1"/>
  <c r="TOA7" i="1"/>
  <c r="TNZ7" i="1"/>
  <c r="TNY7" i="1"/>
  <c r="TNX7" i="1"/>
  <c r="TNW7" i="1"/>
  <c r="TNV7" i="1"/>
  <c r="TNU7" i="1"/>
  <c r="TNT7" i="1"/>
  <c r="TNS7" i="1"/>
  <c r="TNR7" i="1"/>
  <c r="TNQ7" i="1"/>
  <c r="TNP7" i="1"/>
  <c r="TNO7" i="1"/>
  <c r="TNN7" i="1"/>
  <c r="TNM7" i="1"/>
  <c r="TNL7" i="1"/>
  <c r="TNK7" i="1"/>
  <c r="TNJ7" i="1"/>
  <c r="TNI7" i="1"/>
  <c r="TNH7" i="1"/>
  <c r="TNG7" i="1"/>
  <c r="TNF7" i="1"/>
  <c r="TNE7" i="1"/>
  <c r="TND7" i="1"/>
  <c r="TNC7" i="1"/>
  <c r="TNB7" i="1"/>
  <c r="TNA7" i="1"/>
  <c r="TMZ7" i="1"/>
  <c r="TMY7" i="1"/>
  <c r="TMX7" i="1"/>
  <c r="TMW7" i="1"/>
  <c r="TMV7" i="1"/>
  <c r="TMU7" i="1"/>
  <c r="TMT7" i="1"/>
  <c r="TMS7" i="1"/>
  <c r="TMR7" i="1"/>
  <c r="TMQ7" i="1"/>
  <c r="TMP7" i="1"/>
  <c r="TMO7" i="1"/>
  <c r="TMN7" i="1"/>
  <c r="TMM7" i="1"/>
  <c r="TML7" i="1"/>
  <c r="TMK7" i="1"/>
  <c r="TMJ7" i="1"/>
  <c r="TMI7" i="1"/>
  <c r="TMH7" i="1"/>
  <c r="TMG7" i="1"/>
  <c r="TMF7" i="1"/>
  <c r="TME7" i="1"/>
  <c r="TMD7" i="1"/>
  <c r="TMC7" i="1"/>
  <c r="TMB7" i="1"/>
  <c r="TMA7" i="1"/>
  <c r="TLZ7" i="1"/>
  <c r="TLY7" i="1"/>
  <c r="TLX7" i="1"/>
  <c r="TLW7" i="1"/>
  <c r="TLV7" i="1"/>
  <c r="TLU7" i="1"/>
  <c r="TLT7" i="1"/>
  <c r="TLS7" i="1"/>
  <c r="TLR7" i="1"/>
  <c r="TLQ7" i="1"/>
  <c r="TLP7" i="1"/>
  <c r="TLO7" i="1"/>
  <c r="TLN7" i="1"/>
  <c r="TLM7" i="1"/>
  <c r="TLL7" i="1"/>
  <c r="TLK7" i="1"/>
  <c r="TLJ7" i="1"/>
  <c r="TLI7" i="1"/>
  <c r="TLH7" i="1"/>
  <c r="TLG7" i="1"/>
  <c r="TLF7" i="1"/>
  <c r="TLE7" i="1"/>
  <c r="TLD7" i="1"/>
  <c r="TLC7" i="1"/>
  <c r="TLB7" i="1"/>
  <c r="TLA7" i="1"/>
  <c r="TKZ7" i="1"/>
  <c r="TKY7" i="1"/>
  <c r="TKX7" i="1"/>
  <c r="TKW7" i="1"/>
  <c r="TKV7" i="1"/>
  <c r="TKU7" i="1"/>
  <c r="TKT7" i="1"/>
  <c r="TKS7" i="1"/>
  <c r="TKR7" i="1"/>
  <c r="TKQ7" i="1"/>
  <c r="TKP7" i="1"/>
  <c r="TKO7" i="1"/>
  <c r="TKN7" i="1"/>
  <c r="TKM7" i="1"/>
  <c r="TKL7" i="1"/>
  <c r="TKK7" i="1"/>
  <c r="TKJ7" i="1"/>
  <c r="TKI7" i="1"/>
  <c r="TKH7" i="1"/>
  <c r="TKG7" i="1"/>
  <c r="TKF7" i="1"/>
  <c r="TKE7" i="1"/>
  <c r="TKD7" i="1"/>
  <c r="TKC7" i="1"/>
  <c r="TKB7" i="1"/>
  <c r="TKA7" i="1"/>
  <c r="TJZ7" i="1"/>
  <c r="TJY7" i="1"/>
  <c r="TJX7" i="1"/>
  <c r="TJW7" i="1"/>
  <c r="TJV7" i="1"/>
  <c r="TJU7" i="1"/>
  <c r="TJT7" i="1"/>
  <c r="TJS7" i="1"/>
  <c r="TJR7" i="1"/>
  <c r="TJQ7" i="1"/>
  <c r="TJP7" i="1"/>
  <c r="TJO7" i="1"/>
  <c r="TJN7" i="1"/>
  <c r="TJM7" i="1"/>
  <c r="TJL7" i="1"/>
  <c r="TJK7" i="1"/>
  <c r="TJJ7" i="1"/>
  <c r="TJI7" i="1"/>
  <c r="TJH7" i="1"/>
  <c r="TJG7" i="1"/>
  <c r="TJF7" i="1"/>
  <c r="TJE7" i="1"/>
  <c r="TJD7" i="1"/>
  <c r="TJC7" i="1"/>
  <c r="TJB7" i="1"/>
  <c r="TJA7" i="1"/>
  <c r="TIZ7" i="1"/>
  <c r="TIY7" i="1"/>
  <c r="TIX7" i="1"/>
  <c r="TIW7" i="1"/>
  <c r="TIV7" i="1"/>
  <c r="TIU7" i="1"/>
  <c r="TIT7" i="1"/>
  <c r="TIS7" i="1"/>
  <c r="TIR7" i="1"/>
  <c r="TIQ7" i="1"/>
  <c r="TIP7" i="1"/>
  <c r="TIO7" i="1"/>
  <c r="TIN7" i="1"/>
  <c r="TIM7" i="1"/>
  <c r="TIL7" i="1"/>
  <c r="TIK7" i="1"/>
  <c r="TIJ7" i="1"/>
  <c r="TII7" i="1"/>
  <c r="TIH7" i="1"/>
  <c r="TIG7" i="1"/>
  <c r="TIF7" i="1"/>
  <c r="TIE7" i="1"/>
  <c r="TID7" i="1"/>
  <c r="TIC7" i="1"/>
  <c r="TIB7" i="1"/>
  <c r="TIA7" i="1"/>
  <c r="THZ7" i="1"/>
  <c r="THY7" i="1"/>
  <c r="THX7" i="1"/>
  <c r="THW7" i="1"/>
  <c r="THV7" i="1"/>
  <c r="THU7" i="1"/>
  <c r="THT7" i="1"/>
  <c r="THS7" i="1"/>
  <c r="THR7" i="1"/>
  <c r="THQ7" i="1"/>
  <c r="THP7" i="1"/>
  <c r="THO7" i="1"/>
  <c r="THN7" i="1"/>
  <c r="THM7" i="1"/>
  <c r="THL7" i="1"/>
  <c r="THK7" i="1"/>
  <c r="THJ7" i="1"/>
  <c r="THI7" i="1"/>
  <c r="THH7" i="1"/>
  <c r="THG7" i="1"/>
  <c r="THF7" i="1"/>
  <c r="THE7" i="1"/>
  <c r="THD7" i="1"/>
  <c r="THC7" i="1"/>
  <c r="THB7" i="1"/>
  <c r="THA7" i="1"/>
  <c r="TGZ7" i="1"/>
  <c r="TGY7" i="1"/>
  <c r="TGX7" i="1"/>
  <c r="TGW7" i="1"/>
  <c r="TGV7" i="1"/>
  <c r="TGU7" i="1"/>
  <c r="TGT7" i="1"/>
  <c r="TGS7" i="1"/>
  <c r="TGR7" i="1"/>
  <c r="TGQ7" i="1"/>
  <c r="TGP7" i="1"/>
  <c r="TGO7" i="1"/>
  <c r="TGN7" i="1"/>
  <c r="TGM7" i="1"/>
  <c r="TGL7" i="1"/>
  <c r="TGK7" i="1"/>
  <c r="TGJ7" i="1"/>
  <c r="TGI7" i="1"/>
  <c r="TGH7" i="1"/>
  <c r="TGG7" i="1"/>
  <c r="TGF7" i="1"/>
  <c r="TGE7" i="1"/>
  <c r="TGD7" i="1"/>
  <c r="TGC7" i="1"/>
  <c r="TGB7" i="1"/>
  <c r="TGA7" i="1"/>
  <c r="TFZ7" i="1"/>
  <c r="TFY7" i="1"/>
  <c r="TFX7" i="1"/>
  <c r="TFW7" i="1"/>
  <c r="TFV7" i="1"/>
  <c r="TFU7" i="1"/>
  <c r="TFT7" i="1"/>
  <c r="TFS7" i="1"/>
  <c r="TFR7" i="1"/>
  <c r="TFQ7" i="1"/>
  <c r="TFP7" i="1"/>
  <c r="TFO7" i="1"/>
  <c r="TFN7" i="1"/>
  <c r="TFM7" i="1"/>
  <c r="TFL7" i="1"/>
  <c r="TFK7" i="1"/>
  <c r="TFJ7" i="1"/>
  <c r="TFI7" i="1"/>
  <c r="TFH7" i="1"/>
  <c r="TFG7" i="1"/>
  <c r="TFF7" i="1"/>
  <c r="TFE7" i="1"/>
  <c r="TFD7" i="1"/>
  <c r="TFC7" i="1"/>
  <c r="TFB7" i="1"/>
  <c r="TFA7" i="1"/>
  <c r="TEZ7" i="1"/>
  <c r="TEY7" i="1"/>
  <c r="TEX7" i="1"/>
  <c r="TEW7" i="1"/>
  <c r="TEV7" i="1"/>
  <c r="TEU7" i="1"/>
  <c r="TET7" i="1"/>
  <c r="TES7" i="1"/>
  <c r="TER7" i="1"/>
  <c r="TEQ7" i="1"/>
  <c r="TEP7" i="1"/>
  <c r="TEO7" i="1"/>
  <c r="TEN7" i="1"/>
  <c r="TEM7" i="1"/>
  <c r="TEL7" i="1"/>
  <c r="TEK7" i="1"/>
  <c r="TEJ7" i="1"/>
  <c r="TEI7" i="1"/>
  <c r="TEH7" i="1"/>
  <c r="TEG7" i="1"/>
  <c r="TEF7" i="1"/>
  <c r="TEE7" i="1"/>
  <c r="TED7" i="1"/>
  <c r="TEC7" i="1"/>
  <c r="TEB7" i="1"/>
  <c r="TEA7" i="1"/>
  <c r="TDZ7" i="1"/>
  <c r="TDY7" i="1"/>
  <c r="TDX7" i="1"/>
  <c r="TDW7" i="1"/>
  <c r="TDV7" i="1"/>
  <c r="TDU7" i="1"/>
  <c r="TDT7" i="1"/>
  <c r="TDS7" i="1"/>
  <c r="TDR7" i="1"/>
  <c r="TDQ7" i="1"/>
  <c r="TDP7" i="1"/>
  <c r="TDO7" i="1"/>
  <c r="TDN7" i="1"/>
  <c r="TDM7" i="1"/>
  <c r="TDL7" i="1"/>
  <c r="TDK7" i="1"/>
  <c r="TDJ7" i="1"/>
  <c r="TDI7" i="1"/>
  <c r="TDH7" i="1"/>
  <c r="TDG7" i="1"/>
  <c r="TDF7" i="1"/>
  <c r="TDE7" i="1"/>
  <c r="TDD7" i="1"/>
  <c r="TDC7" i="1"/>
  <c r="TDB7" i="1"/>
  <c r="TDA7" i="1"/>
  <c r="TCZ7" i="1"/>
  <c r="TCY7" i="1"/>
  <c r="TCX7" i="1"/>
  <c r="TCW7" i="1"/>
  <c r="TCV7" i="1"/>
  <c r="TCU7" i="1"/>
  <c r="TCT7" i="1"/>
  <c r="TCS7" i="1"/>
  <c r="TCR7" i="1"/>
  <c r="TCQ7" i="1"/>
  <c r="TCP7" i="1"/>
  <c r="TCO7" i="1"/>
  <c r="TCN7" i="1"/>
  <c r="TCM7" i="1"/>
  <c r="TCL7" i="1"/>
  <c r="TCK7" i="1"/>
  <c r="TCJ7" i="1"/>
  <c r="TCI7" i="1"/>
  <c r="TCH7" i="1"/>
  <c r="TCG7" i="1"/>
  <c r="TCF7" i="1"/>
  <c r="TCE7" i="1"/>
  <c r="TCD7" i="1"/>
  <c r="TCC7" i="1"/>
  <c r="TCB7" i="1"/>
  <c r="TCA7" i="1"/>
  <c r="TBZ7" i="1"/>
  <c r="TBY7" i="1"/>
  <c r="TBX7" i="1"/>
  <c r="TBW7" i="1"/>
  <c r="TBV7" i="1"/>
  <c r="TBU7" i="1"/>
  <c r="TBT7" i="1"/>
  <c r="TBS7" i="1"/>
  <c r="TBR7" i="1"/>
  <c r="TBQ7" i="1"/>
  <c r="TBP7" i="1"/>
  <c r="TBO7" i="1"/>
  <c r="TBN7" i="1"/>
  <c r="TBM7" i="1"/>
  <c r="TBL7" i="1"/>
  <c r="TBK7" i="1"/>
  <c r="TBJ7" i="1"/>
  <c r="TBI7" i="1"/>
  <c r="TBH7" i="1"/>
  <c r="TBG7" i="1"/>
  <c r="TBF7" i="1"/>
  <c r="TBE7" i="1"/>
  <c r="TBD7" i="1"/>
  <c r="TBC7" i="1"/>
  <c r="TBB7" i="1"/>
  <c r="TBA7" i="1"/>
  <c r="TAZ7" i="1"/>
  <c r="TAY7" i="1"/>
  <c r="TAX7" i="1"/>
  <c r="TAW7" i="1"/>
  <c r="TAV7" i="1"/>
  <c r="TAU7" i="1"/>
  <c r="TAT7" i="1"/>
  <c r="TAS7" i="1"/>
  <c r="TAR7" i="1"/>
  <c r="TAQ7" i="1"/>
  <c r="TAP7" i="1"/>
  <c r="TAO7" i="1"/>
  <c r="TAN7" i="1"/>
  <c r="TAM7" i="1"/>
  <c r="TAL7" i="1"/>
  <c r="TAK7" i="1"/>
  <c r="TAJ7" i="1"/>
  <c r="TAI7" i="1"/>
  <c r="TAH7" i="1"/>
  <c r="TAG7" i="1"/>
  <c r="TAF7" i="1"/>
  <c r="TAE7" i="1"/>
  <c r="TAD7" i="1"/>
  <c r="TAC7" i="1"/>
  <c r="TAB7" i="1"/>
  <c r="TAA7" i="1"/>
  <c r="SZZ7" i="1"/>
  <c r="SZY7" i="1"/>
  <c r="SZX7" i="1"/>
  <c r="SZW7" i="1"/>
  <c r="SZV7" i="1"/>
  <c r="SZU7" i="1"/>
  <c r="SZT7" i="1"/>
  <c r="SZS7" i="1"/>
  <c r="SZR7" i="1"/>
  <c r="SZQ7" i="1"/>
  <c r="SZP7" i="1"/>
  <c r="SZO7" i="1"/>
  <c r="SZN7" i="1"/>
  <c r="SZM7" i="1"/>
  <c r="SZL7" i="1"/>
  <c r="SZK7" i="1"/>
  <c r="SZJ7" i="1"/>
  <c r="SZI7" i="1"/>
  <c r="SZH7" i="1"/>
  <c r="SZG7" i="1"/>
  <c r="SZF7" i="1"/>
  <c r="SZE7" i="1"/>
  <c r="SZD7" i="1"/>
  <c r="SZC7" i="1"/>
  <c r="SZB7" i="1"/>
  <c r="SZA7" i="1"/>
  <c r="SYZ7" i="1"/>
  <c r="SYY7" i="1"/>
  <c r="SYX7" i="1"/>
  <c r="SYW7" i="1"/>
  <c r="SYV7" i="1"/>
  <c r="SYU7" i="1"/>
  <c r="SYT7" i="1"/>
  <c r="SYS7" i="1"/>
  <c r="SYR7" i="1"/>
  <c r="SYQ7" i="1"/>
  <c r="SYP7" i="1"/>
  <c r="SYO7" i="1"/>
  <c r="SYN7" i="1"/>
  <c r="SYM7" i="1"/>
  <c r="SYL7" i="1"/>
  <c r="SYK7" i="1"/>
  <c r="SYJ7" i="1"/>
  <c r="SYI7" i="1"/>
  <c r="SYH7" i="1"/>
  <c r="SYG7" i="1"/>
  <c r="SYF7" i="1"/>
  <c r="SYE7" i="1"/>
  <c r="SYD7" i="1"/>
  <c r="SYC7" i="1"/>
  <c r="SYB7" i="1"/>
  <c r="SYA7" i="1"/>
  <c r="SXZ7" i="1"/>
  <c r="SXY7" i="1"/>
  <c r="SXX7" i="1"/>
  <c r="SXW7" i="1"/>
  <c r="SXV7" i="1"/>
  <c r="SXU7" i="1"/>
  <c r="SXT7" i="1"/>
  <c r="SXS7" i="1"/>
  <c r="SXR7" i="1"/>
  <c r="SXQ7" i="1"/>
  <c r="SXP7" i="1"/>
  <c r="SXO7" i="1"/>
  <c r="SXN7" i="1"/>
  <c r="SXM7" i="1"/>
  <c r="SXL7" i="1"/>
  <c r="SXK7" i="1"/>
  <c r="SXJ7" i="1"/>
  <c r="SXI7" i="1"/>
  <c r="SXH7" i="1"/>
  <c r="SXG7" i="1"/>
  <c r="SXF7" i="1"/>
  <c r="SXE7" i="1"/>
  <c r="SXD7" i="1"/>
  <c r="SXC7" i="1"/>
  <c r="SXB7" i="1"/>
  <c r="SXA7" i="1"/>
  <c r="SWZ7" i="1"/>
  <c r="SWY7" i="1"/>
  <c r="SWX7" i="1"/>
  <c r="SWW7" i="1"/>
  <c r="SWV7" i="1"/>
  <c r="SWU7" i="1"/>
  <c r="SWT7" i="1"/>
  <c r="SWS7" i="1"/>
  <c r="SWR7" i="1"/>
  <c r="SWQ7" i="1"/>
  <c r="SWP7" i="1"/>
  <c r="SWO7" i="1"/>
  <c r="SWN7" i="1"/>
  <c r="SWM7" i="1"/>
  <c r="SWL7" i="1"/>
  <c r="SWK7" i="1"/>
  <c r="SWJ7" i="1"/>
  <c r="SWI7" i="1"/>
  <c r="SWH7" i="1"/>
  <c r="SWG7" i="1"/>
  <c r="SWF7" i="1"/>
  <c r="SWE7" i="1"/>
  <c r="SWD7" i="1"/>
  <c r="SWC7" i="1"/>
  <c r="SWB7" i="1"/>
  <c r="SWA7" i="1"/>
  <c r="SVZ7" i="1"/>
  <c r="SVY7" i="1"/>
  <c r="SVX7" i="1"/>
  <c r="SVW7" i="1"/>
  <c r="SVV7" i="1"/>
  <c r="SVU7" i="1"/>
  <c r="SVT7" i="1"/>
  <c r="SVS7" i="1"/>
  <c r="SVR7" i="1"/>
  <c r="SVQ7" i="1"/>
  <c r="SVP7" i="1"/>
  <c r="SVO7" i="1"/>
  <c r="SVN7" i="1"/>
  <c r="SVM7" i="1"/>
  <c r="SVL7" i="1"/>
  <c r="SVK7" i="1"/>
  <c r="SVJ7" i="1"/>
  <c r="SVI7" i="1"/>
  <c r="SVH7" i="1"/>
  <c r="SVG7" i="1"/>
  <c r="SVF7" i="1"/>
  <c r="SVE7" i="1"/>
  <c r="SVD7" i="1"/>
  <c r="SVC7" i="1"/>
  <c r="SVB7" i="1"/>
  <c r="SVA7" i="1"/>
  <c r="SUZ7" i="1"/>
  <c r="SUY7" i="1"/>
  <c r="SUX7" i="1"/>
  <c r="SUW7" i="1"/>
  <c r="SUV7" i="1"/>
  <c r="SUU7" i="1"/>
  <c r="SUT7" i="1"/>
  <c r="SUS7" i="1"/>
  <c r="SUR7" i="1"/>
  <c r="SUQ7" i="1"/>
  <c r="SUP7" i="1"/>
  <c r="SUO7" i="1"/>
  <c r="SUN7" i="1"/>
  <c r="SUM7" i="1"/>
  <c r="SUL7" i="1"/>
  <c r="SUK7" i="1"/>
  <c r="SUJ7" i="1"/>
  <c r="SUI7" i="1"/>
  <c r="SUH7" i="1"/>
  <c r="SUG7" i="1"/>
  <c r="SUF7" i="1"/>
  <c r="SUE7" i="1"/>
  <c r="SUD7" i="1"/>
  <c r="SUC7" i="1"/>
  <c r="SUB7" i="1"/>
  <c r="SUA7" i="1"/>
  <c r="STZ7" i="1"/>
  <c r="STY7" i="1"/>
  <c r="STX7" i="1"/>
  <c r="STW7" i="1"/>
  <c r="STV7" i="1"/>
  <c r="STU7" i="1"/>
  <c r="STT7" i="1"/>
  <c r="STS7" i="1"/>
  <c r="STR7" i="1"/>
  <c r="STQ7" i="1"/>
  <c r="STP7" i="1"/>
  <c r="STO7" i="1"/>
  <c r="STN7" i="1"/>
  <c r="STM7" i="1"/>
  <c r="STL7" i="1"/>
  <c r="STK7" i="1"/>
  <c r="STJ7" i="1"/>
  <c r="STI7" i="1"/>
  <c r="STH7" i="1"/>
  <c r="STG7" i="1"/>
  <c r="STF7" i="1"/>
  <c r="STE7" i="1"/>
  <c r="STD7" i="1"/>
  <c r="STC7" i="1"/>
  <c r="STB7" i="1"/>
  <c r="STA7" i="1"/>
  <c r="SSZ7" i="1"/>
  <c r="SSY7" i="1"/>
  <c r="SSX7" i="1"/>
  <c r="SSW7" i="1"/>
  <c r="SSV7" i="1"/>
  <c r="SSU7" i="1"/>
  <c r="SST7" i="1"/>
  <c r="SSS7" i="1"/>
  <c r="SSR7" i="1"/>
  <c r="SSQ7" i="1"/>
  <c r="SSP7" i="1"/>
  <c r="SSO7" i="1"/>
  <c r="SSN7" i="1"/>
  <c r="SSM7" i="1"/>
  <c r="SSL7" i="1"/>
  <c r="SSK7" i="1"/>
  <c r="SSJ7" i="1"/>
  <c r="SSI7" i="1"/>
  <c r="SSH7" i="1"/>
  <c r="SSG7" i="1"/>
  <c r="SSF7" i="1"/>
  <c r="SSE7" i="1"/>
  <c r="SSD7" i="1"/>
  <c r="SSC7" i="1"/>
  <c r="SSB7" i="1"/>
  <c r="SSA7" i="1"/>
  <c r="SRZ7" i="1"/>
  <c r="SRY7" i="1"/>
  <c r="SRX7" i="1"/>
  <c r="SRW7" i="1"/>
  <c r="SRV7" i="1"/>
  <c r="SRU7" i="1"/>
  <c r="SRT7" i="1"/>
  <c r="SRS7" i="1"/>
  <c r="SRR7" i="1"/>
  <c r="SRQ7" i="1"/>
  <c r="SRP7" i="1"/>
  <c r="SRO7" i="1"/>
  <c r="SRN7" i="1"/>
  <c r="SRM7" i="1"/>
  <c r="SRL7" i="1"/>
  <c r="SRK7" i="1"/>
  <c r="SRJ7" i="1"/>
  <c r="SRI7" i="1"/>
  <c r="SRH7" i="1"/>
  <c r="SRG7" i="1"/>
  <c r="SRF7" i="1"/>
  <c r="SRE7" i="1"/>
  <c r="SRD7" i="1"/>
  <c r="SRC7" i="1"/>
  <c r="SRB7" i="1"/>
  <c r="SRA7" i="1"/>
  <c r="SQZ7" i="1"/>
  <c r="SQY7" i="1"/>
  <c r="SQX7" i="1"/>
  <c r="SQW7" i="1"/>
  <c r="SQV7" i="1"/>
  <c r="SQU7" i="1"/>
  <c r="SQT7" i="1"/>
  <c r="SQS7" i="1"/>
  <c r="SQR7" i="1"/>
  <c r="SQQ7" i="1"/>
  <c r="SQP7" i="1"/>
  <c r="SQO7" i="1"/>
  <c r="SQN7" i="1"/>
  <c r="SQM7" i="1"/>
  <c r="SQL7" i="1"/>
  <c r="SQK7" i="1"/>
  <c r="SQJ7" i="1"/>
  <c r="SQI7" i="1"/>
  <c r="SQH7" i="1"/>
  <c r="SQG7" i="1"/>
  <c r="SQF7" i="1"/>
  <c r="SQE7" i="1"/>
  <c r="SQD7" i="1"/>
  <c r="SQC7" i="1"/>
  <c r="SQB7" i="1"/>
  <c r="SQA7" i="1"/>
  <c r="SPZ7" i="1"/>
  <c r="SPY7" i="1"/>
  <c r="SPX7" i="1"/>
  <c r="SPW7" i="1"/>
  <c r="SPV7" i="1"/>
  <c r="SPU7" i="1"/>
  <c r="SPT7" i="1"/>
  <c r="SPS7" i="1"/>
  <c r="SPR7" i="1"/>
  <c r="SPQ7" i="1"/>
  <c r="SPP7" i="1"/>
  <c r="SPO7" i="1"/>
  <c r="SPN7" i="1"/>
  <c r="SPM7" i="1"/>
  <c r="SPL7" i="1"/>
  <c r="SPK7" i="1"/>
  <c r="SPJ7" i="1"/>
  <c r="SPI7" i="1"/>
  <c r="SPH7" i="1"/>
  <c r="SPG7" i="1"/>
  <c r="SPF7" i="1"/>
  <c r="SPE7" i="1"/>
  <c r="SPD7" i="1"/>
  <c r="SPC7" i="1"/>
  <c r="SPB7" i="1"/>
  <c r="SPA7" i="1"/>
  <c r="SOZ7" i="1"/>
  <c r="SOY7" i="1"/>
  <c r="SOX7" i="1"/>
  <c r="SOW7" i="1"/>
  <c r="SOV7" i="1"/>
  <c r="SOU7" i="1"/>
  <c r="SOT7" i="1"/>
  <c r="SOS7" i="1"/>
  <c r="SOR7" i="1"/>
  <c r="SOQ7" i="1"/>
  <c r="SOP7" i="1"/>
  <c r="SOO7" i="1"/>
  <c r="SON7" i="1"/>
  <c r="SOM7" i="1"/>
  <c r="SOL7" i="1"/>
  <c r="SOK7" i="1"/>
  <c r="SOJ7" i="1"/>
  <c r="SOI7" i="1"/>
  <c r="SOH7" i="1"/>
  <c r="SOG7" i="1"/>
  <c r="SOF7" i="1"/>
  <c r="SOE7" i="1"/>
  <c r="SOD7" i="1"/>
  <c r="SOC7" i="1"/>
  <c r="SOB7" i="1"/>
  <c r="SOA7" i="1"/>
  <c r="SNZ7" i="1"/>
  <c r="SNY7" i="1"/>
  <c r="SNX7" i="1"/>
  <c r="SNW7" i="1"/>
  <c r="SNV7" i="1"/>
  <c r="SNU7" i="1"/>
  <c r="SNT7" i="1"/>
  <c r="SNS7" i="1"/>
  <c r="SNR7" i="1"/>
  <c r="SNQ7" i="1"/>
  <c r="SNP7" i="1"/>
  <c r="SNO7" i="1"/>
  <c r="SNN7" i="1"/>
  <c r="SNM7" i="1"/>
  <c r="SNL7" i="1"/>
  <c r="SNK7" i="1"/>
  <c r="SNJ7" i="1"/>
  <c r="SNI7" i="1"/>
  <c r="SNH7" i="1"/>
  <c r="SNG7" i="1"/>
  <c r="SNF7" i="1"/>
  <c r="SNE7" i="1"/>
  <c r="SND7" i="1"/>
  <c r="SNC7" i="1"/>
  <c r="SNB7" i="1"/>
  <c r="SNA7" i="1"/>
  <c r="SMZ7" i="1"/>
  <c r="SMY7" i="1"/>
  <c r="SMX7" i="1"/>
  <c r="SMW7" i="1"/>
  <c r="SMV7" i="1"/>
  <c r="SMU7" i="1"/>
  <c r="SMT7" i="1"/>
  <c r="SMS7" i="1"/>
  <c r="SMR7" i="1"/>
  <c r="SMQ7" i="1"/>
  <c r="SMP7" i="1"/>
  <c r="SMO7" i="1"/>
  <c r="SMN7" i="1"/>
  <c r="SMM7" i="1"/>
  <c r="SML7" i="1"/>
  <c r="SMK7" i="1"/>
  <c r="SMJ7" i="1"/>
  <c r="SMI7" i="1"/>
  <c r="SMH7" i="1"/>
  <c r="SMG7" i="1"/>
  <c r="SMF7" i="1"/>
  <c r="SME7" i="1"/>
  <c r="SMD7" i="1"/>
  <c r="SMC7" i="1"/>
  <c r="SMB7" i="1"/>
  <c r="SMA7" i="1"/>
  <c r="SLZ7" i="1"/>
  <c r="SLY7" i="1"/>
  <c r="SLX7" i="1"/>
  <c r="SLW7" i="1"/>
  <c r="SLV7" i="1"/>
  <c r="SLU7" i="1"/>
  <c r="SLT7" i="1"/>
  <c r="SLS7" i="1"/>
  <c r="SLR7" i="1"/>
  <c r="SLQ7" i="1"/>
  <c r="SLP7" i="1"/>
  <c r="SLO7" i="1"/>
  <c r="SLN7" i="1"/>
  <c r="SLM7" i="1"/>
  <c r="SLL7" i="1"/>
  <c r="SLK7" i="1"/>
  <c r="SLJ7" i="1"/>
  <c r="SLI7" i="1"/>
  <c r="SLH7" i="1"/>
  <c r="SLG7" i="1"/>
  <c r="SLF7" i="1"/>
  <c r="SLE7" i="1"/>
  <c r="SLD7" i="1"/>
  <c r="SLC7" i="1"/>
  <c r="SLB7" i="1"/>
  <c r="SLA7" i="1"/>
  <c r="SKZ7" i="1"/>
  <c r="SKY7" i="1"/>
  <c r="SKX7" i="1"/>
  <c r="SKW7" i="1"/>
  <c r="SKV7" i="1"/>
  <c r="SKU7" i="1"/>
  <c r="SKT7" i="1"/>
  <c r="SKS7" i="1"/>
  <c r="SKR7" i="1"/>
  <c r="SKQ7" i="1"/>
  <c r="SKP7" i="1"/>
  <c r="SKO7" i="1"/>
  <c r="SKN7" i="1"/>
  <c r="SKM7" i="1"/>
  <c r="SKL7" i="1"/>
  <c r="SKK7" i="1"/>
  <c r="SKJ7" i="1"/>
  <c r="SKI7" i="1"/>
  <c r="SKH7" i="1"/>
  <c r="SKG7" i="1"/>
  <c r="SKF7" i="1"/>
  <c r="SKE7" i="1"/>
  <c r="SKD7" i="1"/>
  <c r="SKC7" i="1"/>
  <c r="SKB7" i="1"/>
  <c r="SKA7" i="1"/>
  <c r="SJZ7" i="1"/>
  <c r="SJY7" i="1"/>
  <c r="SJX7" i="1"/>
  <c r="SJW7" i="1"/>
  <c r="SJV7" i="1"/>
  <c r="SJU7" i="1"/>
  <c r="SJT7" i="1"/>
  <c r="SJS7" i="1"/>
  <c r="SJR7" i="1"/>
  <c r="SJQ7" i="1"/>
  <c r="SJP7" i="1"/>
  <c r="SJO7" i="1"/>
  <c r="SJN7" i="1"/>
  <c r="SJM7" i="1"/>
  <c r="SJL7" i="1"/>
  <c r="SJK7" i="1"/>
  <c r="SJJ7" i="1"/>
  <c r="SJI7" i="1"/>
  <c r="SJH7" i="1"/>
  <c r="SJG7" i="1"/>
  <c r="SJF7" i="1"/>
  <c r="SJE7" i="1"/>
  <c r="SJD7" i="1"/>
  <c r="SJC7" i="1"/>
  <c r="SJB7" i="1"/>
  <c r="SJA7" i="1"/>
  <c r="SIZ7" i="1"/>
  <c r="SIY7" i="1"/>
  <c r="SIX7" i="1"/>
  <c r="SIW7" i="1"/>
  <c r="SIV7" i="1"/>
  <c r="SIU7" i="1"/>
  <c r="SIT7" i="1"/>
  <c r="SIS7" i="1"/>
  <c r="SIR7" i="1"/>
  <c r="SIQ7" i="1"/>
  <c r="SIP7" i="1"/>
  <c r="SIO7" i="1"/>
  <c r="SIN7" i="1"/>
  <c r="SIM7" i="1"/>
  <c r="SIL7" i="1"/>
  <c r="SIK7" i="1"/>
  <c r="SIJ7" i="1"/>
  <c r="SII7" i="1"/>
  <c r="SIH7" i="1"/>
  <c r="SIG7" i="1"/>
  <c r="SIF7" i="1"/>
  <c r="SIE7" i="1"/>
  <c r="SID7" i="1"/>
  <c r="SIC7" i="1"/>
  <c r="SIB7" i="1"/>
  <c r="SIA7" i="1"/>
  <c r="SHZ7" i="1"/>
  <c r="SHY7" i="1"/>
  <c r="SHX7" i="1"/>
  <c r="SHW7" i="1"/>
  <c r="SHV7" i="1"/>
  <c r="SHU7" i="1"/>
  <c r="SHT7" i="1"/>
  <c r="SHS7" i="1"/>
  <c r="SHR7" i="1"/>
  <c r="SHQ7" i="1"/>
  <c r="SHP7" i="1"/>
  <c r="SHO7" i="1"/>
  <c r="SHN7" i="1"/>
  <c r="SHM7" i="1"/>
  <c r="SHL7" i="1"/>
  <c r="SHK7" i="1"/>
  <c r="SHJ7" i="1"/>
  <c r="SHI7" i="1"/>
  <c r="SHH7" i="1"/>
  <c r="SHG7" i="1"/>
  <c r="SHF7" i="1"/>
  <c r="SHE7" i="1"/>
  <c r="SHD7" i="1"/>
  <c r="SHC7" i="1"/>
  <c r="SHB7" i="1"/>
  <c r="SHA7" i="1"/>
  <c r="SGZ7" i="1"/>
  <c r="SGY7" i="1"/>
  <c r="SGX7" i="1"/>
  <c r="SGW7" i="1"/>
  <c r="SGV7" i="1"/>
  <c r="SGU7" i="1"/>
  <c r="SGT7" i="1"/>
  <c r="SGS7" i="1"/>
  <c r="SGR7" i="1"/>
  <c r="SGQ7" i="1"/>
  <c r="SGP7" i="1"/>
  <c r="SGO7" i="1"/>
  <c r="SGN7" i="1"/>
  <c r="SGM7" i="1"/>
  <c r="SGL7" i="1"/>
  <c r="SGK7" i="1"/>
  <c r="SGJ7" i="1"/>
  <c r="SGI7" i="1"/>
  <c r="SGH7" i="1"/>
  <c r="SGG7" i="1"/>
  <c r="SGF7" i="1"/>
  <c r="SGE7" i="1"/>
  <c r="SGD7" i="1"/>
  <c r="SGC7" i="1"/>
  <c r="SGB7" i="1"/>
  <c r="SGA7" i="1"/>
  <c r="SFZ7" i="1"/>
  <c r="SFY7" i="1"/>
  <c r="SFX7" i="1"/>
  <c r="SFW7" i="1"/>
  <c r="SFV7" i="1"/>
  <c r="SFU7" i="1"/>
  <c r="SFT7" i="1"/>
  <c r="SFS7" i="1"/>
  <c r="SFR7" i="1"/>
  <c r="SFQ7" i="1"/>
  <c r="SFP7" i="1"/>
  <c r="SFO7" i="1"/>
  <c r="SFN7" i="1"/>
  <c r="SFM7" i="1"/>
  <c r="SFL7" i="1"/>
  <c r="SFK7" i="1"/>
  <c r="SFJ7" i="1"/>
  <c r="SFI7" i="1"/>
  <c r="SFH7" i="1"/>
  <c r="SFG7" i="1"/>
  <c r="SFF7" i="1"/>
  <c r="SFE7" i="1"/>
  <c r="SFD7" i="1"/>
  <c r="SFC7" i="1"/>
  <c r="SFB7" i="1"/>
  <c r="SFA7" i="1"/>
  <c r="SEZ7" i="1"/>
  <c r="SEY7" i="1"/>
  <c r="SEX7" i="1"/>
  <c r="SEW7" i="1"/>
  <c r="SEV7" i="1"/>
  <c r="SEU7" i="1"/>
  <c r="SET7" i="1"/>
  <c r="SES7" i="1"/>
  <c r="SER7" i="1"/>
  <c r="SEQ7" i="1"/>
  <c r="SEP7" i="1"/>
  <c r="SEO7" i="1"/>
  <c r="SEN7" i="1"/>
  <c r="SEM7" i="1"/>
  <c r="SEL7" i="1"/>
  <c r="SEK7" i="1"/>
  <c r="SEJ7" i="1"/>
  <c r="SEI7" i="1"/>
  <c r="SEH7" i="1"/>
  <c r="SEG7" i="1"/>
  <c r="SEF7" i="1"/>
  <c r="SEE7" i="1"/>
  <c r="SED7" i="1"/>
  <c r="SEC7" i="1"/>
  <c r="SEB7" i="1"/>
  <c r="SEA7" i="1"/>
  <c r="SDZ7" i="1"/>
  <c r="SDY7" i="1"/>
  <c r="SDX7" i="1"/>
  <c r="SDW7" i="1"/>
  <c r="SDV7" i="1"/>
  <c r="SDU7" i="1"/>
  <c r="SDT7" i="1"/>
  <c r="SDS7" i="1"/>
  <c r="SDR7" i="1"/>
  <c r="SDQ7" i="1"/>
  <c r="SDP7" i="1"/>
  <c r="SDO7" i="1"/>
  <c r="SDN7" i="1"/>
  <c r="SDM7" i="1"/>
  <c r="SDL7" i="1"/>
  <c r="SDK7" i="1"/>
  <c r="SDJ7" i="1"/>
  <c r="SDI7" i="1"/>
  <c r="SDH7" i="1"/>
  <c r="SDG7" i="1"/>
  <c r="SDF7" i="1"/>
  <c r="SDE7" i="1"/>
  <c r="SDD7" i="1"/>
  <c r="SDC7" i="1"/>
  <c r="SDB7" i="1"/>
  <c r="SDA7" i="1"/>
  <c r="SCZ7" i="1"/>
  <c r="SCY7" i="1"/>
  <c r="SCX7" i="1"/>
  <c r="SCW7" i="1"/>
  <c r="SCV7" i="1"/>
  <c r="SCU7" i="1"/>
  <c r="SCT7" i="1"/>
  <c r="SCS7" i="1"/>
  <c r="SCR7" i="1"/>
  <c r="SCQ7" i="1"/>
  <c r="SCP7" i="1"/>
  <c r="SCO7" i="1"/>
  <c r="SCN7" i="1"/>
  <c r="SCM7" i="1"/>
  <c r="SCL7" i="1"/>
  <c r="SCK7" i="1"/>
  <c r="SCJ7" i="1"/>
  <c r="SCI7" i="1"/>
  <c r="SCH7" i="1"/>
  <c r="SCG7" i="1"/>
  <c r="SCF7" i="1"/>
  <c r="SCE7" i="1"/>
  <c r="SCD7" i="1"/>
  <c r="SCC7" i="1"/>
  <c r="SCB7" i="1"/>
  <c r="SCA7" i="1"/>
  <c r="SBZ7" i="1"/>
  <c r="SBY7" i="1"/>
  <c r="SBX7" i="1"/>
  <c r="SBW7" i="1"/>
  <c r="SBV7" i="1"/>
  <c r="SBU7" i="1"/>
  <c r="SBT7" i="1"/>
  <c r="SBS7" i="1"/>
  <c r="SBR7" i="1"/>
  <c r="SBQ7" i="1"/>
  <c r="SBP7" i="1"/>
  <c r="SBO7" i="1"/>
  <c r="SBN7" i="1"/>
  <c r="SBM7" i="1"/>
  <c r="SBL7" i="1"/>
  <c r="SBK7" i="1"/>
  <c r="SBJ7" i="1"/>
  <c r="SBI7" i="1"/>
  <c r="SBH7" i="1"/>
  <c r="SBG7" i="1"/>
  <c r="SBF7" i="1"/>
  <c r="SBE7" i="1"/>
  <c r="SBD7" i="1"/>
  <c r="SBC7" i="1"/>
  <c r="SBB7" i="1"/>
  <c r="SBA7" i="1"/>
  <c r="SAZ7" i="1"/>
  <c r="SAY7" i="1"/>
  <c r="SAX7" i="1"/>
  <c r="SAW7" i="1"/>
  <c r="SAV7" i="1"/>
  <c r="SAU7" i="1"/>
  <c r="SAT7" i="1"/>
  <c r="SAS7" i="1"/>
  <c r="SAR7" i="1"/>
  <c r="SAQ7" i="1"/>
  <c r="SAP7" i="1"/>
  <c r="SAO7" i="1"/>
  <c r="SAN7" i="1"/>
  <c r="SAM7" i="1"/>
  <c r="SAL7" i="1"/>
  <c r="SAK7" i="1"/>
  <c r="SAJ7" i="1"/>
  <c r="SAI7" i="1"/>
  <c r="SAH7" i="1"/>
  <c r="SAG7" i="1"/>
  <c r="SAF7" i="1"/>
  <c r="SAE7" i="1"/>
  <c r="SAD7" i="1"/>
  <c r="SAC7" i="1"/>
  <c r="SAB7" i="1"/>
  <c r="SAA7" i="1"/>
  <c r="RZZ7" i="1"/>
  <c r="RZY7" i="1"/>
  <c r="RZX7" i="1"/>
  <c r="RZW7" i="1"/>
  <c r="RZV7" i="1"/>
  <c r="RZU7" i="1"/>
  <c r="RZT7" i="1"/>
  <c r="RZS7" i="1"/>
  <c r="RZR7" i="1"/>
  <c r="RZQ7" i="1"/>
  <c r="RZP7" i="1"/>
  <c r="RZO7" i="1"/>
  <c r="RZN7" i="1"/>
  <c r="RZM7" i="1"/>
  <c r="RZL7" i="1"/>
  <c r="RZK7" i="1"/>
  <c r="RZJ7" i="1"/>
  <c r="RZI7" i="1"/>
  <c r="RZH7" i="1"/>
  <c r="RZG7" i="1"/>
  <c r="RZF7" i="1"/>
  <c r="RZE7" i="1"/>
  <c r="RZD7" i="1"/>
  <c r="RZC7" i="1"/>
  <c r="RZB7" i="1"/>
  <c r="RZA7" i="1"/>
  <c r="RYZ7" i="1"/>
  <c r="RYY7" i="1"/>
  <c r="RYX7" i="1"/>
  <c r="RYW7" i="1"/>
  <c r="RYV7" i="1"/>
  <c r="RYU7" i="1"/>
  <c r="RYT7" i="1"/>
  <c r="RYS7" i="1"/>
  <c r="RYR7" i="1"/>
  <c r="RYQ7" i="1"/>
  <c r="RYP7" i="1"/>
  <c r="RYO7" i="1"/>
  <c r="RYN7" i="1"/>
  <c r="RYM7" i="1"/>
  <c r="RYL7" i="1"/>
  <c r="RYK7" i="1"/>
  <c r="RYJ7" i="1"/>
  <c r="RYI7" i="1"/>
  <c r="RYH7" i="1"/>
  <c r="RYG7" i="1"/>
  <c r="RYF7" i="1"/>
  <c r="RYE7" i="1"/>
  <c r="RYD7" i="1"/>
  <c r="RYC7" i="1"/>
  <c r="RYB7" i="1"/>
  <c r="RYA7" i="1"/>
  <c r="RXZ7" i="1"/>
  <c r="RXY7" i="1"/>
  <c r="RXX7" i="1"/>
  <c r="RXW7" i="1"/>
  <c r="RXV7" i="1"/>
  <c r="RXU7" i="1"/>
  <c r="RXT7" i="1"/>
  <c r="RXS7" i="1"/>
  <c r="RXR7" i="1"/>
  <c r="RXQ7" i="1"/>
  <c r="RXP7" i="1"/>
  <c r="RXO7" i="1"/>
  <c r="RXN7" i="1"/>
  <c r="RXM7" i="1"/>
  <c r="RXL7" i="1"/>
  <c r="RXK7" i="1"/>
  <c r="RXJ7" i="1"/>
  <c r="RXI7" i="1"/>
  <c r="RXH7" i="1"/>
  <c r="RXG7" i="1"/>
  <c r="RXF7" i="1"/>
  <c r="RXE7" i="1"/>
  <c r="RXD7" i="1"/>
  <c r="RXC7" i="1"/>
  <c r="RXB7" i="1"/>
  <c r="RXA7" i="1"/>
  <c r="RWZ7" i="1"/>
  <c r="RWY7" i="1"/>
  <c r="RWX7" i="1"/>
  <c r="RWW7" i="1"/>
  <c r="RWV7" i="1"/>
  <c r="RWU7" i="1"/>
  <c r="RWT7" i="1"/>
  <c r="RWS7" i="1"/>
  <c r="RWR7" i="1"/>
  <c r="RWQ7" i="1"/>
  <c r="RWP7" i="1"/>
  <c r="RWO7" i="1"/>
  <c r="RWN7" i="1"/>
  <c r="RWM7" i="1"/>
  <c r="RWL7" i="1"/>
  <c r="RWK7" i="1"/>
  <c r="RWJ7" i="1"/>
  <c r="RWI7" i="1"/>
  <c r="RWH7" i="1"/>
  <c r="RWG7" i="1"/>
  <c r="RWF7" i="1"/>
  <c r="RWE7" i="1"/>
  <c r="RWD7" i="1"/>
  <c r="RWC7" i="1"/>
  <c r="RWB7" i="1"/>
  <c r="RWA7" i="1"/>
  <c r="RVZ7" i="1"/>
  <c r="RVY7" i="1"/>
  <c r="RVX7" i="1"/>
  <c r="RVW7" i="1"/>
  <c r="RVV7" i="1"/>
  <c r="RVU7" i="1"/>
  <c r="RVT7" i="1"/>
  <c r="RVS7" i="1"/>
  <c r="RVR7" i="1"/>
  <c r="RVQ7" i="1"/>
  <c r="RVP7" i="1"/>
  <c r="RVO7" i="1"/>
  <c r="RVN7" i="1"/>
  <c r="RVM7" i="1"/>
  <c r="RVL7" i="1"/>
  <c r="RVK7" i="1"/>
  <c r="RVJ7" i="1"/>
  <c r="RVI7" i="1"/>
  <c r="RVH7" i="1"/>
  <c r="RVG7" i="1"/>
  <c r="RVF7" i="1"/>
  <c r="RVE7" i="1"/>
  <c r="RVD7" i="1"/>
  <c r="RVC7" i="1"/>
  <c r="RVB7" i="1"/>
  <c r="RVA7" i="1"/>
  <c r="RUZ7" i="1"/>
  <c r="RUY7" i="1"/>
  <c r="RUX7" i="1"/>
  <c r="RUW7" i="1"/>
  <c r="RUV7" i="1"/>
  <c r="RUU7" i="1"/>
  <c r="RUT7" i="1"/>
  <c r="RUS7" i="1"/>
  <c r="RUR7" i="1"/>
  <c r="RUQ7" i="1"/>
  <c r="RUP7" i="1"/>
  <c r="RUO7" i="1"/>
  <c r="RUN7" i="1"/>
  <c r="RUM7" i="1"/>
  <c r="RUL7" i="1"/>
  <c r="RUK7" i="1"/>
  <c r="RUJ7" i="1"/>
  <c r="RUI7" i="1"/>
  <c r="RUH7" i="1"/>
  <c r="RUG7" i="1"/>
  <c r="RUF7" i="1"/>
  <c r="RUE7" i="1"/>
  <c r="RUD7" i="1"/>
  <c r="RUC7" i="1"/>
  <c r="RUB7" i="1"/>
  <c r="RUA7" i="1"/>
  <c r="RTZ7" i="1"/>
  <c r="RTY7" i="1"/>
  <c r="RTX7" i="1"/>
  <c r="RTW7" i="1"/>
  <c r="RTV7" i="1"/>
  <c r="RTU7" i="1"/>
  <c r="RTT7" i="1"/>
  <c r="RTS7" i="1"/>
  <c r="RTR7" i="1"/>
  <c r="RTQ7" i="1"/>
  <c r="RTP7" i="1"/>
  <c r="RTO7" i="1"/>
  <c r="RTN7" i="1"/>
  <c r="RTM7" i="1"/>
  <c r="RTL7" i="1"/>
  <c r="RTK7" i="1"/>
  <c r="RTJ7" i="1"/>
  <c r="RTI7" i="1"/>
  <c r="RTH7" i="1"/>
  <c r="RTG7" i="1"/>
  <c r="RTF7" i="1"/>
  <c r="RTE7" i="1"/>
  <c r="RTD7" i="1"/>
  <c r="RTC7" i="1"/>
  <c r="RTB7" i="1"/>
  <c r="RTA7" i="1"/>
  <c r="RSZ7" i="1"/>
  <c r="RSY7" i="1"/>
  <c r="RSX7" i="1"/>
  <c r="RSW7" i="1"/>
  <c r="RSV7" i="1"/>
  <c r="RSU7" i="1"/>
  <c r="RST7" i="1"/>
  <c r="RSS7" i="1"/>
  <c r="RSR7" i="1"/>
  <c r="RSQ7" i="1"/>
  <c r="RSP7" i="1"/>
  <c r="RSO7" i="1"/>
  <c r="RSN7" i="1"/>
  <c r="RSM7" i="1"/>
  <c r="RSL7" i="1"/>
  <c r="RSK7" i="1"/>
  <c r="RSJ7" i="1"/>
  <c r="RSI7" i="1"/>
  <c r="RSH7" i="1"/>
  <c r="RSG7" i="1"/>
  <c r="RSF7" i="1"/>
  <c r="RSE7" i="1"/>
  <c r="RSD7" i="1"/>
  <c r="RSC7" i="1"/>
  <c r="RSB7" i="1"/>
  <c r="RSA7" i="1"/>
  <c r="RRZ7" i="1"/>
  <c r="RRY7" i="1"/>
  <c r="RRX7" i="1"/>
  <c r="RRW7" i="1"/>
  <c r="RRV7" i="1"/>
  <c r="RRU7" i="1"/>
  <c r="RRT7" i="1"/>
  <c r="RRS7" i="1"/>
  <c r="RRR7" i="1"/>
  <c r="RRQ7" i="1"/>
  <c r="RRP7" i="1"/>
  <c r="RRO7" i="1"/>
  <c r="RRN7" i="1"/>
  <c r="RRM7" i="1"/>
  <c r="RRL7" i="1"/>
  <c r="RRK7" i="1"/>
  <c r="RRJ7" i="1"/>
  <c r="RRI7" i="1"/>
  <c r="RRH7" i="1"/>
  <c r="RRG7" i="1"/>
  <c r="RRF7" i="1"/>
  <c r="RRE7" i="1"/>
  <c r="RRD7" i="1"/>
  <c r="RRC7" i="1"/>
  <c r="RRB7" i="1"/>
  <c r="RRA7" i="1"/>
  <c r="RQZ7" i="1"/>
  <c r="RQY7" i="1"/>
  <c r="RQX7" i="1"/>
  <c r="RQW7" i="1"/>
  <c r="RQV7" i="1"/>
  <c r="RQU7" i="1"/>
  <c r="RQT7" i="1"/>
  <c r="RQS7" i="1"/>
  <c r="RQR7" i="1"/>
  <c r="RQQ7" i="1"/>
  <c r="RQP7" i="1"/>
  <c r="RQO7" i="1"/>
  <c r="RQN7" i="1"/>
  <c r="RQM7" i="1"/>
  <c r="RQL7" i="1"/>
  <c r="RQK7" i="1"/>
  <c r="RQJ7" i="1"/>
  <c r="RQI7" i="1"/>
  <c r="RQH7" i="1"/>
  <c r="RQG7" i="1"/>
  <c r="RQF7" i="1"/>
  <c r="RQE7" i="1"/>
  <c r="RQD7" i="1"/>
  <c r="RQC7" i="1"/>
  <c r="RQB7" i="1"/>
  <c r="RQA7" i="1"/>
  <c r="RPZ7" i="1"/>
  <c r="RPY7" i="1"/>
  <c r="RPX7" i="1"/>
  <c r="RPW7" i="1"/>
  <c r="RPV7" i="1"/>
  <c r="RPU7" i="1"/>
  <c r="RPT7" i="1"/>
  <c r="RPS7" i="1"/>
  <c r="RPR7" i="1"/>
  <c r="RPQ7" i="1"/>
  <c r="RPP7" i="1"/>
  <c r="RPO7" i="1"/>
  <c r="RPN7" i="1"/>
  <c r="RPM7" i="1"/>
  <c r="RPL7" i="1"/>
  <c r="RPK7" i="1"/>
  <c r="RPJ7" i="1"/>
  <c r="RPI7" i="1"/>
  <c r="RPH7" i="1"/>
  <c r="RPG7" i="1"/>
  <c r="RPF7" i="1"/>
  <c r="RPE7" i="1"/>
  <c r="RPD7" i="1"/>
  <c r="RPC7" i="1"/>
  <c r="RPB7" i="1"/>
  <c r="RPA7" i="1"/>
  <c r="ROZ7" i="1"/>
  <c r="ROY7" i="1"/>
  <c r="ROX7" i="1"/>
  <c r="ROW7" i="1"/>
  <c r="ROV7" i="1"/>
  <c r="ROU7" i="1"/>
  <c r="ROT7" i="1"/>
  <c r="ROS7" i="1"/>
  <c r="ROR7" i="1"/>
  <c r="ROQ7" i="1"/>
  <c r="ROP7" i="1"/>
  <c r="ROO7" i="1"/>
  <c r="RON7" i="1"/>
  <c r="ROM7" i="1"/>
  <c r="ROL7" i="1"/>
  <c r="ROK7" i="1"/>
  <c r="ROJ7" i="1"/>
  <c r="ROI7" i="1"/>
  <c r="ROH7" i="1"/>
  <c r="ROG7" i="1"/>
  <c r="ROF7" i="1"/>
  <c r="ROE7" i="1"/>
  <c r="ROD7" i="1"/>
  <c r="ROC7" i="1"/>
  <c r="ROB7" i="1"/>
  <c r="ROA7" i="1"/>
  <c r="RNZ7" i="1"/>
  <c r="RNY7" i="1"/>
  <c r="RNX7" i="1"/>
  <c r="RNW7" i="1"/>
  <c r="RNV7" i="1"/>
  <c r="RNU7" i="1"/>
  <c r="RNT7" i="1"/>
  <c r="RNS7" i="1"/>
  <c r="RNR7" i="1"/>
  <c r="RNQ7" i="1"/>
  <c r="RNP7" i="1"/>
  <c r="RNO7" i="1"/>
  <c r="RNN7" i="1"/>
  <c r="RNM7" i="1"/>
  <c r="RNL7" i="1"/>
  <c r="RNK7" i="1"/>
  <c r="RNJ7" i="1"/>
  <c r="RNI7" i="1"/>
  <c r="RNH7" i="1"/>
  <c r="RNG7" i="1"/>
  <c r="RNF7" i="1"/>
  <c r="RNE7" i="1"/>
  <c r="RND7" i="1"/>
  <c r="RNC7" i="1"/>
  <c r="RNB7" i="1"/>
  <c r="RNA7" i="1"/>
  <c r="RMZ7" i="1"/>
  <c r="RMY7" i="1"/>
  <c r="RMX7" i="1"/>
  <c r="RMW7" i="1"/>
  <c r="RMV7" i="1"/>
  <c r="RMU7" i="1"/>
  <c r="RMT7" i="1"/>
  <c r="RMS7" i="1"/>
  <c r="RMR7" i="1"/>
  <c r="RMQ7" i="1"/>
  <c r="RMP7" i="1"/>
  <c r="RMO7" i="1"/>
  <c r="RMN7" i="1"/>
  <c r="RMM7" i="1"/>
  <c r="RML7" i="1"/>
  <c r="RMK7" i="1"/>
  <c r="RMJ7" i="1"/>
  <c r="RMI7" i="1"/>
  <c r="RMH7" i="1"/>
  <c r="RMG7" i="1"/>
  <c r="RMF7" i="1"/>
  <c r="RME7" i="1"/>
  <c r="RMD7" i="1"/>
  <c r="RMC7" i="1"/>
  <c r="RMB7" i="1"/>
  <c r="RMA7" i="1"/>
  <c r="RLZ7" i="1"/>
  <c r="RLY7" i="1"/>
  <c r="RLX7" i="1"/>
  <c r="RLW7" i="1"/>
  <c r="RLV7" i="1"/>
  <c r="RLU7" i="1"/>
  <c r="RLT7" i="1"/>
  <c r="RLS7" i="1"/>
  <c r="RLR7" i="1"/>
  <c r="RLQ7" i="1"/>
  <c r="RLP7" i="1"/>
  <c r="RLO7" i="1"/>
  <c r="RLN7" i="1"/>
  <c r="RLM7" i="1"/>
  <c r="RLL7" i="1"/>
  <c r="RLK7" i="1"/>
  <c r="RLJ7" i="1"/>
  <c r="RLI7" i="1"/>
  <c r="RLH7" i="1"/>
  <c r="RLG7" i="1"/>
  <c r="RLF7" i="1"/>
  <c r="RLE7" i="1"/>
  <c r="RLD7" i="1"/>
  <c r="RLC7" i="1"/>
  <c r="RLB7" i="1"/>
  <c r="RLA7" i="1"/>
  <c r="RKZ7" i="1"/>
  <c r="RKY7" i="1"/>
  <c r="RKX7" i="1"/>
  <c r="RKW7" i="1"/>
  <c r="RKV7" i="1"/>
  <c r="RKU7" i="1"/>
  <c r="RKT7" i="1"/>
  <c r="RKS7" i="1"/>
  <c r="RKR7" i="1"/>
  <c r="RKQ7" i="1"/>
  <c r="RKP7" i="1"/>
  <c r="RKO7" i="1"/>
  <c r="RKN7" i="1"/>
  <c r="RKM7" i="1"/>
  <c r="RKL7" i="1"/>
  <c r="RKK7" i="1"/>
  <c r="RKJ7" i="1"/>
  <c r="RKI7" i="1"/>
  <c r="RKH7" i="1"/>
  <c r="RKG7" i="1"/>
  <c r="RKF7" i="1"/>
  <c r="RKE7" i="1"/>
  <c r="RKD7" i="1"/>
  <c r="RKC7" i="1"/>
  <c r="RKB7" i="1"/>
  <c r="RKA7" i="1"/>
  <c r="RJZ7" i="1"/>
  <c r="RJY7" i="1"/>
  <c r="RJX7" i="1"/>
  <c r="RJW7" i="1"/>
  <c r="RJV7" i="1"/>
  <c r="RJU7" i="1"/>
  <c r="RJT7" i="1"/>
  <c r="RJS7" i="1"/>
  <c r="RJR7" i="1"/>
  <c r="RJQ7" i="1"/>
  <c r="RJP7" i="1"/>
  <c r="RJO7" i="1"/>
  <c r="RJN7" i="1"/>
  <c r="RJM7" i="1"/>
  <c r="RJL7" i="1"/>
  <c r="RJK7" i="1"/>
  <c r="RJJ7" i="1"/>
  <c r="RJI7" i="1"/>
  <c r="RJH7" i="1"/>
  <c r="RJG7" i="1"/>
  <c r="RJF7" i="1"/>
  <c r="RJE7" i="1"/>
  <c r="RJD7" i="1"/>
  <c r="RJC7" i="1"/>
  <c r="RJB7" i="1"/>
  <c r="RJA7" i="1"/>
  <c r="RIZ7" i="1"/>
  <c r="RIY7" i="1"/>
  <c r="RIX7" i="1"/>
  <c r="RIW7" i="1"/>
  <c r="RIV7" i="1"/>
  <c r="RIU7" i="1"/>
  <c r="RIT7" i="1"/>
  <c r="RIS7" i="1"/>
  <c r="RIR7" i="1"/>
  <c r="RIQ7" i="1"/>
  <c r="RIP7" i="1"/>
  <c r="RIO7" i="1"/>
  <c r="RIN7" i="1"/>
  <c r="RIM7" i="1"/>
  <c r="RIL7" i="1"/>
  <c r="RIK7" i="1"/>
  <c r="RIJ7" i="1"/>
  <c r="RII7" i="1"/>
  <c r="RIH7" i="1"/>
  <c r="RIG7" i="1"/>
  <c r="RIF7" i="1"/>
  <c r="RIE7" i="1"/>
  <c r="RID7" i="1"/>
  <c r="RIC7" i="1"/>
  <c r="RIB7" i="1"/>
  <c r="RIA7" i="1"/>
  <c r="RHZ7" i="1"/>
  <c r="RHY7" i="1"/>
  <c r="RHX7" i="1"/>
  <c r="RHW7" i="1"/>
  <c r="RHV7" i="1"/>
  <c r="RHU7" i="1"/>
  <c r="RHT7" i="1"/>
  <c r="RHS7" i="1"/>
  <c r="RHR7" i="1"/>
  <c r="RHQ7" i="1"/>
  <c r="RHP7" i="1"/>
  <c r="RHO7" i="1"/>
  <c r="RHN7" i="1"/>
  <c r="RHM7" i="1"/>
  <c r="RHL7" i="1"/>
  <c r="RHK7" i="1"/>
  <c r="RHJ7" i="1"/>
  <c r="RHI7" i="1"/>
  <c r="RHH7" i="1"/>
  <c r="RHG7" i="1"/>
  <c r="RHF7" i="1"/>
  <c r="RHE7" i="1"/>
  <c r="RHD7" i="1"/>
  <c r="RHC7" i="1"/>
  <c r="RHB7" i="1"/>
  <c r="RHA7" i="1"/>
  <c r="RGZ7" i="1"/>
  <c r="RGY7" i="1"/>
  <c r="RGX7" i="1"/>
  <c r="RGW7" i="1"/>
  <c r="RGV7" i="1"/>
  <c r="RGU7" i="1"/>
  <c r="RGT7" i="1"/>
  <c r="RGS7" i="1"/>
  <c r="RGR7" i="1"/>
  <c r="RGQ7" i="1"/>
  <c r="RGP7" i="1"/>
  <c r="RGO7" i="1"/>
  <c r="RGN7" i="1"/>
  <c r="RGM7" i="1"/>
  <c r="RGL7" i="1"/>
  <c r="RGK7" i="1"/>
  <c r="RGJ7" i="1"/>
  <c r="RGI7" i="1"/>
  <c r="RGH7" i="1"/>
  <c r="RGG7" i="1"/>
  <c r="RGF7" i="1"/>
  <c r="RGE7" i="1"/>
  <c r="RGD7" i="1"/>
  <c r="RGC7" i="1"/>
  <c r="RGB7" i="1"/>
  <c r="RGA7" i="1"/>
  <c r="RFZ7" i="1"/>
  <c r="RFY7" i="1"/>
  <c r="RFX7" i="1"/>
  <c r="RFW7" i="1"/>
  <c r="RFV7" i="1"/>
  <c r="RFU7" i="1"/>
  <c r="RFT7" i="1"/>
  <c r="RFS7" i="1"/>
  <c r="RFR7" i="1"/>
  <c r="RFQ7" i="1"/>
  <c r="RFP7" i="1"/>
  <c r="RFO7" i="1"/>
  <c r="RFN7" i="1"/>
  <c r="RFM7" i="1"/>
  <c r="RFL7" i="1"/>
  <c r="RFK7" i="1"/>
  <c r="RFJ7" i="1"/>
  <c r="RFI7" i="1"/>
  <c r="RFH7" i="1"/>
  <c r="RFG7" i="1"/>
  <c r="RFF7" i="1"/>
  <c r="RFE7" i="1"/>
  <c r="RFD7" i="1"/>
  <c r="RFC7" i="1"/>
  <c r="RFB7" i="1"/>
  <c r="RFA7" i="1"/>
  <c r="REZ7" i="1"/>
  <c r="REY7" i="1"/>
  <c r="REX7" i="1"/>
  <c r="REW7" i="1"/>
  <c r="REV7" i="1"/>
  <c r="REU7" i="1"/>
  <c r="RET7" i="1"/>
  <c r="RES7" i="1"/>
  <c r="RER7" i="1"/>
  <c r="REQ7" i="1"/>
  <c r="REP7" i="1"/>
  <c r="REO7" i="1"/>
  <c r="REN7" i="1"/>
  <c r="REM7" i="1"/>
  <c r="REL7" i="1"/>
  <c r="REK7" i="1"/>
  <c r="REJ7" i="1"/>
  <c r="REI7" i="1"/>
  <c r="REH7" i="1"/>
  <c r="REG7" i="1"/>
  <c r="REF7" i="1"/>
  <c r="REE7" i="1"/>
  <c r="RED7" i="1"/>
  <c r="REC7" i="1"/>
  <c r="REB7" i="1"/>
  <c r="REA7" i="1"/>
  <c r="RDZ7" i="1"/>
  <c r="RDY7" i="1"/>
  <c r="RDX7" i="1"/>
  <c r="RDW7" i="1"/>
  <c r="RDV7" i="1"/>
  <c r="RDU7" i="1"/>
  <c r="RDT7" i="1"/>
  <c r="RDS7" i="1"/>
  <c r="RDR7" i="1"/>
  <c r="RDQ7" i="1"/>
  <c r="RDP7" i="1"/>
  <c r="RDO7" i="1"/>
  <c r="RDN7" i="1"/>
  <c r="RDM7" i="1"/>
  <c r="RDL7" i="1"/>
  <c r="RDK7" i="1"/>
  <c r="RDJ7" i="1"/>
  <c r="RDI7" i="1"/>
  <c r="RDH7" i="1"/>
  <c r="RDG7" i="1"/>
  <c r="RDF7" i="1"/>
  <c r="RDE7" i="1"/>
  <c r="RDD7" i="1"/>
  <c r="RDC7" i="1"/>
  <c r="RDB7" i="1"/>
  <c r="RDA7" i="1"/>
  <c r="RCZ7" i="1"/>
  <c r="RCY7" i="1"/>
  <c r="RCX7" i="1"/>
  <c r="RCW7" i="1"/>
  <c r="RCV7" i="1"/>
  <c r="RCU7" i="1"/>
  <c r="RCT7" i="1"/>
  <c r="RCS7" i="1"/>
  <c r="RCR7" i="1"/>
  <c r="RCQ7" i="1"/>
  <c r="RCP7" i="1"/>
  <c r="RCO7" i="1"/>
  <c r="RCN7" i="1"/>
  <c r="RCM7" i="1"/>
  <c r="RCL7" i="1"/>
  <c r="RCK7" i="1"/>
  <c r="RCJ7" i="1"/>
  <c r="RCI7" i="1"/>
  <c r="RCH7" i="1"/>
  <c r="RCG7" i="1"/>
  <c r="RCF7" i="1"/>
  <c r="RCE7" i="1"/>
  <c r="RCD7" i="1"/>
  <c r="RCC7" i="1"/>
  <c r="RCB7" i="1"/>
  <c r="RCA7" i="1"/>
  <c r="RBZ7" i="1"/>
  <c r="RBY7" i="1"/>
  <c r="RBX7" i="1"/>
  <c r="RBW7" i="1"/>
  <c r="RBV7" i="1"/>
  <c r="RBU7" i="1"/>
  <c r="RBT7" i="1"/>
  <c r="RBS7" i="1"/>
  <c r="RBR7" i="1"/>
  <c r="RBQ7" i="1"/>
  <c r="RBP7" i="1"/>
  <c r="RBO7" i="1"/>
  <c r="RBN7" i="1"/>
  <c r="RBM7" i="1"/>
  <c r="RBL7" i="1"/>
  <c r="RBK7" i="1"/>
  <c r="RBJ7" i="1"/>
  <c r="RBI7" i="1"/>
  <c r="RBH7" i="1"/>
  <c r="RBG7" i="1"/>
  <c r="RBF7" i="1"/>
  <c r="RBE7" i="1"/>
  <c r="RBD7" i="1"/>
  <c r="RBC7" i="1"/>
  <c r="RBB7" i="1"/>
  <c r="RBA7" i="1"/>
  <c r="RAZ7" i="1"/>
  <c r="RAY7" i="1"/>
  <c r="RAX7" i="1"/>
  <c r="RAW7" i="1"/>
  <c r="RAV7" i="1"/>
  <c r="RAU7" i="1"/>
  <c r="RAT7" i="1"/>
  <c r="RAS7" i="1"/>
  <c r="RAR7" i="1"/>
  <c r="RAQ7" i="1"/>
  <c r="RAP7" i="1"/>
  <c r="RAO7" i="1"/>
  <c r="RAN7" i="1"/>
  <c r="RAM7" i="1"/>
  <c r="RAL7" i="1"/>
  <c r="RAK7" i="1"/>
  <c r="RAJ7" i="1"/>
  <c r="RAI7" i="1"/>
  <c r="RAH7" i="1"/>
  <c r="RAG7" i="1"/>
  <c r="RAF7" i="1"/>
  <c r="RAE7" i="1"/>
  <c r="RAD7" i="1"/>
  <c r="RAC7" i="1"/>
  <c r="RAB7" i="1"/>
  <c r="RAA7" i="1"/>
  <c r="QZZ7" i="1"/>
  <c r="QZY7" i="1"/>
  <c r="QZX7" i="1"/>
  <c r="QZW7" i="1"/>
  <c r="QZV7" i="1"/>
  <c r="QZU7" i="1"/>
  <c r="QZT7" i="1"/>
  <c r="QZS7" i="1"/>
  <c r="QZR7" i="1"/>
  <c r="QZQ7" i="1"/>
  <c r="QZP7" i="1"/>
  <c r="QZO7" i="1"/>
  <c r="QZN7" i="1"/>
  <c r="QZM7" i="1"/>
  <c r="QZL7" i="1"/>
  <c r="QZK7" i="1"/>
  <c r="QZJ7" i="1"/>
  <c r="QZI7" i="1"/>
  <c r="QZH7" i="1"/>
  <c r="QZG7" i="1"/>
  <c r="QZF7" i="1"/>
  <c r="QZE7" i="1"/>
  <c r="QZD7" i="1"/>
  <c r="QZC7" i="1"/>
  <c r="QZB7" i="1"/>
  <c r="QZA7" i="1"/>
  <c r="QYZ7" i="1"/>
  <c r="QYY7" i="1"/>
  <c r="QYX7" i="1"/>
  <c r="QYW7" i="1"/>
  <c r="QYV7" i="1"/>
  <c r="QYU7" i="1"/>
  <c r="QYT7" i="1"/>
  <c r="QYS7" i="1"/>
  <c r="QYR7" i="1"/>
  <c r="QYQ7" i="1"/>
  <c r="QYP7" i="1"/>
  <c r="QYO7" i="1"/>
  <c r="QYN7" i="1"/>
  <c r="QYM7" i="1"/>
  <c r="QYL7" i="1"/>
  <c r="QYK7" i="1"/>
  <c r="QYJ7" i="1"/>
  <c r="QYI7" i="1"/>
  <c r="QYH7" i="1"/>
  <c r="QYG7" i="1"/>
  <c r="QYF7" i="1"/>
  <c r="QYE7" i="1"/>
  <c r="QYD7" i="1"/>
  <c r="QYC7" i="1"/>
  <c r="QYB7" i="1"/>
  <c r="QYA7" i="1"/>
  <c r="QXZ7" i="1"/>
  <c r="QXY7" i="1"/>
  <c r="QXX7" i="1"/>
  <c r="QXW7" i="1"/>
  <c r="QXV7" i="1"/>
  <c r="QXU7" i="1"/>
  <c r="QXT7" i="1"/>
  <c r="QXS7" i="1"/>
  <c r="QXR7" i="1"/>
  <c r="QXQ7" i="1"/>
  <c r="QXP7" i="1"/>
  <c r="QXO7" i="1"/>
  <c r="QXN7" i="1"/>
  <c r="QXM7" i="1"/>
  <c r="QXL7" i="1"/>
  <c r="QXK7" i="1"/>
  <c r="QXJ7" i="1"/>
  <c r="QXI7" i="1"/>
  <c r="QXH7" i="1"/>
  <c r="QXG7" i="1"/>
  <c r="QXF7" i="1"/>
  <c r="QXE7" i="1"/>
  <c r="QXD7" i="1"/>
  <c r="QXC7" i="1"/>
  <c r="QXB7" i="1"/>
  <c r="QXA7" i="1"/>
  <c r="QWZ7" i="1"/>
  <c r="QWY7" i="1"/>
  <c r="QWX7" i="1"/>
  <c r="QWW7" i="1"/>
  <c r="QWV7" i="1"/>
  <c r="QWU7" i="1"/>
  <c r="QWT7" i="1"/>
  <c r="QWS7" i="1"/>
  <c r="QWR7" i="1"/>
  <c r="QWQ7" i="1"/>
  <c r="QWP7" i="1"/>
  <c r="QWO7" i="1"/>
  <c r="QWN7" i="1"/>
  <c r="QWM7" i="1"/>
  <c r="QWL7" i="1"/>
  <c r="QWK7" i="1"/>
  <c r="QWJ7" i="1"/>
  <c r="QWI7" i="1"/>
  <c r="QWH7" i="1"/>
  <c r="QWG7" i="1"/>
  <c r="QWF7" i="1"/>
  <c r="QWE7" i="1"/>
  <c r="QWD7" i="1"/>
  <c r="QWC7" i="1"/>
  <c r="QWB7" i="1"/>
  <c r="QWA7" i="1"/>
  <c r="QVZ7" i="1"/>
  <c r="QVY7" i="1"/>
  <c r="QVX7" i="1"/>
  <c r="QVW7" i="1"/>
  <c r="QVV7" i="1"/>
  <c r="QVU7" i="1"/>
  <c r="QVT7" i="1"/>
  <c r="QVS7" i="1"/>
  <c r="QVR7" i="1"/>
  <c r="QVQ7" i="1"/>
  <c r="QVP7" i="1"/>
  <c r="QVO7" i="1"/>
  <c r="QVN7" i="1"/>
  <c r="QVM7" i="1"/>
  <c r="QVL7" i="1"/>
  <c r="QVK7" i="1"/>
  <c r="QVJ7" i="1"/>
  <c r="QVI7" i="1"/>
  <c r="QVH7" i="1"/>
  <c r="QVG7" i="1"/>
  <c r="QVF7" i="1"/>
  <c r="QVE7" i="1"/>
  <c r="QVD7" i="1"/>
  <c r="QVC7" i="1"/>
  <c r="QVB7" i="1"/>
  <c r="QVA7" i="1"/>
  <c r="QUZ7" i="1"/>
  <c r="QUY7" i="1"/>
  <c r="QUX7" i="1"/>
  <c r="QUW7" i="1"/>
  <c r="QUV7" i="1"/>
  <c r="QUU7" i="1"/>
  <c r="QUT7" i="1"/>
  <c r="QUS7" i="1"/>
  <c r="QUR7" i="1"/>
  <c r="QUQ7" i="1"/>
  <c r="QUP7" i="1"/>
  <c r="QUO7" i="1"/>
  <c r="QUN7" i="1"/>
  <c r="QUM7" i="1"/>
  <c r="QUL7" i="1"/>
  <c r="QUK7" i="1"/>
  <c r="QUJ7" i="1"/>
  <c r="QUI7" i="1"/>
  <c r="QUH7" i="1"/>
  <c r="QUG7" i="1"/>
  <c r="QUF7" i="1"/>
  <c r="QUE7" i="1"/>
  <c r="QUD7" i="1"/>
  <c r="QUC7" i="1"/>
  <c r="QUB7" i="1"/>
  <c r="QUA7" i="1"/>
  <c r="QTZ7" i="1"/>
  <c r="QTY7" i="1"/>
  <c r="QTX7" i="1"/>
  <c r="QTW7" i="1"/>
  <c r="QTV7" i="1"/>
  <c r="QTU7" i="1"/>
  <c r="QTT7" i="1"/>
  <c r="QTS7" i="1"/>
  <c r="QTR7" i="1"/>
  <c r="QTQ7" i="1"/>
  <c r="QTP7" i="1"/>
  <c r="QTO7" i="1"/>
  <c r="QTN7" i="1"/>
  <c r="QTM7" i="1"/>
  <c r="QTL7" i="1"/>
  <c r="QTK7" i="1"/>
  <c r="QTJ7" i="1"/>
  <c r="QTI7" i="1"/>
  <c r="QTH7" i="1"/>
  <c r="QTG7" i="1"/>
  <c r="QTF7" i="1"/>
  <c r="QTE7" i="1"/>
  <c r="QTD7" i="1"/>
  <c r="QTC7" i="1"/>
  <c r="QTB7" i="1"/>
  <c r="QTA7" i="1"/>
  <c r="QSZ7" i="1"/>
  <c r="QSY7" i="1"/>
  <c r="QSX7" i="1"/>
  <c r="QSW7" i="1"/>
  <c r="QSV7" i="1"/>
  <c r="QSU7" i="1"/>
  <c r="QST7" i="1"/>
  <c r="QSS7" i="1"/>
  <c r="QSR7" i="1"/>
  <c r="QSQ7" i="1"/>
  <c r="QSP7" i="1"/>
  <c r="QSO7" i="1"/>
  <c r="QSN7" i="1"/>
  <c r="QSM7" i="1"/>
  <c r="QSL7" i="1"/>
  <c r="QSK7" i="1"/>
  <c r="QSJ7" i="1"/>
  <c r="QSI7" i="1"/>
  <c r="QSH7" i="1"/>
  <c r="QSG7" i="1"/>
  <c r="QSF7" i="1"/>
  <c r="QSE7" i="1"/>
  <c r="QSD7" i="1"/>
  <c r="QSC7" i="1"/>
  <c r="QSB7" i="1"/>
  <c r="QSA7" i="1"/>
  <c r="QRZ7" i="1"/>
  <c r="QRY7" i="1"/>
  <c r="QRX7" i="1"/>
  <c r="QRW7" i="1"/>
  <c r="QRV7" i="1"/>
  <c r="QRU7" i="1"/>
  <c r="QRT7" i="1"/>
  <c r="QRS7" i="1"/>
  <c r="QRR7" i="1"/>
  <c r="QRQ7" i="1"/>
  <c r="QRP7" i="1"/>
  <c r="QRO7" i="1"/>
  <c r="QRN7" i="1"/>
  <c r="QRM7" i="1"/>
  <c r="QRL7" i="1"/>
  <c r="QRK7" i="1"/>
  <c r="QRJ7" i="1"/>
  <c r="QRI7" i="1"/>
  <c r="QRH7" i="1"/>
  <c r="QRG7" i="1"/>
  <c r="QRF7" i="1"/>
  <c r="QRE7" i="1"/>
  <c r="QRD7" i="1"/>
  <c r="QRC7" i="1"/>
  <c r="QRB7" i="1"/>
  <c r="QRA7" i="1"/>
  <c r="QQZ7" i="1"/>
  <c r="QQY7" i="1"/>
  <c r="QQX7" i="1"/>
  <c r="QQW7" i="1"/>
  <c r="QQV7" i="1"/>
  <c r="QQU7" i="1"/>
  <c r="QQT7" i="1"/>
  <c r="QQS7" i="1"/>
  <c r="QQR7" i="1"/>
  <c r="QQQ7" i="1"/>
  <c r="QQP7" i="1"/>
  <c r="QQO7" i="1"/>
  <c r="QQN7" i="1"/>
  <c r="QQM7" i="1"/>
  <c r="QQL7" i="1"/>
  <c r="QQK7" i="1"/>
  <c r="QQJ7" i="1"/>
  <c r="QQI7" i="1"/>
  <c r="QQH7" i="1"/>
  <c r="QQG7" i="1"/>
  <c r="QQF7" i="1"/>
  <c r="QQE7" i="1"/>
  <c r="QQD7" i="1"/>
  <c r="QQC7" i="1"/>
  <c r="QQB7" i="1"/>
  <c r="QQA7" i="1"/>
  <c r="QPZ7" i="1"/>
  <c r="QPY7" i="1"/>
  <c r="QPX7" i="1"/>
  <c r="QPW7" i="1"/>
  <c r="QPV7" i="1"/>
  <c r="QPU7" i="1"/>
  <c r="QPT7" i="1"/>
  <c r="QPS7" i="1"/>
  <c r="QPR7" i="1"/>
  <c r="QPQ7" i="1"/>
  <c r="QPP7" i="1"/>
  <c r="QPO7" i="1"/>
  <c r="QPN7" i="1"/>
  <c r="QPM7" i="1"/>
  <c r="QPL7" i="1"/>
  <c r="QPK7" i="1"/>
  <c r="QPJ7" i="1"/>
  <c r="QPI7" i="1"/>
  <c r="QPH7" i="1"/>
  <c r="QPG7" i="1"/>
  <c r="QPF7" i="1"/>
  <c r="QPE7" i="1"/>
  <c r="QPD7" i="1"/>
  <c r="QPC7" i="1"/>
  <c r="QPB7" i="1"/>
  <c r="QPA7" i="1"/>
  <c r="QOZ7" i="1"/>
  <c r="QOY7" i="1"/>
  <c r="QOX7" i="1"/>
  <c r="QOW7" i="1"/>
  <c r="QOV7" i="1"/>
  <c r="QOU7" i="1"/>
  <c r="QOT7" i="1"/>
  <c r="QOS7" i="1"/>
  <c r="QOR7" i="1"/>
  <c r="QOQ7" i="1"/>
  <c r="QOP7" i="1"/>
  <c r="QOO7" i="1"/>
  <c r="QON7" i="1"/>
  <c r="QOM7" i="1"/>
  <c r="QOL7" i="1"/>
  <c r="QOK7" i="1"/>
  <c r="QOJ7" i="1"/>
  <c r="QOI7" i="1"/>
  <c r="QOH7" i="1"/>
  <c r="QOG7" i="1"/>
  <c r="QOF7" i="1"/>
  <c r="QOE7" i="1"/>
  <c r="QOD7" i="1"/>
  <c r="QOC7" i="1"/>
  <c r="QOB7" i="1"/>
  <c r="QOA7" i="1"/>
  <c r="QNZ7" i="1"/>
  <c r="QNY7" i="1"/>
  <c r="QNX7" i="1"/>
  <c r="QNW7" i="1"/>
  <c r="QNV7" i="1"/>
  <c r="QNU7" i="1"/>
  <c r="QNT7" i="1"/>
  <c r="QNS7" i="1"/>
  <c r="QNR7" i="1"/>
  <c r="QNQ7" i="1"/>
  <c r="QNP7" i="1"/>
  <c r="QNO7" i="1"/>
  <c r="QNN7" i="1"/>
  <c r="QNM7" i="1"/>
  <c r="QNL7" i="1"/>
  <c r="QNK7" i="1"/>
  <c r="QNJ7" i="1"/>
  <c r="QNI7" i="1"/>
  <c r="QNH7" i="1"/>
  <c r="QNG7" i="1"/>
  <c r="QNF7" i="1"/>
  <c r="QNE7" i="1"/>
  <c r="QND7" i="1"/>
  <c r="QNC7" i="1"/>
  <c r="QNB7" i="1"/>
  <c r="QNA7" i="1"/>
  <c r="QMZ7" i="1"/>
  <c r="QMY7" i="1"/>
  <c r="QMX7" i="1"/>
  <c r="QMW7" i="1"/>
  <c r="QMV7" i="1"/>
  <c r="QMU7" i="1"/>
  <c r="QMT7" i="1"/>
  <c r="QMS7" i="1"/>
  <c r="QMR7" i="1"/>
  <c r="QMQ7" i="1"/>
  <c r="QMP7" i="1"/>
  <c r="QMO7" i="1"/>
  <c r="QMN7" i="1"/>
  <c r="QMM7" i="1"/>
  <c r="QML7" i="1"/>
  <c r="QMK7" i="1"/>
  <c r="QMJ7" i="1"/>
  <c r="QMI7" i="1"/>
  <c r="QMH7" i="1"/>
  <c r="QMG7" i="1"/>
  <c r="QMF7" i="1"/>
  <c r="QME7" i="1"/>
  <c r="QMD7" i="1"/>
  <c r="QMC7" i="1"/>
  <c r="QMB7" i="1"/>
  <c r="QMA7" i="1"/>
  <c r="QLZ7" i="1"/>
  <c r="QLY7" i="1"/>
  <c r="QLX7" i="1"/>
  <c r="QLW7" i="1"/>
  <c r="QLV7" i="1"/>
  <c r="QLU7" i="1"/>
  <c r="QLT7" i="1"/>
  <c r="QLS7" i="1"/>
  <c r="QLR7" i="1"/>
  <c r="QLQ7" i="1"/>
  <c r="QLP7" i="1"/>
  <c r="QLO7" i="1"/>
  <c r="QLN7" i="1"/>
  <c r="QLM7" i="1"/>
  <c r="QLL7" i="1"/>
  <c r="QLK7" i="1"/>
  <c r="QLJ7" i="1"/>
  <c r="QLI7" i="1"/>
  <c r="QLH7" i="1"/>
  <c r="QLG7" i="1"/>
  <c r="QLF7" i="1"/>
  <c r="QLE7" i="1"/>
  <c r="QLD7" i="1"/>
  <c r="QLC7" i="1"/>
  <c r="QLB7" i="1"/>
  <c r="QLA7" i="1"/>
  <c r="QKZ7" i="1"/>
  <c r="QKY7" i="1"/>
  <c r="QKX7" i="1"/>
  <c r="QKW7" i="1"/>
  <c r="QKV7" i="1"/>
  <c r="QKU7" i="1"/>
  <c r="QKT7" i="1"/>
  <c r="QKS7" i="1"/>
  <c r="QKR7" i="1"/>
  <c r="QKQ7" i="1"/>
  <c r="QKP7" i="1"/>
  <c r="QKO7" i="1"/>
  <c r="QKN7" i="1"/>
  <c r="QKM7" i="1"/>
  <c r="QKL7" i="1"/>
  <c r="QKK7" i="1"/>
  <c r="QKJ7" i="1"/>
  <c r="QKI7" i="1"/>
  <c r="QKH7" i="1"/>
  <c r="QKG7" i="1"/>
  <c r="QKF7" i="1"/>
  <c r="QKE7" i="1"/>
  <c r="QKD7" i="1"/>
  <c r="QKC7" i="1"/>
  <c r="QKB7" i="1"/>
  <c r="QKA7" i="1"/>
  <c r="QJZ7" i="1"/>
  <c r="QJY7" i="1"/>
  <c r="QJX7" i="1"/>
  <c r="QJW7" i="1"/>
  <c r="QJV7" i="1"/>
  <c r="QJU7" i="1"/>
  <c r="QJT7" i="1"/>
  <c r="QJS7" i="1"/>
  <c r="QJR7" i="1"/>
  <c r="QJQ7" i="1"/>
  <c r="QJP7" i="1"/>
  <c r="QJO7" i="1"/>
  <c r="QJN7" i="1"/>
  <c r="QJM7" i="1"/>
  <c r="QJL7" i="1"/>
  <c r="QJK7" i="1"/>
  <c r="QJJ7" i="1"/>
  <c r="QJI7" i="1"/>
  <c r="QJH7" i="1"/>
  <c r="QJG7" i="1"/>
  <c r="QJF7" i="1"/>
  <c r="QJE7" i="1"/>
  <c r="QJD7" i="1"/>
  <c r="QJC7" i="1"/>
  <c r="QJB7" i="1"/>
  <c r="QJA7" i="1"/>
  <c r="QIZ7" i="1"/>
  <c r="QIY7" i="1"/>
  <c r="QIX7" i="1"/>
  <c r="QIW7" i="1"/>
  <c r="QIV7" i="1"/>
  <c r="QIU7" i="1"/>
  <c r="QIT7" i="1"/>
  <c r="QIS7" i="1"/>
  <c r="QIR7" i="1"/>
  <c r="QIQ7" i="1"/>
  <c r="QIP7" i="1"/>
  <c r="QIO7" i="1"/>
  <c r="QIN7" i="1"/>
  <c r="QIM7" i="1"/>
  <c r="QIL7" i="1"/>
  <c r="QIK7" i="1"/>
  <c r="QIJ7" i="1"/>
  <c r="QII7" i="1"/>
  <c r="QIH7" i="1"/>
  <c r="QIG7" i="1"/>
  <c r="QIF7" i="1"/>
  <c r="QIE7" i="1"/>
  <c r="QID7" i="1"/>
  <c r="QIC7" i="1"/>
  <c r="QIB7" i="1"/>
  <c r="QIA7" i="1"/>
  <c r="QHZ7" i="1"/>
  <c r="QHY7" i="1"/>
  <c r="QHX7" i="1"/>
  <c r="QHW7" i="1"/>
  <c r="QHV7" i="1"/>
  <c r="QHU7" i="1"/>
  <c r="QHT7" i="1"/>
  <c r="QHS7" i="1"/>
  <c r="QHR7" i="1"/>
  <c r="QHQ7" i="1"/>
  <c r="QHP7" i="1"/>
  <c r="QHO7" i="1"/>
  <c r="QHN7" i="1"/>
  <c r="QHM7" i="1"/>
  <c r="QHL7" i="1"/>
  <c r="QHK7" i="1"/>
  <c r="QHJ7" i="1"/>
  <c r="QHI7" i="1"/>
  <c r="QHH7" i="1"/>
  <c r="QHG7" i="1"/>
  <c r="QHF7" i="1"/>
  <c r="QHE7" i="1"/>
  <c r="QHD7" i="1"/>
  <c r="QHC7" i="1"/>
  <c r="QHB7" i="1"/>
  <c r="QHA7" i="1"/>
  <c r="QGZ7" i="1"/>
  <c r="QGY7" i="1"/>
  <c r="QGX7" i="1"/>
  <c r="QGW7" i="1"/>
  <c r="QGV7" i="1"/>
  <c r="QGU7" i="1"/>
  <c r="QGT7" i="1"/>
  <c r="QGS7" i="1"/>
  <c r="QGR7" i="1"/>
  <c r="QGQ7" i="1"/>
  <c r="QGP7" i="1"/>
  <c r="QGO7" i="1"/>
  <c r="QGN7" i="1"/>
  <c r="QGM7" i="1"/>
  <c r="QGL7" i="1"/>
  <c r="QGK7" i="1"/>
  <c r="QGJ7" i="1"/>
  <c r="QGI7" i="1"/>
  <c r="QGH7" i="1"/>
  <c r="QGG7" i="1"/>
  <c r="QGF7" i="1"/>
  <c r="QGE7" i="1"/>
  <c r="QGD7" i="1"/>
  <c r="QGC7" i="1"/>
  <c r="QGB7" i="1"/>
  <c r="QGA7" i="1"/>
  <c r="QFZ7" i="1"/>
  <c r="QFY7" i="1"/>
  <c r="QFX7" i="1"/>
  <c r="QFW7" i="1"/>
  <c r="QFV7" i="1"/>
  <c r="QFU7" i="1"/>
  <c r="QFT7" i="1"/>
  <c r="QFS7" i="1"/>
  <c r="QFR7" i="1"/>
  <c r="QFQ7" i="1"/>
  <c r="QFP7" i="1"/>
  <c r="QFO7" i="1"/>
  <c r="QFN7" i="1"/>
  <c r="QFM7" i="1"/>
  <c r="QFL7" i="1"/>
  <c r="QFK7" i="1"/>
  <c r="QFJ7" i="1"/>
  <c r="QFI7" i="1"/>
  <c r="QFH7" i="1"/>
  <c r="QFG7" i="1"/>
  <c r="QFF7" i="1"/>
  <c r="QFE7" i="1"/>
  <c r="QFD7" i="1"/>
  <c r="QFC7" i="1"/>
  <c r="QFB7" i="1"/>
  <c r="QFA7" i="1"/>
  <c r="QEZ7" i="1"/>
  <c r="QEY7" i="1"/>
  <c r="QEX7" i="1"/>
  <c r="QEW7" i="1"/>
  <c r="QEV7" i="1"/>
  <c r="QEU7" i="1"/>
  <c r="QET7" i="1"/>
  <c r="QES7" i="1"/>
  <c r="QER7" i="1"/>
  <c r="QEQ7" i="1"/>
  <c r="QEP7" i="1"/>
  <c r="QEO7" i="1"/>
  <c r="QEN7" i="1"/>
  <c r="QEM7" i="1"/>
  <c r="QEL7" i="1"/>
  <c r="QEK7" i="1"/>
  <c r="QEJ7" i="1"/>
  <c r="QEI7" i="1"/>
  <c r="QEH7" i="1"/>
  <c r="QEG7" i="1"/>
  <c r="QEF7" i="1"/>
  <c r="QEE7" i="1"/>
  <c r="QED7" i="1"/>
  <c r="QEC7" i="1"/>
  <c r="QEB7" i="1"/>
  <c r="QEA7" i="1"/>
  <c r="QDZ7" i="1"/>
  <c r="QDY7" i="1"/>
  <c r="QDX7" i="1"/>
  <c r="QDW7" i="1"/>
  <c r="QDV7" i="1"/>
  <c r="QDU7" i="1"/>
  <c r="QDT7" i="1"/>
  <c r="QDS7" i="1"/>
  <c r="QDR7" i="1"/>
  <c r="QDQ7" i="1"/>
  <c r="QDP7" i="1"/>
  <c r="QDO7" i="1"/>
  <c r="QDN7" i="1"/>
  <c r="QDM7" i="1"/>
  <c r="QDL7" i="1"/>
  <c r="QDK7" i="1"/>
  <c r="QDJ7" i="1"/>
  <c r="QDI7" i="1"/>
  <c r="QDH7" i="1"/>
  <c r="QDG7" i="1"/>
  <c r="QDF7" i="1"/>
  <c r="QDE7" i="1"/>
  <c r="QDD7" i="1"/>
  <c r="QDC7" i="1"/>
  <c r="QDB7" i="1"/>
  <c r="QDA7" i="1"/>
  <c r="QCZ7" i="1"/>
  <c r="QCY7" i="1"/>
  <c r="QCX7" i="1"/>
  <c r="QCW7" i="1"/>
  <c r="QCV7" i="1"/>
  <c r="QCU7" i="1"/>
  <c r="QCT7" i="1"/>
  <c r="QCS7" i="1"/>
  <c r="QCR7" i="1"/>
  <c r="QCQ7" i="1"/>
  <c r="QCP7" i="1"/>
  <c r="QCO7" i="1"/>
  <c r="QCN7" i="1"/>
  <c r="QCM7" i="1"/>
  <c r="QCL7" i="1"/>
  <c r="QCK7" i="1"/>
  <c r="QCJ7" i="1"/>
  <c r="QCI7" i="1"/>
  <c r="QCH7" i="1"/>
  <c r="QCG7" i="1"/>
  <c r="QCF7" i="1"/>
  <c r="QCE7" i="1"/>
  <c r="QCD7" i="1"/>
  <c r="QCC7" i="1"/>
  <c r="QCB7" i="1"/>
  <c r="QCA7" i="1"/>
  <c r="QBZ7" i="1"/>
  <c r="QBY7" i="1"/>
  <c r="QBX7" i="1"/>
  <c r="QBW7" i="1"/>
  <c r="QBV7" i="1"/>
  <c r="QBU7" i="1"/>
  <c r="QBT7" i="1"/>
  <c r="QBS7" i="1"/>
  <c r="QBR7" i="1"/>
  <c r="QBQ7" i="1"/>
  <c r="QBP7" i="1"/>
  <c r="QBO7" i="1"/>
  <c r="QBN7" i="1"/>
  <c r="QBM7" i="1"/>
  <c r="QBL7" i="1"/>
  <c r="QBK7" i="1"/>
  <c r="QBJ7" i="1"/>
  <c r="QBI7" i="1"/>
  <c r="QBH7" i="1"/>
  <c r="QBG7" i="1"/>
  <c r="QBF7" i="1"/>
  <c r="QBE7" i="1"/>
  <c r="QBD7" i="1"/>
  <c r="QBC7" i="1"/>
  <c r="QBB7" i="1"/>
  <c r="QBA7" i="1"/>
  <c r="QAZ7" i="1"/>
  <c r="QAY7" i="1"/>
  <c r="QAX7" i="1"/>
  <c r="QAW7" i="1"/>
  <c r="QAV7" i="1"/>
  <c r="QAU7" i="1"/>
  <c r="QAT7" i="1"/>
  <c r="QAS7" i="1"/>
  <c r="QAR7" i="1"/>
  <c r="QAQ7" i="1"/>
  <c r="QAP7" i="1"/>
  <c r="QAO7" i="1"/>
  <c r="QAN7" i="1"/>
  <c r="QAM7" i="1"/>
  <c r="QAL7" i="1"/>
  <c r="QAK7" i="1"/>
  <c r="QAJ7" i="1"/>
  <c r="QAI7" i="1"/>
  <c r="QAH7" i="1"/>
  <c r="QAG7" i="1"/>
  <c r="QAF7" i="1"/>
  <c r="QAE7" i="1"/>
  <c r="QAD7" i="1"/>
  <c r="QAC7" i="1"/>
  <c r="QAB7" i="1"/>
  <c r="QAA7" i="1"/>
  <c r="PZZ7" i="1"/>
  <c r="PZY7" i="1"/>
  <c r="PZX7" i="1"/>
  <c r="PZW7" i="1"/>
  <c r="PZV7" i="1"/>
  <c r="PZU7" i="1"/>
  <c r="PZT7" i="1"/>
  <c r="PZS7" i="1"/>
  <c r="PZR7" i="1"/>
  <c r="PZQ7" i="1"/>
  <c r="PZP7" i="1"/>
  <c r="PZO7" i="1"/>
  <c r="PZN7" i="1"/>
  <c r="PZM7" i="1"/>
  <c r="PZL7" i="1"/>
  <c r="PZK7" i="1"/>
  <c r="PZJ7" i="1"/>
  <c r="PZI7" i="1"/>
  <c r="PZH7" i="1"/>
  <c r="PZG7" i="1"/>
  <c r="PZF7" i="1"/>
  <c r="PZE7" i="1"/>
  <c r="PZD7" i="1"/>
  <c r="PZC7" i="1"/>
  <c r="PZB7" i="1"/>
  <c r="PZA7" i="1"/>
  <c r="PYZ7" i="1"/>
  <c r="PYY7" i="1"/>
  <c r="PYX7" i="1"/>
  <c r="PYW7" i="1"/>
  <c r="PYV7" i="1"/>
  <c r="PYU7" i="1"/>
  <c r="PYT7" i="1"/>
  <c r="PYS7" i="1"/>
  <c r="PYR7" i="1"/>
  <c r="PYQ7" i="1"/>
  <c r="PYP7" i="1"/>
  <c r="PYO7" i="1"/>
  <c r="PYN7" i="1"/>
  <c r="PYM7" i="1"/>
  <c r="PYL7" i="1"/>
  <c r="PYK7" i="1"/>
  <c r="PYJ7" i="1"/>
  <c r="PYI7" i="1"/>
  <c r="PYH7" i="1"/>
  <c r="PYG7" i="1"/>
  <c r="PYF7" i="1"/>
  <c r="PYE7" i="1"/>
  <c r="PYD7" i="1"/>
  <c r="PYC7" i="1"/>
  <c r="PYB7" i="1"/>
  <c r="PYA7" i="1"/>
  <c r="PXZ7" i="1"/>
  <c r="PXY7" i="1"/>
  <c r="PXX7" i="1"/>
  <c r="PXW7" i="1"/>
  <c r="PXV7" i="1"/>
  <c r="PXU7" i="1"/>
  <c r="PXT7" i="1"/>
  <c r="PXS7" i="1"/>
  <c r="PXR7" i="1"/>
  <c r="PXQ7" i="1"/>
  <c r="PXP7" i="1"/>
  <c r="PXO7" i="1"/>
  <c r="PXN7" i="1"/>
  <c r="PXM7" i="1"/>
  <c r="PXL7" i="1"/>
  <c r="PXK7" i="1"/>
  <c r="PXJ7" i="1"/>
  <c r="PXI7" i="1"/>
  <c r="PXH7" i="1"/>
  <c r="PXG7" i="1"/>
  <c r="PXF7" i="1"/>
  <c r="PXE7" i="1"/>
  <c r="PXD7" i="1"/>
  <c r="PXC7" i="1"/>
  <c r="PXB7" i="1"/>
  <c r="PXA7" i="1"/>
  <c r="PWZ7" i="1"/>
  <c r="PWY7" i="1"/>
  <c r="PWX7" i="1"/>
  <c r="PWW7" i="1"/>
  <c r="PWV7" i="1"/>
  <c r="PWU7" i="1"/>
  <c r="PWT7" i="1"/>
  <c r="PWS7" i="1"/>
  <c r="PWR7" i="1"/>
  <c r="PWQ7" i="1"/>
  <c r="PWP7" i="1"/>
  <c r="PWO7" i="1"/>
  <c r="PWN7" i="1"/>
  <c r="PWM7" i="1"/>
  <c r="PWL7" i="1"/>
  <c r="PWK7" i="1"/>
  <c r="PWJ7" i="1"/>
  <c r="PWI7" i="1"/>
  <c r="PWH7" i="1"/>
  <c r="PWG7" i="1"/>
  <c r="PWF7" i="1"/>
  <c r="PWE7" i="1"/>
  <c r="PWD7" i="1"/>
  <c r="PWC7" i="1"/>
  <c r="PWB7" i="1"/>
  <c r="PWA7" i="1"/>
  <c r="PVZ7" i="1"/>
  <c r="PVY7" i="1"/>
  <c r="PVX7" i="1"/>
  <c r="PVW7" i="1"/>
  <c r="PVV7" i="1"/>
  <c r="PVU7" i="1"/>
  <c r="PVT7" i="1"/>
  <c r="PVS7" i="1"/>
  <c r="PVR7" i="1"/>
  <c r="PVQ7" i="1"/>
  <c r="PVP7" i="1"/>
  <c r="PVO7" i="1"/>
  <c r="PVN7" i="1"/>
  <c r="PVM7" i="1"/>
  <c r="PVL7" i="1"/>
  <c r="PVK7" i="1"/>
  <c r="PVJ7" i="1"/>
  <c r="PVI7" i="1"/>
  <c r="PVH7" i="1"/>
  <c r="PVG7" i="1"/>
  <c r="PVF7" i="1"/>
  <c r="PVE7" i="1"/>
  <c r="PVD7" i="1"/>
  <c r="PVC7" i="1"/>
  <c r="PVB7" i="1"/>
  <c r="PVA7" i="1"/>
  <c r="PUZ7" i="1"/>
  <c r="PUY7" i="1"/>
  <c r="PUX7" i="1"/>
  <c r="PUW7" i="1"/>
  <c r="PUV7" i="1"/>
  <c r="PUU7" i="1"/>
  <c r="PUT7" i="1"/>
  <c r="PUS7" i="1"/>
  <c r="PUR7" i="1"/>
  <c r="PUQ7" i="1"/>
  <c r="PUP7" i="1"/>
  <c r="PUO7" i="1"/>
  <c r="PUN7" i="1"/>
  <c r="PUM7" i="1"/>
  <c r="PUL7" i="1"/>
  <c r="PUK7" i="1"/>
  <c r="PUJ7" i="1"/>
  <c r="PUI7" i="1"/>
  <c r="PUH7" i="1"/>
  <c r="PUG7" i="1"/>
  <c r="PUF7" i="1"/>
  <c r="PUE7" i="1"/>
  <c r="PUD7" i="1"/>
  <c r="PUC7" i="1"/>
  <c r="PUB7" i="1"/>
  <c r="PUA7" i="1"/>
  <c r="PTZ7" i="1"/>
  <c r="PTY7" i="1"/>
  <c r="PTX7" i="1"/>
  <c r="PTW7" i="1"/>
  <c r="PTV7" i="1"/>
  <c r="PTU7" i="1"/>
  <c r="PTT7" i="1"/>
  <c r="PTS7" i="1"/>
  <c r="PTR7" i="1"/>
  <c r="PTQ7" i="1"/>
  <c r="PTP7" i="1"/>
  <c r="PTO7" i="1"/>
  <c r="PTN7" i="1"/>
  <c r="PTM7" i="1"/>
  <c r="PTL7" i="1"/>
  <c r="PTK7" i="1"/>
  <c r="PTJ7" i="1"/>
  <c r="PTI7" i="1"/>
  <c r="PTH7" i="1"/>
  <c r="PTG7" i="1"/>
  <c r="PTF7" i="1"/>
  <c r="PTE7" i="1"/>
  <c r="PTD7" i="1"/>
  <c r="PTC7" i="1"/>
  <c r="PTB7" i="1"/>
  <c r="PTA7" i="1"/>
  <c r="PSZ7" i="1"/>
  <c r="PSY7" i="1"/>
  <c r="PSX7" i="1"/>
  <c r="PSW7" i="1"/>
  <c r="PSV7" i="1"/>
  <c r="PSU7" i="1"/>
  <c r="PST7" i="1"/>
  <c r="PSS7" i="1"/>
  <c r="PSR7" i="1"/>
  <c r="PSQ7" i="1"/>
  <c r="PSP7" i="1"/>
  <c r="PSO7" i="1"/>
  <c r="PSN7" i="1"/>
  <c r="PSM7" i="1"/>
  <c r="PSL7" i="1"/>
  <c r="PSK7" i="1"/>
  <c r="PSJ7" i="1"/>
  <c r="PSI7" i="1"/>
  <c r="PSH7" i="1"/>
  <c r="PSG7" i="1"/>
  <c r="PSF7" i="1"/>
  <c r="PSE7" i="1"/>
  <c r="PSD7" i="1"/>
  <c r="PSC7" i="1"/>
  <c r="PSB7" i="1"/>
  <c r="PSA7" i="1"/>
  <c r="PRZ7" i="1"/>
  <c r="PRY7" i="1"/>
  <c r="PRX7" i="1"/>
  <c r="PRW7" i="1"/>
  <c r="PRV7" i="1"/>
  <c r="PRU7" i="1"/>
  <c r="PRT7" i="1"/>
  <c r="PRS7" i="1"/>
  <c r="PRR7" i="1"/>
  <c r="PRQ7" i="1"/>
  <c r="PRP7" i="1"/>
  <c r="PRO7" i="1"/>
  <c r="PRN7" i="1"/>
  <c r="PRM7" i="1"/>
  <c r="PRL7" i="1"/>
  <c r="PRK7" i="1"/>
  <c r="PRJ7" i="1"/>
  <c r="PRI7" i="1"/>
  <c r="PRH7" i="1"/>
  <c r="PRG7" i="1"/>
  <c r="PRF7" i="1"/>
  <c r="PRE7" i="1"/>
  <c r="PRD7" i="1"/>
  <c r="PRC7" i="1"/>
  <c r="PRB7" i="1"/>
  <c r="PRA7" i="1"/>
  <c r="PQZ7" i="1"/>
  <c r="PQY7" i="1"/>
  <c r="PQX7" i="1"/>
  <c r="PQW7" i="1"/>
  <c r="PQV7" i="1"/>
  <c r="PQU7" i="1"/>
  <c r="PQT7" i="1"/>
  <c r="PQS7" i="1"/>
  <c r="PQR7" i="1"/>
  <c r="PQQ7" i="1"/>
  <c r="PQP7" i="1"/>
  <c r="PQO7" i="1"/>
  <c r="PQN7" i="1"/>
  <c r="PQM7" i="1"/>
  <c r="PQL7" i="1"/>
  <c r="PQK7" i="1"/>
  <c r="PQJ7" i="1"/>
  <c r="PQI7" i="1"/>
  <c r="PQH7" i="1"/>
  <c r="PQG7" i="1"/>
  <c r="PQF7" i="1"/>
  <c r="PQE7" i="1"/>
  <c r="PQD7" i="1"/>
  <c r="PQC7" i="1"/>
  <c r="PQB7" i="1"/>
  <c r="PQA7" i="1"/>
  <c r="PPZ7" i="1"/>
  <c r="PPY7" i="1"/>
  <c r="PPX7" i="1"/>
  <c r="PPW7" i="1"/>
  <c r="PPV7" i="1"/>
  <c r="PPU7" i="1"/>
  <c r="PPT7" i="1"/>
  <c r="PPS7" i="1"/>
  <c r="PPR7" i="1"/>
  <c r="PPQ7" i="1"/>
  <c r="PPP7" i="1"/>
  <c r="PPO7" i="1"/>
  <c r="PPN7" i="1"/>
  <c r="PPM7" i="1"/>
  <c r="PPL7" i="1"/>
  <c r="PPK7" i="1"/>
  <c r="PPJ7" i="1"/>
  <c r="PPI7" i="1"/>
  <c r="PPH7" i="1"/>
  <c r="PPG7" i="1"/>
  <c r="PPF7" i="1"/>
  <c r="PPE7" i="1"/>
  <c r="PPD7" i="1"/>
  <c r="PPC7" i="1"/>
  <c r="PPB7" i="1"/>
  <c r="PPA7" i="1"/>
  <c r="POZ7" i="1"/>
  <c r="POY7" i="1"/>
  <c r="POX7" i="1"/>
  <c r="POW7" i="1"/>
  <c r="POV7" i="1"/>
  <c r="POU7" i="1"/>
  <c r="POT7" i="1"/>
  <c r="POS7" i="1"/>
  <c r="POR7" i="1"/>
  <c r="POQ7" i="1"/>
  <c r="POP7" i="1"/>
  <c r="POO7" i="1"/>
  <c r="PON7" i="1"/>
  <c r="POM7" i="1"/>
  <c r="POL7" i="1"/>
  <c r="POK7" i="1"/>
  <c r="POJ7" i="1"/>
  <c r="POI7" i="1"/>
  <c r="POH7" i="1"/>
  <c r="POG7" i="1"/>
  <c r="POF7" i="1"/>
  <c r="POE7" i="1"/>
  <c r="POD7" i="1"/>
  <c r="POC7" i="1"/>
  <c r="POB7" i="1"/>
  <c r="POA7" i="1"/>
  <c r="PNZ7" i="1"/>
  <c r="PNY7" i="1"/>
  <c r="PNX7" i="1"/>
  <c r="PNW7" i="1"/>
  <c r="PNV7" i="1"/>
  <c r="PNU7" i="1"/>
  <c r="PNT7" i="1"/>
  <c r="PNS7" i="1"/>
  <c r="PNR7" i="1"/>
  <c r="PNQ7" i="1"/>
  <c r="PNP7" i="1"/>
  <c r="PNO7" i="1"/>
  <c r="PNN7" i="1"/>
  <c r="PNM7" i="1"/>
  <c r="PNL7" i="1"/>
  <c r="PNK7" i="1"/>
  <c r="PNJ7" i="1"/>
  <c r="PNI7" i="1"/>
  <c r="PNH7" i="1"/>
  <c r="PNG7" i="1"/>
  <c r="PNF7" i="1"/>
  <c r="PNE7" i="1"/>
  <c r="PND7" i="1"/>
  <c r="PNC7" i="1"/>
  <c r="PNB7" i="1"/>
  <c r="PNA7" i="1"/>
  <c r="PMZ7" i="1"/>
  <c r="PMY7" i="1"/>
  <c r="PMX7" i="1"/>
  <c r="PMW7" i="1"/>
  <c r="PMV7" i="1"/>
  <c r="PMU7" i="1"/>
  <c r="PMT7" i="1"/>
  <c r="PMS7" i="1"/>
  <c r="PMR7" i="1"/>
  <c r="PMQ7" i="1"/>
  <c r="PMP7" i="1"/>
  <c r="PMO7" i="1"/>
  <c r="PMN7" i="1"/>
  <c r="PMM7" i="1"/>
  <c r="PML7" i="1"/>
  <c r="PMK7" i="1"/>
  <c r="PMJ7" i="1"/>
  <c r="PMI7" i="1"/>
  <c r="PMH7" i="1"/>
  <c r="PMG7" i="1"/>
  <c r="PMF7" i="1"/>
  <c r="PME7" i="1"/>
  <c r="PMD7" i="1"/>
  <c r="PMC7" i="1"/>
  <c r="PMB7" i="1"/>
  <c r="PMA7" i="1"/>
  <c r="PLZ7" i="1"/>
  <c r="PLY7" i="1"/>
  <c r="PLX7" i="1"/>
  <c r="PLW7" i="1"/>
  <c r="PLV7" i="1"/>
  <c r="PLU7" i="1"/>
  <c r="PLT7" i="1"/>
  <c r="PLS7" i="1"/>
  <c r="PLR7" i="1"/>
  <c r="PLQ7" i="1"/>
  <c r="PLP7" i="1"/>
  <c r="PLO7" i="1"/>
  <c r="PLN7" i="1"/>
  <c r="PLM7" i="1"/>
  <c r="PLL7" i="1"/>
  <c r="PLK7" i="1"/>
  <c r="PLJ7" i="1"/>
  <c r="PLI7" i="1"/>
  <c r="PLH7" i="1"/>
  <c r="PLG7" i="1"/>
  <c r="PLF7" i="1"/>
  <c r="PLE7" i="1"/>
  <c r="PLD7" i="1"/>
  <c r="PLC7" i="1"/>
  <c r="PLB7" i="1"/>
  <c r="PLA7" i="1"/>
  <c r="PKZ7" i="1"/>
  <c r="PKY7" i="1"/>
  <c r="PKX7" i="1"/>
  <c r="PKW7" i="1"/>
  <c r="PKV7" i="1"/>
  <c r="PKU7" i="1"/>
  <c r="PKT7" i="1"/>
  <c r="PKS7" i="1"/>
  <c r="PKR7" i="1"/>
  <c r="PKQ7" i="1"/>
  <c r="PKP7" i="1"/>
  <c r="PKO7" i="1"/>
  <c r="PKN7" i="1"/>
  <c r="PKM7" i="1"/>
  <c r="PKL7" i="1"/>
  <c r="PKK7" i="1"/>
  <c r="PKJ7" i="1"/>
  <c r="PKI7" i="1"/>
  <c r="PKH7" i="1"/>
  <c r="PKG7" i="1"/>
  <c r="PKF7" i="1"/>
  <c r="PKE7" i="1"/>
  <c r="PKD7" i="1"/>
  <c r="PKC7" i="1"/>
  <c r="PKB7" i="1"/>
  <c r="PKA7" i="1"/>
  <c r="PJZ7" i="1"/>
  <c r="PJY7" i="1"/>
  <c r="PJX7" i="1"/>
  <c r="PJW7" i="1"/>
  <c r="PJV7" i="1"/>
  <c r="PJU7" i="1"/>
  <c r="PJT7" i="1"/>
  <c r="PJS7" i="1"/>
  <c r="PJR7" i="1"/>
  <c r="PJQ7" i="1"/>
  <c r="PJP7" i="1"/>
  <c r="PJO7" i="1"/>
  <c r="PJN7" i="1"/>
  <c r="PJM7" i="1"/>
  <c r="PJL7" i="1"/>
  <c r="PJK7" i="1"/>
  <c r="PJJ7" i="1"/>
  <c r="PJI7" i="1"/>
  <c r="PJH7" i="1"/>
  <c r="PJG7" i="1"/>
  <c r="PJF7" i="1"/>
  <c r="PJE7" i="1"/>
  <c r="PJD7" i="1"/>
  <c r="PJC7" i="1"/>
  <c r="PJB7" i="1"/>
  <c r="PJA7" i="1"/>
  <c r="PIZ7" i="1"/>
  <c r="PIY7" i="1"/>
  <c r="PIX7" i="1"/>
  <c r="PIW7" i="1"/>
  <c r="PIV7" i="1"/>
  <c r="PIU7" i="1"/>
  <c r="PIT7" i="1"/>
  <c r="PIS7" i="1"/>
  <c r="PIR7" i="1"/>
  <c r="PIQ7" i="1"/>
  <c r="PIP7" i="1"/>
  <c r="PIO7" i="1"/>
  <c r="PIN7" i="1"/>
  <c r="PIM7" i="1"/>
  <c r="PIL7" i="1"/>
  <c r="PIK7" i="1"/>
  <c r="PIJ7" i="1"/>
  <c r="PII7" i="1"/>
  <c r="PIH7" i="1"/>
  <c r="PIG7" i="1"/>
  <c r="PIF7" i="1"/>
  <c r="PIE7" i="1"/>
  <c r="PID7" i="1"/>
  <c r="PIC7" i="1"/>
  <c r="PIB7" i="1"/>
  <c r="PIA7" i="1"/>
  <c r="PHZ7" i="1"/>
  <c r="PHY7" i="1"/>
  <c r="PHX7" i="1"/>
  <c r="PHW7" i="1"/>
  <c r="PHV7" i="1"/>
  <c r="PHU7" i="1"/>
  <c r="PHT7" i="1"/>
  <c r="PHS7" i="1"/>
  <c r="PHR7" i="1"/>
  <c r="PHQ7" i="1"/>
  <c r="PHP7" i="1"/>
  <c r="PHO7" i="1"/>
  <c r="PHN7" i="1"/>
  <c r="PHM7" i="1"/>
  <c r="PHL7" i="1"/>
  <c r="PHK7" i="1"/>
  <c r="PHJ7" i="1"/>
  <c r="PHI7" i="1"/>
  <c r="PHH7" i="1"/>
  <c r="PHG7" i="1"/>
  <c r="PHF7" i="1"/>
  <c r="PHE7" i="1"/>
  <c r="PHD7" i="1"/>
  <c r="PHC7" i="1"/>
  <c r="PHB7" i="1"/>
  <c r="PHA7" i="1"/>
  <c r="PGZ7" i="1"/>
  <c r="PGY7" i="1"/>
  <c r="PGX7" i="1"/>
  <c r="PGW7" i="1"/>
  <c r="PGV7" i="1"/>
  <c r="PGU7" i="1"/>
  <c r="PGT7" i="1"/>
  <c r="PGS7" i="1"/>
  <c r="PGR7" i="1"/>
  <c r="PGQ7" i="1"/>
  <c r="PGP7" i="1"/>
  <c r="PGO7" i="1"/>
  <c r="PGN7" i="1"/>
  <c r="PGM7" i="1"/>
  <c r="PGL7" i="1"/>
  <c r="PGK7" i="1"/>
  <c r="PGJ7" i="1"/>
  <c r="PGI7" i="1"/>
  <c r="PGH7" i="1"/>
  <c r="PGG7" i="1"/>
  <c r="PGF7" i="1"/>
  <c r="PGE7" i="1"/>
  <c r="PGD7" i="1"/>
  <c r="PGC7" i="1"/>
  <c r="PGB7" i="1"/>
  <c r="PGA7" i="1"/>
  <c r="PFZ7" i="1"/>
  <c r="PFY7" i="1"/>
  <c r="PFX7" i="1"/>
  <c r="PFW7" i="1"/>
  <c r="PFV7" i="1"/>
  <c r="PFU7" i="1"/>
  <c r="PFT7" i="1"/>
  <c r="PFS7" i="1"/>
  <c r="PFR7" i="1"/>
  <c r="PFQ7" i="1"/>
  <c r="PFP7" i="1"/>
  <c r="PFO7" i="1"/>
  <c r="PFN7" i="1"/>
  <c r="PFM7" i="1"/>
  <c r="PFL7" i="1"/>
  <c r="PFK7" i="1"/>
  <c r="PFJ7" i="1"/>
  <c r="PFI7" i="1"/>
  <c r="PFH7" i="1"/>
  <c r="PFG7" i="1"/>
  <c r="PFF7" i="1"/>
  <c r="PFE7" i="1"/>
  <c r="PFD7" i="1"/>
  <c r="PFC7" i="1"/>
  <c r="PFB7" i="1"/>
  <c r="PFA7" i="1"/>
  <c r="PEZ7" i="1"/>
  <c r="PEY7" i="1"/>
  <c r="PEX7" i="1"/>
  <c r="PEW7" i="1"/>
  <c r="PEV7" i="1"/>
  <c r="PEU7" i="1"/>
  <c r="PET7" i="1"/>
  <c r="PES7" i="1"/>
  <c r="PER7" i="1"/>
  <c r="PEQ7" i="1"/>
  <c r="PEP7" i="1"/>
  <c r="PEO7" i="1"/>
  <c r="PEN7" i="1"/>
  <c r="PEM7" i="1"/>
  <c r="PEL7" i="1"/>
  <c r="PEK7" i="1"/>
  <c r="PEJ7" i="1"/>
  <c r="PEI7" i="1"/>
  <c r="PEH7" i="1"/>
  <c r="PEG7" i="1"/>
  <c r="PEF7" i="1"/>
  <c r="PEE7" i="1"/>
  <c r="PED7" i="1"/>
  <c r="PEC7" i="1"/>
  <c r="PEB7" i="1"/>
  <c r="PEA7" i="1"/>
  <c r="PDZ7" i="1"/>
  <c r="PDY7" i="1"/>
  <c r="PDX7" i="1"/>
  <c r="PDW7" i="1"/>
  <c r="PDV7" i="1"/>
  <c r="PDU7" i="1"/>
  <c r="PDT7" i="1"/>
  <c r="PDS7" i="1"/>
  <c r="PDR7" i="1"/>
  <c r="PDQ7" i="1"/>
  <c r="PDP7" i="1"/>
  <c r="PDO7" i="1"/>
  <c r="PDN7" i="1"/>
  <c r="PDM7" i="1"/>
  <c r="PDL7" i="1"/>
  <c r="PDK7" i="1"/>
  <c r="PDJ7" i="1"/>
  <c r="PDI7" i="1"/>
  <c r="PDH7" i="1"/>
  <c r="PDG7" i="1"/>
  <c r="PDF7" i="1"/>
  <c r="PDE7" i="1"/>
  <c r="PDD7" i="1"/>
  <c r="PDC7" i="1"/>
  <c r="PDB7" i="1"/>
  <c r="PDA7" i="1"/>
  <c r="PCZ7" i="1"/>
  <c r="PCY7" i="1"/>
  <c r="PCX7" i="1"/>
  <c r="PCW7" i="1"/>
  <c r="PCV7" i="1"/>
  <c r="PCU7" i="1"/>
  <c r="PCT7" i="1"/>
  <c r="PCS7" i="1"/>
  <c r="PCR7" i="1"/>
  <c r="PCQ7" i="1"/>
  <c r="PCP7" i="1"/>
  <c r="PCO7" i="1"/>
  <c r="PCN7" i="1"/>
  <c r="PCM7" i="1"/>
  <c r="PCL7" i="1"/>
  <c r="PCK7" i="1"/>
  <c r="PCJ7" i="1"/>
  <c r="PCI7" i="1"/>
  <c r="PCH7" i="1"/>
  <c r="PCG7" i="1"/>
  <c r="PCF7" i="1"/>
  <c r="PCE7" i="1"/>
  <c r="PCD7" i="1"/>
  <c r="PCC7" i="1"/>
  <c r="PCB7" i="1"/>
  <c r="PCA7" i="1"/>
  <c r="PBZ7" i="1"/>
  <c r="PBY7" i="1"/>
  <c r="PBX7" i="1"/>
  <c r="PBW7" i="1"/>
  <c r="PBV7" i="1"/>
  <c r="PBU7" i="1"/>
  <c r="PBT7" i="1"/>
  <c r="PBS7" i="1"/>
  <c r="PBR7" i="1"/>
  <c r="PBQ7" i="1"/>
  <c r="PBP7" i="1"/>
  <c r="PBO7" i="1"/>
  <c r="PBN7" i="1"/>
  <c r="PBM7" i="1"/>
  <c r="PBL7" i="1"/>
  <c r="PBK7" i="1"/>
  <c r="PBJ7" i="1"/>
  <c r="PBI7" i="1"/>
  <c r="PBH7" i="1"/>
  <c r="PBG7" i="1"/>
  <c r="PBF7" i="1"/>
  <c r="PBE7" i="1"/>
  <c r="PBD7" i="1"/>
  <c r="PBC7" i="1"/>
  <c r="PBB7" i="1"/>
  <c r="PBA7" i="1"/>
  <c r="PAZ7" i="1"/>
  <c r="PAY7" i="1"/>
  <c r="PAX7" i="1"/>
  <c r="PAW7" i="1"/>
  <c r="PAV7" i="1"/>
  <c r="PAU7" i="1"/>
  <c r="PAT7" i="1"/>
  <c r="PAS7" i="1"/>
  <c r="PAR7" i="1"/>
  <c r="PAQ7" i="1"/>
  <c r="PAP7" i="1"/>
  <c r="PAO7" i="1"/>
  <c r="PAN7" i="1"/>
  <c r="PAM7" i="1"/>
  <c r="PAL7" i="1"/>
  <c r="PAK7" i="1"/>
  <c r="PAJ7" i="1"/>
  <c r="PAI7" i="1"/>
  <c r="PAH7" i="1"/>
  <c r="PAG7" i="1"/>
  <c r="PAF7" i="1"/>
  <c r="PAE7" i="1"/>
  <c r="PAD7" i="1"/>
  <c r="PAC7" i="1"/>
  <c r="PAB7" i="1"/>
  <c r="PAA7" i="1"/>
  <c r="OZZ7" i="1"/>
  <c r="OZY7" i="1"/>
  <c r="OZX7" i="1"/>
  <c r="OZW7" i="1"/>
  <c r="OZV7" i="1"/>
  <c r="OZU7" i="1"/>
  <c r="OZT7" i="1"/>
  <c r="OZS7" i="1"/>
  <c r="OZR7" i="1"/>
  <c r="OZQ7" i="1"/>
  <c r="OZP7" i="1"/>
  <c r="OZO7" i="1"/>
  <c r="OZN7" i="1"/>
  <c r="OZM7" i="1"/>
  <c r="OZL7" i="1"/>
  <c r="OZK7" i="1"/>
  <c r="OZJ7" i="1"/>
  <c r="OZI7" i="1"/>
  <c r="OZH7" i="1"/>
  <c r="OZG7" i="1"/>
  <c r="OZF7" i="1"/>
  <c r="OZE7" i="1"/>
  <c r="OZD7" i="1"/>
  <c r="OZC7" i="1"/>
  <c r="OZB7" i="1"/>
  <c r="OZA7" i="1"/>
  <c r="OYZ7" i="1"/>
  <c r="OYY7" i="1"/>
  <c r="OYX7" i="1"/>
  <c r="OYW7" i="1"/>
  <c r="OYV7" i="1"/>
  <c r="OYU7" i="1"/>
  <c r="OYT7" i="1"/>
  <c r="OYS7" i="1"/>
  <c r="OYR7" i="1"/>
  <c r="OYQ7" i="1"/>
  <c r="OYP7" i="1"/>
  <c r="OYO7" i="1"/>
  <c r="OYN7" i="1"/>
  <c r="OYM7" i="1"/>
  <c r="OYL7" i="1"/>
  <c r="OYK7" i="1"/>
  <c r="OYJ7" i="1"/>
  <c r="OYI7" i="1"/>
  <c r="OYH7" i="1"/>
  <c r="OYG7" i="1"/>
  <c r="OYF7" i="1"/>
  <c r="OYE7" i="1"/>
  <c r="OYD7" i="1"/>
  <c r="OYC7" i="1"/>
  <c r="OYB7" i="1"/>
  <c r="OYA7" i="1"/>
  <c r="OXZ7" i="1"/>
  <c r="OXY7" i="1"/>
  <c r="OXX7" i="1"/>
  <c r="OXW7" i="1"/>
  <c r="OXV7" i="1"/>
  <c r="OXU7" i="1"/>
  <c r="OXT7" i="1"/>
  <c r="OXS7" i="1"/>
  <c r="OXR7" i="1"/>
  <c r="OXQ7" i="1"/>
  <c r="OXP7" i="1"/>
  <c r="OXO7" i="1"/>
  <c r="OXN7" i="1"/>
  <c r="OXM7" i="1"/>
  <c r="OXL7" i="1"/>
  <c r="OXK7" i="1"/>
  <c r="OXJ7" i="1"/>
  <c r="OXI7" i="1"/>
  <c r="OXH7" i="1"/>
  <c r="OXG7" i="1"/>
  <c r="OXF7" i="1"/>
  <c r="OXE7" i="1"/>
  <c r="OXD7" i="1"/>
  <c r="OXC7" i="1"/>
  <c r="OXB7" i="1"/>
  <c r="OXA7" i="1"/>
  <c r="OWZ7" i="1"/>
  <c r="OWY7" i="1"/>
  <c r="OWX7" i="1"/>
  <c r="OWW7" i="1"/>
  <c r="OWV7" i="1"/>
  <c r="OWU7" i="1"/>
  <c r="OWT7" i="1"/>
  <c r="OWS7" i="1"/>
  <c r="OWR7" i="1"/>
  <c r="OWQ7" i="1"/>
  <c r="OWP7" i="1"/>
  <c r="OWO7" i="1"/>
  <c r="OWN7" i="1"/>
  <c r="OWM7" i="1"/>
  <c r="OWL7" i="1"/>
  <c r="OWK7" i="1"/>
  <c r="OWJ7" i="1"/>
  <c r="OWI7" i="1"/>
  <c r="OWH7" i="1"/>
  <c r="OWG7" i="1"/>
  <c r="OWF7" i="1"/>
  <c r="OWE7" i="1"/>
  <c r="OWD7" i="1"/>
  <c r="OWC7" i="1"/>
  <c r="OWB7" i="1"/>
  <c r="OWA7" i="1"/>
  <c r="OVZ7" i="1"/>
  <c r="OVY7" i="1"/>
  <c r="OVX7" i="1"/>
  <c r="OVW7" i="1"/>
  <c r="OVV7" i="1"/>
  <c r="OVU7" i="1"/>
  <c r="OVT7" i="1"/>
  <c r="OVS7" i="1"/>
  <c r="OVR7" i="1"/>
  <c r="OVQ7" i="1"/>
  <c r="OVP7" i="1"/>
  <c r="OVO7" i="1"/>
  <c r="OVN7" i="1"/>
  <c r="OVM7" i="1"/>
  <c r="OVL7" i="1"/>
  <c r="OVK7" i="1"/>
  <c r="OVJ7" i="1"/>
  <c r="OVI7" i="1"/>
  <c r="OVH7" i="1"/>
  <c r="OVG7" i="1"/>
  <c r="OVF7" i="1"/>
  <c r="OVE7" i="1"/>
  <c r="OVD7" i="1"/>
  <c r="OVC7" i="1"/>
  <c r="OVB7" i="1"/>
  <c r="OVA7" i="1"/>
  <c r="OUZ7" i="1"/>
  <c r="OUY7" i="1"/>
  <c r="OUX7" i="1"/>
  <c r="OUW7" i="1"/>
  <c r="OUV7" i="1"/>
  <c r="OUU7" i="1"/>
  <c r="OUT7" i="1"/>
  <c r="OUS7" i="1"/>
  <c r="OUR7" i="1"/>
  <c r="OUQ7" i="1"/>
  <c r="OUP7" i="1"/>
  <c r="OUO7" i="1"/>
  <c r="OUN7" i="1"/>
  <c r="OUM7" i="1"/>
  <c r="OUL7" i="1"/>
  <c r="OUK7" i="1"/>
  <c r="OUJ7" i="1"/>
  <c r="OUI7" i="1"/>
  <c r="OUH7" i="1"/>
  <c r="OUG7" i="1"/>
  <c r="OUF7" i="1"/>
  <c r="OUE7" i="1"/>
  <c r="OUD7" i="1"/>
  <c r="OUC7" i="1"/>
  <c r="OUB7" i="1"/>
  <c r="OUA7" i="1"/>
  <c r="OTZ7" i="1"/>
  <c r="OTY7" i="1"/>
  <c r="OTX7" i="1"/>
  <c r="OTW7" i="1"/>
  <c r="OTV7" i="1"/>
  <c r="OTU7" i="1"/>
  <c r="OTT7" i="1"/>
  <c r="OTS7" i="1"/>
  <c r="OTR7" i="1"/>
  <c r="OTQ7" i="1"/>
  <c r="OTP7" i="1"/>
  <c r="OTO7" i="1"/>
  <c r="OTN7" i="1"/>
  <c r="OTM7" i="1"/>
  <c r="OTL7" i="1"/>
  <c r="OTK7" i="1"/>
  <c r="OTJ7" i="1"/>
  <c r="OTI7" i="1"/>
  <c r="OTH7" i="1"/>
  <c r="OTG7" i="1"/>
  <c r="OTF7" i="1"/>
  <c r="OTE7" i="1"/>
  <c r="OTD7" i="1"/>
  <c r="OTC7" i="1"/>
  <c r="OTB7" i="1"/>
  <c r="OTA7" i="1"/>
  <c r="OSZ7" i="1"/>
  <c r="OSY7" i="1"/>
  <c r="OSX7" i="1"/>
  <c r="OSW7" i="1"/>
  <c r="OSV7" i="1"/>
  <c r="OSU7" i="1"/>
  <c r="OST7" i="1"/>
  <c r="OSS7" i="1"/>
  <c r="OSR7" i="1"/>
  <c r="OSQ7" i="1"/>
  <c r="OSP7" i="1"/>
  <c r="OSO7" i="1"/>
  <c r="OSN7" i="1"/>
  <c r="OSM7" i="1"/>
  <c r="OSL7" i="1"/>
  <c r="OSK7" i="1"/>
  <c r="OSJ7" i="1"/>
  <c r="OSI7" i="1"/>
  <c r="OSH7" i="1"/>
  <c r="OSG7" i="1"/>
  <c r="OSF7" i="1"/>
  <c r="OSE7" i="1"/>
  <c r="OSD7" i="1"/>
  <c r="OSC7" i="1"/>
  <c r="OSB7" i="1"/>
  <c r="OSA7" i="1"/>
  <c r="ORZ7" i="1"/>
  <c r="ORY7" i="1"/>
  <c r="ORX7" i="1"/>
  <c r="ORW7" i="1"/>
  <c r="ORV7" i="1"/>
  <c r="ORU7" i="1"/>
  <c r="ORT7" i="1"/>
  <c r="ORS7" i="1"/>
  <c r="ORR7" i="1"/>
  <c r="ORQ7" i="1"/>
  <c r="ORP7" i="1"/>
  <c r="ORO7" i="1"/>
  <c r="ORN7" i="1"/>
  <c r="ORM7" i="1"/>
  <c r="ORL7" i="1"/>
  <c r="ORK7" i="1"/>
  <c r="ORJ7" i="1"/>
  <c r="ORI7" i="1"/>
  <c r="ORH7" i="1"/>
  <c r="ORG7" i="1"/>
  <c r="ORF7" i="1"/>
  <c r="ORE7" i="1"/>
  <c r="ORD7" i="1"/>
  <c r="ORC7" i="1"/>
  <c r="ORB7" i="1"/>
  <c r="ORA7" i="1"/>
  <c r="OQZ7" i="1"/>
  <c r="OQY7" i="1"/>
  <c r="OQX7" i="1"/>
  <c r="OQW7" i="1"/>
  <c r="OQV7" i="1"/>
  <c r="OQU7" i="1"/>
  <c r="OQT7" i="1"/>
  <c r="OQS7" i="1"/>
  <c r="OQR7" i="1"/>
  <c r="OQQ7" i="1"/>
  <c r="OQP7" i="1"/>
  <c r="OQO7" i="1"/>
  <c r="OQN7" i="1"/>
  <c r="OQM7" i="1"/>
  <c r="OQL7" i="1"/>
  <c r="OQK7" i="1"/>
  <c r="OQJ7" i="1"/>
  <c r="OQI7" i="1"/>
  <c r="OQH7" i="1"/>
  <c r="OQG7" i="1"/>
  <c r="OQF7" i="1"/>
  <c r="OQE7" i="1"/>
  <c r="OQD7" i="1"/>
  <c r="OQC7" i="1"/>
  <c r="OQB7" i="1"/>
  <c r="OQA7" i="1"/>
  <c r="OPZ7" i="1"/>
  <c r="OPY7" i="1"/>
  <c r="OPX7" i="1"/>
  <c r="OPW7" i="1"/>
  <c r="OPV7" i="1"/>
  <c r="OPU7" i="1"/>
  <c r="OPT7" i="1"/>
  <c r="OPS7" i="1"/>
  <c r="OPR7" i="1"/>
  <c r="OPQ7" i="1"/>
  <c r="OPP7" i="1"/>
  <c r="OPO7" i="1"/>
  <c r="OPN7" i="1"/>
  <c r="OPM7" i="1"/>
  <c r="OPL7" i="1"/>
  <c r="OPK7" i="1"/>
  <c r="OPJ7" i="1"/>
  <c r="OPI7" i="1"/>
  <c r="OPH7" i="1"/>
  <c r="OPG7" i="1"/>
  <c r="OPF7" i="1"/>
  <c r="OPE7" i="1"/>
  <c r="OPD7" i="1"/>
  <c r="OPC7" i="1"/>
  <c r="OPB7" i="1"/>
  <c r="OPA7" i="1"/>
  <c r="OOZ7" i="1"/>
  <c r="OOY7" i="1"/>
  <c r="OOX7" i="1"/>
  <c r="OOW7" i="1"/>
  <c r="OOV7" i="1"/>
  <c r="OOU7" i="1"/>
  <c r="OOT7" i="1"/>
  <c r="OOS7" i="1"/>
  <c r="OOR7" i="1"/>
  <c r="OOQ7" i="1"/>
  <c r="OOP7" i="1"/>
  <c r="OOO7" i="1"/>
  <c r="OON7" i="1"/>
  <c r="OOM7" i="1"/>
  <c r="OOL7" i="1"/>
  <c r="OOK7" i="1"/>
  <c r="OOJ7" i="1"/>
  <c r="OOI7" i="1"/>
  <c r="OOH7" i="1"/>
  <c r="OOG7" i="1"/>
  <c r="OOF7" i="1"/>
  <c r="OOE7" i="1"/>
  <c r="OOD7" i="1"/>
  <c r="OOC7" i="1"/>
  <c r="OOB7" i="1"/>
  <c r="OOA7" i="1"/>
  <c r="ONZ7" i="1"/>
  <c r="ONY7" i="1"/>
  <c r="ONX7" i="1"/>
  <c r="ONW7" i="1"/>
  <c r="ONV7" i="1"/>
  <c r="ONU7" i="1"/>
  <c r="ONT7" i="1"/>
  <c r="ONS7" i="1"/>
  <c r="ONR7" i="1"/>
  <c r="ONQ7" i="1"/>
  <c r="ONP7" i="1"/>
  <c r="ONO7" i="1"/>
  <c r="ONN7" i="1"/>
  <c r="ONM7" i="1"/>
  <c r="ONL7" i="1"/>
  <c r="ONK7" i="1"/>
  <c r="ONJ7" i="1"/>
  <c r="ONI7" i="1"/>
  <c r="ONH7" i="1"/>
  <c r="ONG7" i="1"/>
  <c r="ONF7" i="1"/>
  <c r="ONE7" i="1"/>
  <c r="OND7" i="1"/>
  <c r="ONC7" i="1"/>
  <c r="ONB7" i="1"/>
  <c r="ONA7" i="1"/>
  <c r="OMZ7" i="1"/>
  <c r="OMY7" i="1"/>
  <c r="OMX7" i="1"/>
  <c r="OMW7" i="1"/>
  <c r="OMV7" i="1"/>
  <c r="OMU7" i="1"/>
  <c r="OMT7" i="1"/>
  <c r="OMS7" i="1"/>
  <c r="OMR7" i="1"/>
  <c r="OMQ7" i="1"/>
  <c r="OMP7" i="1"/>
  <c r="OMO7" i="1"/>
  <c r="OMN7" i="1"/>
  <c r="OMM7" i="1"/>
  <c r="OML7" i="1"/>
  <c r="OMK7" i="1"/>
  <c r="OMJ7" i="1"/>
  <c r="OMI7" i="1"/>
  <c r="OMH7" i="1"/>
  <c r="OMG7" i="1"/>
  <c r="OMF7" i="1"/>
  <c r="OME7" i="1"/>
  <c r="OMD7" i="1"/>
  <c r="OMC7" i="1"/>
  <c r="OMB7" i="1"/>
  <c r="OMA7" i="1"/>
  <c r="OLZ7" i="1"/>
  <c r="OLY7" i="1"/>
  <c r="OLX7" i="1"/>
  <c r="OLW7" i="1"/>
  <c r="OLV7" i="1"/>
  <c r="OLU7" i="1"/>
  <c r="OLT7" i="1"/>
  <c r="OLS7" i="1"/>
  <c r="OLR7" i="1"/>
  <c r="OLQ7" i="1"/>
  <c r="OLP7" i="1"/>
  <c r="OLO7" i="1"/>
  <c r="OLN7" i="1"/>
  <c r="OLM7" i="1"/>
  <c r="OLL7" i="1"/>
  <c r="OLK7" i="1"/>
  <c r="OLJ7" i="1"/>
  <c r="OLI7" i="1"/>
  <c r="OLH7" i="1"/>
  <c r="OLG7" i="1"/>
  <c r="OLF7" i="1"/>
  <c r="OLE7" i="1"/>
  <c r="OLD7" i="1"/>
  <c r="OLC7" i="1"/>
  <c r="OLB7" i="1"/>
  <c r="OLA7" i="1"/>
  <c r="OKZ7" i="1"/>
  <c r="OKY7" i="1"/>
  <c r="OKX7" i="1"/>
  <c r="OKW7" i="1"/>
  <c r="OKV7" i="1"/>
  <c r="OKU7" i="1"/>
  <c r="OKT7" i="1"/>
  <c r="OKS7" i="1"/>
  <c r="OKR7" i="1"/>
  <c r="OKQ7" i="1"/>
  <c r="OKP7" i="1"/>
  <c r="OKO7" i="1"/>
  <c r="OKN7" i="1"/>
  <c r="OKM7" i="1"/>
  <c r="OKL7" i="1"/>
  <c r="OKK7" i="1"/>
  <c r="OKJ7" i="1"/>
  <c r="OKI7" i="1"/>
  <c r="OKH7" i="1"/>
  <c r="OKG7" i="1"/>
  <c r="OKF7" i="1"/>
  <c r="OKE7" i="1"/>
  <c r="OKD7" i="1"/>
  <c r="OKC7" i="1"/>
  <c r="OKB7" i="1"/>
  <c r="OKA7" i="1"/>
  <c r="OJZ7" i="1"/>
  <c r="OJY7" i="1"/>
  <c r="OJX7" i="1"/>
  <c r="OJW7" i="1"/>
  <c r="OJV7" i="1"/>
  <c r="OJU7" i="1"/>
  <c r="OJT7" i="1"/>
  <c r="OJS7" i="1"/>
  <c r="OJR7" i="1"/>
  <c r="OJQ7" i="1"/>
  <c r="OJP7" i="1"/>
  <c r="OJO7" i="1"/>
  <c r="OJN7" i="1"/>
  <c r="OJM7" i="1"/>
  <c r="OJL7" i="1"/>
  <c r="OJK7" i="1"/>
  <c r="OJJ7" i="1"/>
  <c r="OJI7" i="1"/>
  <c r="OJH7" i="1"/>
  <c r="OJG7" i="1"/>
  <c r="OJF7" i="1"/>
  <c r="OJE7" i="1"/>
  <c r="OJD7" i="1"/>
  <c r="OJC7" i="1"/>
  <c r="OJB7" i="1"/>
  <c r="OJA7" i="1"/>
  <c r="OIZ7" i="1"/>
  <c r="OIY7" i="1"/>
  <c r="OIX7" i="1"/>
  <c r="OIW7" i="1"/>
  <c r="OIV7" i="1"/>
  <c r="OIU7" i="1"/>
  <c r="OIT7" i="1"/>
  <c r="OIS7" i="1"/>
  <c r="OIR7" i="1"/>
  <c r="OIQ7" i="1"/>
  <c r="OIP7" i="1"/>
  <c r="OIO7" i="1"/>
  <c r="OIN7" i="1"/>
  <c r="OIM7" i="1"/>
  <c r="OIL7" i="1"/>
  <c r="OIK7" i="1"/>
  <c r="OIJ7" i="1"/>
  <c r="OII7" i="1"/>
  <c r="OIH7" i="1"/>
  <c r="OIG7" i="1"/>
  <c r="OIF7" i="1"/>
  <c r="OIE7" i="1"/>
  <c r="OID7" i="1"/>
  <c r="OIC7" i="1"/>
  <c r="OIB7" i="1"/>
  <c r="OIA7" i="1"/>
  <c r="OHZ7" i="1"/>
  <c r="OHY7" i="1"/>
  <c r="OHX7" i="1"/>
  <c r="OHW7" i="1"/>
  <c r="OHV7" i="1"/>
  <c r="OHU7" i="1"/>
  <c r="OHT7" i="1"/>
  <c r="OHS7" i="1"/>
  <c r="OHR7" i="1"/>
  <c r="OHQ7" i="1"/>
  <c r="OHP7" i="1"/>
  <c r="OHO7" i="1"/>
  <c r="OHN7" i="1"/>
  <c r="OHM7" i="1"/>
  <c r="OHL7" i="1"/>
  <c r="OHK7" i="1"/>
  <c r="OHJ7" i="1"/>
  <c r="OHI7" i="1"/>
  <c r="OHH7" i="1"/>
  <c r="OHG7" i="1"/>
  <c r="OHF7" i="1"/>
  <c r="OHE7" i="1"/>
  <c r="OHD7" i="1"/>
  <c r="OHC7" i="1"/>
  <c r="OHB7" i="1"/>
  <c r="OHA7" i="1"/>
  <c r="OGZ7" i="1"/>
  <c r="OGY7" i="1"/>
  <c r="OGX7" i="1"/>
  <c r="OGW7" i="1"/>
  <c r="OGV7" i="1"/>
  <c r="OGU7" i="1"/>
  <c r="OGT7" i="1"/>
  <c r="OGS7" i="1"/>
  <c r="OGR7" i="1"/>
  <c r="OGQ7" i="1"/>
  <c r="OGP7" i="1"/>
  <c r="OGO7" i="1"/>
  <c r="OGN7" i="1"/>
  <c r="OGM7" i="1"/>
  <c r="OGL7" i="1"/>
  <c r="OGK7" i="1"/>
  <c r="OGJ7" i="1"/>
  <c r="OGI7" i="1"/>
  <c r="OGH7" i="1"/>
  <c r="OGG7" i="1"/>
  <c r="OGF7" i="1"/>
  <c r="OGE7" i="1"/>
  <c r="OGD7" i="1"/>
  <c r="OGC7" i="1"/>
  <c r="OGB7" i="1"/>
  <c r="OGA7" i="1"/>
  <c r="OFZ7" i="1"/>
  <c r="OFY7" i="1"/>
  <c r="OFX7" i="1"/>
  <c r="OFW7" i="1"/>
  <c r="OFV7" i="1"/>
  <c r="OFU7" i="1"/>
  <c r="OFT7" i="1"/>
  <c r="OFS7" i="1"/>
  <c r="OFR7" i="1"/>
  <c r="OFQ7" i="1"/>
  <c r="OFP7" i="1"/>
  <c r="OFO7" i="1"/>
  <c r="OFN7" i="1"/>
  <c r="OFM7" i="1"/>
  <c r="OFL7" i="1"/>
  <c r="OFK7" i="1"/>
  <c r="OFJ7" i="1"/>
  <c r="OFI7" i="1"/>
  <c r="OFH7" i="1"/>
  <c r="OFG7" i="1"/>
  <c r="OFF7" i="1"/>
  <c r="OFE7" i="1"/>
  <c r="OFD7" i="1"/>
  <c r="OFC7" i="1"/>
  <c r="OFB7" i="1"/>
  <c r="OFA7" i="1"/>
  <c r="OEZ7" i="1"/>
  <c r="OEY7" i="1"/>
  <c r="OEX7" i="1"/>
  <c r="OEW7" i="1"/>
  <c r="OEV7" i="1"/>
  <c r="OEU7" i="1"/>
  <c r="OET7" i="1"/>
  <c r="OES7" i="1"/>
  <c r="OER7" i="1"/>
  <c r="OEQ7" i="1"/>
  <c r="OEP7" i="1"/>
  <c r="OEO7" i="1"/>
  <c r="OEN7" i="1"/>
  <c r="OEM7" i="1"/>
  <c r="OEL7" i="1"/>
  <c r="OEK7" i="1"/>
  <c r="OEJ7" i="1"/>
  <c r="OEI7" i="1"/>
  <c r="OEH7" i="1"/>
  <c r="OEG7" i="1"/>
  <c r="OEF7" i="1"/>
  <c r="OEE7" i="1"/>
  <c r="OED7" i="1"/>
  <c r="OEC7" i="1"/>
  <c r="OEB7" i="1"/>
  <c r="OEA7" i="1"/>
  <c r="ODZ7" i="1"/>
  <c r="ODY7" i="1"/>
  <c r="ODX7" i="1"/>
  <c r="ODW7" i="1"/>
  <c r="ODV7" i="1"/>
  <c r="ODU7" i="1"/>
  <c r="ODT7" i="1"/>
  <c r="ODS7" i="1"/>
  <c r="ODR7" i="1"/>
  <c r="ODQ7" i="1"/>
  <c r="ODP7" i="1"/>
  <c r="ODO7" i="1"/>
  <c r="ODN7" i="1"/>
  <c r="ODM7" i="1"/>
  <c r="ODL7" i="1"/>
  <c r="ODK7" i="1"/>
  <c r="ODJ7" i="1"/>
  <c r="ODI7" i="1"/>
  <c r="ODH7" i="1"/>
  <c r="ODG7" i="1"/>
  <c r="ODF7" i="1"/>
  <c r="ODE7" i="1"/>
  <c r="ODD7" i="1"/>
  <c r="ODC7" i="1"/>
  <c r="ODB7" i="1"/>
  <c r="ODA7" i="1"/>
  <c r="OCZ7" i="1"/>
  <c r="OCY7" i="1"/>
  <c r="OCX7" i="1"/>
  <c r="OCW7" i="1"/>
  <c r="OCV7" i="1"/>
  <c r="OCU7" i="1"/>
  <c r="OCT7" i="1"/>
  <c r="OCS7" i="1"/>
  <c r="OCR7" i="1"/>
  <c r="OCQ7" i="1"/>
  <c r="OCP7" i="1"/>
  <c r="OCO7" i="1"/>
  <c r="OCN7" i="1"/>
  <c r="OCM7" i="1"/>
  <c r="OCL7" i="1"/>
  <c r="OCK7" i="1"/>
  <c r="OCJ7" i="1"/>
  <c r="OCI7" i="1"/>
  <c r="OCH7" i="1"/>
  <c r="OCG7" i="1"/>
  <c r="OCF7" i="1"/>
  <c r="OCE7" i="1"/>
  <c r="OCD7" i="1"/>
  <c r="OCC7" i="1"/>
  <c r="OCB7" i="1"/>
  <c r="OCA7" i="1"/>
  <c r="OBZ7" i="1"/>
  <c r="OBY7" i="1"/>
  <c r="OBX7" i="1"/>
  <c r="OBW7" i="1"/>
  <c r="OBV7" i="1"/>
  <c r="OBU7" i="1"/>
  <c r="OBT7" i="1"/>
  <c r="OBS7" i="1"/>
  <c r="OBR7" i="1"/>
  <c r="OBQ7" i="1"/>
  <c r="OBP7" i="1"/>
  <c r="OBO7" i="1"/>
  <c r="OBN7" i="1"/>
  <c r="OBM7" i="1"/>
  <c r="OBL7" i="1"/>
  <c r="OBK7" i="1"/>
  <c r="OBJ7" i="1"/>
  <c r="OBI7" i="1"/>
  <c r="OBH7" i="1"/>
  <c r="OBG7" i="1"/>
  <c r="OBF7" i="1"/>
  <c r="OBE7" i="1"/>
  <c r="OBD7" i="1"/>
  <c r="OBC7" i="1"/>
  <c r="OBB7" i="1"/>
  <c r="OBA7" i="1"/>
  <c r="OAZ7" i="1"/>
  <c r="OAY7" i="1"/>
  <c r="OAX7" i="1"/>
  <c r="OAW7" i="1"/>
  <c r="OAV7" i="1"/>
  <c r="OAU7" i="1"/>
  <c r="OAT7" i="1"/>
  <c r="OAS7" i="1"/>
  <c r="OAR7" i="1"/>
  <c r="OAQ7" i="1"/>
  <c r="OAP7" i="1"/>
  <c r="OAO7" i="1"/>
  <c r="OAN7" i="1"/>
  <c r="OAM7" i="1"/>
  <c r="OAL7" i="1"/>
  <c r="OAK7" i="1"/>
  <c r="OAJ7" i="1"/>
  <c r="OAI7" i="1"/>
  <c r="OAH7" i="1"/>
  <c r="OAG7" i="1"/>
  <c r="OAF7" i="1"/>
  <c r="OAE7" i="1"/>
  <c r="OAD7" i="1"/>
  <c r="OAC7" i="1"/>
  <c r="OAB7" i="1"/>
  <c r="OAA7" i="1"/>
  <c r="NZZ7" i="1"/>
  <c r="NZY7" i="1"/>
  <c r="NZX7" i="1"/>
  <c r="NZW7" i="1"/>
  <c r="NZV7" i="1"/>
  <c r="NZU7" i="1"/>
  <c r="NZT7" i="1"/>
  <c r="NZS7" i="1"/>
  <c r="NZR7" i="1"/>
  <c r="NZQ7" i="1"/>
  <c r="NZP7" i="1"/>
  <c r="NZO7" i="1"/>
  <c r="NZN7" i="1"/>
  <c r="NZM7" i="1"/>
  <c r="NZL7" i="1"/>
  <c r="NZK7" i="1"/>
  <c r="NZJ7" i="1"/>
  <c r="NZI7" i="1"/>
  <c r="NZH7" i="1"/>
  <c r="NZG7" i="1"/>
  <c r="NZF7" i="1"/>
  <c r="NZE7" i="1"/>
  <c r="NZD7" i="1"/>
  <c r="NZC7" i="1"/>
  <c r="NZB7" i="1"/>
  <c r="NZA7" i="1"/>
  <c r="NYZ7" i="1"/>
  <c r="NYY7" i="1"/>
  <c r="NYX7" i="1"/>
  <c r="NYW7" i="1"/>
  <c r="NYV7" i="1"/>
  <c r="NYU7" i="1"/>
  <c r="NYT7" i="1"/>
  <c r="NYS7" i="1"/>
  <c r="NYR7" i="1"/>
  <c r="NYQ7" i="1"/>
  <c r="NYP7" i="1"/>
  <c r="NYO7" i="1"/>
  <c r="NYN7" i="1"/>
  <c r="NYM7" i="1"/>
  <c r="NYL7" i="1"/>
  <c r="NYK7" i="1"/>
  <c r="NYJ7" i="1"/>
  <c r="NYI7" i="1"/>
  <c r="NYH7" i="1"/>
  <c r="NYG7" i="1"/>
  <c r="NYF7" i="1"/>
  <c r="NYE7" i="1"/>
  <c r="NYD7" i="1"/>
  <c r="NYC7" i="1"/>
  <c r="NYB7" i="1"/>
  <c r="NYA7" i="1"/>
  <c r="NXZ7" i="1"/>
  <c r="NXY7" i="1"/>
  <c r="NXX7" i="1"/>
  <c r="NXW7" i="1"/>
  <c r="NXV7" i="1"/>
  <c r="NXU7" i="1"/>
  <c r="NXT7" i="1"/>
  <c r="NXS7" i="1"/>
  <c r="NXR7" i="1"/>
  <c r="NXQ7" i="1"/>
  <c r="NXP7" i="1"/>
  <c r="NXO7" i="1"/>
  <c r="NXN7" i="1"/>
  <c r="NXM7" i="1"/>
  <c r="NXL7" i="1"/>
  <c r="NXK7" i="1"/>
  <c r="NXJ7" i="1"/>
  <c r="NXI7" i="1"/>
  <c r="NXH7" i="1"/>
  <c r="NXG7" i="1"/>
  <c r="NXF7" i="1"/>
  <c r="NXE7" i="1"/>
  <c r="NXD7" i="1"/>
  <c r="NXC7" i="1"/>
  <c r="NXB7" i="1"/>
  <c r="NXA7" i="1"/>
  <c r="NWZ7" i="1"/>
  <c r="NWY7" i="1"/>
  <c r="NWX7" i="1"/>
  <c r="NWW7" i="1"/>
  <c r="NWV7" i="1"/>
  <c r="NWU7" i="1"/>
  <c r="NWT7" i="1"/>
  <c r="NWS7" i="1"/>
  <c r="NWR7" i="1"/>
  <c r="NWQ7" i="1"/>
  <c r="NWP7" i="1"/>
  <c r="NWO7" i="1"/>
  <c r="NWN7" i="1"/>
  <c r="NWM7" i="1"/>
  <c r="NWL7" i="1"/>
  <c r="NWK7" i="1"/>
  <c r="NWJ7" i="1"/>
  <c r="NWI7" i="1"/>
  <c r="NWH7" i="1"/>
  <c r="NWG7" i="1"/>
  <c r="NWF7" i="1"/>
  <c r="NWE7" i="1"/>
  <c r="NWD7" i="1"/>
  <c r="NWC7" i="1"/>
  <c r="NWB7" i="1"/>
  <c r="NWA7" i="1"/>
  <c r="NVZ7" i="1"/>
  <c r="NVY7" i="1"/>
  <c r="NVX7" i="1"/>
  <c r="NVW7" i="1"/>
  <c r="NVV7" i="1"/>
  <c r="NVU7" i="1"/>
  <c r="NVT7" i="1"/>
  <c r="NVS7" i="1"/>
  <c r="NVR7" i="1"/>
  <c r="NVQ7" i="1"/>
  <c r="NVP7" i="1"/>
  <c r="NVO7" i="1"/>
  <c r="NVN7" i="1"/>
  <c r="NVM7" i="1"/>
  <c r="NVL7" i="1"/>
  <c r="NVK7" i="1"/>
  <c r="NVJ7" i="1"/>
  <c r="NVI7" i="1"/>
  <c r="NVH7" i="1"/>
  <c r="NVG7" i="1"/>
  <c r="NVF7" i="1"/>
  <c r="NVE7" i="1"/>
  <c r="NVD7" i="1"/>
  <c r="NVC7" i="1"/>
  <c r="NVB7" i="1"/>
  <c r="NVA7" i="1"/>
  <c r="NUZ7" i="1"/>
  <c r="NUY7" i="1"/>
  <c r="NUX7" i="1"/>
  <c r="NUW7" i="1"/>
  <c r="NUV7" i="1"/>
  <c r="NUU7" i="1"/>
  <c r="NUT7" i="1"/>
  <c r="NUS7" i="1"/>
  <c r="NUR7" i="1"/>
  <c r="NUQ7" i="1"/>
  <c r="NUP7" i="1"/>
  <c r="NUO7" i="1"/>
  <c r="NUN7" i="1"/>
  <c r="NUM7" i="1"/>
  <c r="NUL7" i="1"/>
  <c r="NUK7" i="1"/>
  <c r="NUJ7" i="1"/>
  <c r="NUI7" i="1"/>
  <c r="NUH7" i="1"/>
  <c r="NUG7" i="1"/>
  <c r="NUF7" i="1"/>
  <c r="NUE7" i="1"/>
  <c r="NUD7" i="1"/>
  <c r="NUC7" i="1"/>
  <c r="NUB7" i="1"/>
  <c r="NUA7" i="1"/>
  <c r="NTZ7" i="1"/>
  <c r="NTY7" i="1"/>
  <c r="NTX7" i="1"/>
  <c r="NTW7" i="1"/>
  <c r="NTV7" i="1"/>
  <c r="NTU7" i="1"/>
  <c r="NTT7" i="1"/>
  <c r="NTS7" i="1"/>
  <c r="NTR7" i="1"/>
  <c r="NTQ7" i="1"/>
  <c r="NTP7" i="1"/>
  <c r="NTO7" i="1"/>
  <c r="NTN7" i="1"/>
  <c r="NTM7" i="1"/>
  <c r="NTL7" i="1"/>
  <c r="NTK7" i="1"/>
  <c r="NTJ7" i="1"/>
  <c r="NTI7" i="1"/>
  <c r="NTH7" i="1"/>
  <c r="NTG7" i="1"/>
  <c r="NTF7" i="1"/>
  <c r="NTE7" i="1"/>
  <c r="NTD7" i="1"/>
  <c r="NTC7" i="1"/>
  <c r="NTB7" i="1"/>
  <c r="NTA7" i="1"/>
  <c r="NSZ7" i="1"/>
  <c r="NSY7" i="1"/>
  <c r="NSX7" i="1"/>
  <c r="NSW7" i="1"/>
  <c r="NSV7" i="1"/>
  <c r="NSU7" i="1"/>
  <c r="NST7" i="1"/>
  <c r="NSS7" i="1"/>
  <c r="NSR7" i="1"/>
  <c r="NSQ7" i="1"/>
  <c r="NSP7" i="1"/>
  <c r="NSO7" i="1"/>
  <c r="NSN7" i="1"/>
  <c r="NSM7" i="1"/>
  <c r="NSL7" i="1"/>
  <c r="NSK7" i="1"/>
  <c r="NSJ7" i="1"/>
  <c r="NSI7" i="1"/>
  <c r="NSH7" i="1"/>
  <c r="NSG7" i="1"/>
  <c r="NSF7" i="1"/>
  <c r="NSE7" i="1"/>
  <c r="NSD7" i="1"/>
  <c r="NSC7" i="1"/>
  <c r="NSB7" i="1"/>
  <c r="NSA7" i="1"/>
  <c r="NRZ7" i="1"/>
  <c r="NRY7" i="1"/>
  <c r="NRX7" i="1"/>
  <c r="NRW7" i="1"/>
  <c r="NRV7" i="1"/>
  <c r="NRU7" i="1"/>
  <c r="NRT7" i="1"/>
  <c r="NRS7" i="1"/>
  <c r="NRR7" i="1"/>
  <c r="NRQ7" i="1"/>
  <c r="NRP7" i="1"/>
  <c r="NRO7" i="1"/>
  <c r="NRN7" i="1"/>
  <c r="NRM7" i="1"/>
  <c r="NRL7" i="1"/>
  <c r="NRK7" i="1"/>
  <c r="NRJ7" i="1"/>
  <c r="NRI7" i="1"/>
  <c r="NRH7" i="1"/>
  <c r="NRG7" i="1"/>
  <c r="NRF7" i="1"/>
  <c r="NRE7" i="1"/>
  <c r="NRD7" i="1"/>
  <c r="NRC7" i="1"/>
  <c r="NRB7" i="1"/>
  <c r="NRA7" i="1"/>
  <c r="NQZ7" i="1"/>
  <c r="NQY7" i="1"/>
  <c r="NQX7" i="1"/>
  <c r="NQW7" i="1"/>
  <c r="NQV7" i="1"/>
  <c r="NQU7" i="1"/>
  <c r="NQT7" i="1"/>
  <c r="NQS7" i="1"/>
  <c r="NQR7" i="1"/>
  <c r="NQQ7" i="1"/>
  <c r="NQP7" i="1"/>
  <c r="NQO7" i="1"/>
  <c r="NQN7" i="1"/>
  <c r="NQM7" i="1"/>
  <c r="NQL7" i="1"/>
  <c r="NQK7" i="1"/>
  <c r="NQJ7" i="1"/>
  <c r="NQI7" i="1"/>
  <c r="NQH7" i="1"/>
  <c r="NQG7" i="1"/>
  <c r="NQF7" i="1"/>
  <c r="NQE7" i="1"/>
  <c r="NQD7" i="1"/>
  <c r="NQC7" i="1"/>
  <c r="NQB7" i="1"/>
  <c r="NQA7" i="1"/>
  <c r="NPZ7" i="1"/>
  <c r="NPY7" i="1"/>
  <c r="NPX7" i="1"/>
  <c r="NPW7" i="1"/>
  <c r="NPV7" i="1"/>
  <c r="NPU7" i="1"/>
  <c r="NPT7" i="1"/>
  <c r="NPS7" i="1"/>
  <c r="NPR7" i="1"/>
  <c r="NPQ7" i="1"/>
  <c r="NPP7" i="1"/>
  <c r="NPO7" i="1"/>
  <c r="NPN7" i="1"/>
  <c r="NPM7" i="1"/>
  <c r="NPL7" i="1"/>
  <c r="NPK7" i="1"/>
  <c r="NPJ7" i="1"/>
  <c r="NPI7" i="1"/>
  <c r="NPH7" i="1"/>
  <c r="NPG7" i="1"/>
  <c r="NPF7" i="1"/>
  <c r="NPE7" i="1"/>
  <c r="NPD7" i="1"/>
  <c r="NPC7" i="1"/>
  <c r="NPB7" i="1"/>
  <c r="NPA7" i="1"/>
  <c r="NOZ7" i="1"/>
  <c r="NOY7" i="1"/>
  <c r="NOX7" i="1"/>
  <c r="NOW7" i="1"/>
  <c r="NOV7" i="1"/>
  <c r="NOU7" i="1"/>
  <c r="NOT7" i="1"/>
  <c r="NOS7" i="1"/>
  <c r="NOR7" i="1"/>
  <c r="NOQ7" i="1"/>
  <c r="NOP7" i="1"/>
  <c r="NOO7" i="1"/>
  <c r="NON7" i="1"/>
  <c r="NOM7" i="1"/>
  <c r="NOL7" i="1"/>
  <c r="NOK7" i="1"/>
  <c r="NOJ7" i="1"/>
  <c r="NOI7" i="1"/>
  <c r="NOH7" i="1"/>
  <c r="NOG7" i="1"/>
  <c r="NOF7" i="1"/>
  <c r="NOE7" i="1"/>
  <c r="NOD7" i="1"/>
  <c r="NOC7" i="1"/>
  <c r="NOB7" i="1"/>
  <c r="NOA7" i="1"/>
  <c r="NNZ7" i="1"/>
  <c r="NNY7" i="1"/>
  <c r="NNX7" i="1"/>
  <c r="NNW7" i="1"/>
  <c r="NNV7" i="1"/>
  <c r="NNU7" i="1"/>
  <c r="NNT7" i="1"/>
  <c r="NNS7" i="1"/>
  <c r="NNR7" i="1"/>
  <c r="NNQ7" i="1"/>
  <c r="NNP7" i="1"/>
  <c r="NNO7" i="1"/>
  <c r="NNN7" i="1"/>
  <c r="NNM7" i="1"/>
  <c r="NNL7" i="1"/>
  <c r="NNK7" i="1"/>
  <c r="NNJ7" i="1"/>
  <c r="NNI7" i="1"/>
  <c r="NNH7" i="1"/>
  <c r="NNG7" i="1"/>
  <c r="NNF7" i="1"/>
  <c r="NNE7" i="1"/>
  <c r="NND7" i="1"/>
  <c r="NNC7" i="1"/>
  <c r="NNB7" i="1"/>
  <c r="NNA7" i="1"/>
  <c r="NMZ7" i="1"/>
  <c r="NMY7" i="1"/>
  <c r="NMX7" i="1"/>
  <c r="NMW7" i="1"/>
  <c r="NMV7" i="1"/>
  <c r="NMU7" i="1"/>
  <c r="NMT7" i="1"/>
  <c r="NMS7" i="1"/>
  <c r="NMR7" i="1"/>
  <c r="NMQ7" i="1"/>
  <c r="NMP7" i="1"/>
  <c r="NMO7" i="1"/>
  <c r="NMN7" i="1"/>
  <c r="NMM7" i="1"/>
  <c r="NML7" i="1"/>
  <c r="NMK7" i="1"/>
  <c r="NMJ7" i="1"/>
  <c r="NMI7" i="1"/>
  <c r="NMH7" i="1"/>
  <c r="NMG7" i="1"/>
  <c r="NMF7" i="1"/>
  <c r="NME7" i="1"/>
  <c r="NMD7" i="1"/>
  <c r="NMC7" i="1"/>
  <c r="NMB7" i="1"/>
  <c r="NMA7" i="1"/>
  <c r="NLZ7" i="1"/>
  <c r="NLY7" i="1"/>
  <c r="NLX7" i="1"/>
  <c r="NLW7" i="1"/>
  <c r="NLV7" i="1"/>
  <c r="NLU7" i="1"/>
  <c r="NLT7" i="1"/>
  <c r="NLS7" i="1"/>
  <c r="NLR7" i="1"/>
  <c r="NLQ7" i="1"/>
  <c r="NLP7" i="1"/>
  <c r="NLO7" i="1"/>
  <c r="NLN7" i="1"/>
  <c r="NLM7" i="1"/>
  <c r="NLL7" i="1"/>
  <c r="NLK7" i="1"/>
  <c r="NLJ7" i="1"/>
  <c r="NLI7" i="1"/>
  <c r="NLH7" i="1"/>
  <c r="NLG7" i="1"/>
  <c r="NLF7" i="1"/>
  <c r="NLE7" i="1"/>
  <c r="NLD7" i="1"/>
  <c r="NLC7" i="1"/>
  <c r="NLB7" i="1"/>
  <c r="NLA7" i="1"/>
  <c r="NKZ7" i="1"/>
  <c r="NKY7" i="1"/>
  <c r="NKX7" i="1"/>
  <c r="NKW7" i="1"/>
  <c r="NKV7" i="1"/>
  <c r="NKU7" i="1"/>
  <c r="NKT7" i="1"/>
  <c r="NKS7" i="1"/>
  <c r="NKR7" i="1"/>
  <c r="NKQ7" i="1"/>
  <c r="NKP7" i="1"/>
  <c r="NKO7" i="1"/>
  <c r="NKN7" i="1"/>
  <c r="NKM7" i="1"/>
  <c r="NKL7" i="1"/>
  <c r="NKK7" i="1"/>
  <c r="NKJ7" i="1"/>
  <c r="NKI7" i="1"/>
  <c r="NKH7" i="1"/>
  <c r="NKG7" i="1"/>
  <c r="NKF7" i="1"/>
  <c r="NKE7" i="1"/>
  <c r="NKD7" i="1"/>
  <c r="NKC7" i="1"/>
  <c r="NKB7" i="1"/>
  <c r="NKA7" i="1"/>
  <c r="NJZ7" i="1"/>
  <c r="NJY7" i="1"/>
  <c r="NJX7" i="1"/>
  <c r="NJW7" i="1"/>
  <c r="NJV7" i="1"/>
  <c r="NJU7" i="1"/>
  <c r="NJT7" i="1"/>
  <c r="NJS7" i="1"/>
  <c r="NJR7" i="1"/>
  <c r="NJQ7" i="1"/>
  <c r="NJP7" i="1"/>
  <c r="NJO7" i="1"/>
  <c r="NJN7" i="1"/>
  <c r="NJM7" i="1"/>
  <c r="NJL7" i="1"/>
  <c r="NJK7" i="1"/>
  <c r="NJJ7" i="1"/>
  <c r="NJI7" i="1"/>
  <c r="NJH7" i="1"/>
  <c r="NJG7" i="1"/>
  <c r="NJF7" i="1"/>
  <c r="NJE7" i="1"/>
  <c r="NJD7" i="1"/>
  <c r="NJC7" i="1"/>
  <c r="NJB7" i="1"/>
  <c r="NJA7" i="1"/>
  <c r="NIZ7" i="1"/>
  <c r="NIY7" i="1"/>
  <c r="NIX7" i="1"/>
  <c r="NIW7" i="1"/>
  <c r="NIV7" i="1"/>
  <c r="NIU7" i="1"/>
  <c r="NIT7" i="1"/>
  <c r="NIS7" i="1"/>
  <c r="NIR7" i="1"/>
  <c r="NIQ7" i="1"/>
  <c r="NIP7" i="1"/>
  <c r="NIO7" i="1"/>
  <c r="NIN7" i="1"/>
  <c r="NIM7" i="1"/>
  <c r="NIL7" i="1"/>
  <c r="NIK7" i="1"/>
  <c r="NIJ7" i="1"/>
  <c r="NII7" i="1"/>
  <c r="NIH7" i="1"/>
  <c r="NIG7" i="1"/>
  <c r="NIF7" i="1"/>
  <c r="NIE7" i="1"/>
  <c r="NID7" i="1"/>
  <c r="NIC7" i="1"/>
  <c r="NIB7" i="1"/>
  <c r="NIA7" i="1"/>
  <c r="NHZ7" i="1"/>
  <c r="NHY7" i="1"/>
  <c r="NHX7" i="1"/>
  <c r="NHW7" i="1"/>
  <c r="NHV7" i="1"/>
  <c r="NHU7" i="1"/>
  <c r="NHT7" i="1"/>
  <c r="NHS7" i="1"/>
  <c r="NHR7" i="1"/>
  <c r="NHQ7" i="1"/>
  <c r="NHP7" i="1"/>
  <c r="NHO7" i="1"/>
  <c r="NHN7" i="1"/>
  <c r="NHM7" i="1"/>
  <c r="NHL7" i="1"/>
  <c r="NHK7" i="1"/>
  <c r="NHJ7" i="1"/>
  <c r="NHI7" i="1"/>
  <c r="NHH7" i="1"/>
  <c r="NHG7" i="1"/>
  <c r="NHF7" i="1"/>
  <c r="NHE7" i="1"/>
  <c r="NHD7" i="1"/>
  <c r="NHC7" i="1"/>
  <c r="NHB7" i="1"/>
  <c r="NHA7" i="1"/>
  <c r="NGZ7" i="1"/>
  <c r="NGY7" i="1"/>
  <c r="NGX7" i="1"/>
  <c r="NGW7" i="1"/>
  <c r="NGV7" i="1"/>
  <c r="NGU7" i="1"/>
  <c r="NGT7" i="1"/>
  <c r="NGS7" i="1"/>
  <c r="NGR7" i="1"/>
  <c r="NGQ7" i="1"/>
  <c r="NGP7" i="1"/>
  <c r="NGO7" i="1"/>
  <c r="NGN7" i="1"/>
  <c r="NGM7" i="1"/>
  <c r="NGL7" i="1"/>
  <c r="NGK7" i="1"/>
  <c r="NGJ7" i="1"/>
  <c r="NGI7" i="1"/>
  <c r="NGH7" i="1"/>
  <c r="NGG7" i="1"/>
  <c r="NGF7" i="1"/>
  <c r="NGE7" i="1"/>
  <c r="NGD7" i="1"/>
  <c r="NGC7" i="1"/>
  <c r="NGB7" i="1"/>
  <c r="NGA7" i="1"/>
  <c r="NFZ7" i="1"/>
  <c r="NFY7" i="1"/>
  <c r="NFX7" i="1"/>
  <c r="NFW7" i="1"/>
  <c r="NFV7" i="1"/>
  <c r="NFU7" i="1"/>
  <c r="NFT7" i="1"/>
  <c r="NFS7" i="1"/>
  <c r="NFR7" i="1"/>
  <c r="NFQ7" i="1"/>
  <c r="NFP7" i="1"/>
  <c r="NFO7" i="1"/>
  <c r="NFN7" i="1"/>
  <c r="NFM7" i="1"/>
  <c r="NFL7" i="1"/>
  <c r="NFK7" i="1"/>
  <c r="NFJ7" i="1"/>
  <c r="NFI7" i="1"/>
  <c r="NFH7" i="1"/>
  <c r="NFG7" i="1"/>
  <c r="NFF7" i="1"/>
  <c r="NFE7" i="1"/>
  <c r="NFD7" i="1"/>
  <c r="NFC7" i="1"/>
  <c r="NFB7" i="1"/>
  <c r="NFA7" i="1"/>
  <c r="NEZ7" i="1"/>
  <c r="NEY7" i="1"/>
  <c r="NEX7" i="1"/>
  <c r="NEW7" i="1"/>
  <c r="NEV7" i="1"/>
  <c r="NEU7" i="1"/>
  <c r="NET7" i="1"/>
  <c r="NES7" i="1"/>
  <c r="NER7" i="1"/>
  <c r="NEQ7" i="1"/>
  <c r="NEP7" i="1"/>
  <c r="NEO7" i="1"/>
  <c r="NEN7" i="1"/>
  <c r="NEM7" i="1"/>
  <c r="NEL7" i="1"/>
  <c r="NEK7" i="1"/>
  <c r="NEJ7" i="1"/>
  <c r="NEI7" i="1"/>
  <c r="NEH7" i="1"/>
  <c r="NEG7" i="1"/>
  <c r="NEF7" i="1"/>
  <c r="NEE7" i="1"/>
  <c r="NED7" i="1"/>
  <c r="NEC7" i="1"/>
  <c r="NEB7" i="1"/>
  <c r="NEA7" i="1"/>
  <c r="NDZ7" i="1"/>
  <c r="NDY7" i="1"/>
  <c r="NDX7" i="1"/>
  <c r="NDW7" i="1"/>
  <c r="NDV7" i="1"/>
  <c r="NDU7" i="1"/>
  <c r="NDT7" i="1"/>
  <c r="NDS7" i="1"/>
  <c r="NDR7" i="1"/>
  <c r="NDQ7" i="1"/>
  <c r="NDP7" i="1"/>
  <c r="NDO7" i="1"/>
  <c r="NDN7" i="1"/>
  <c r="NDM7" i="1"/>
  <c r="NDL7" i="1"/>
  <c r="NDK7" i="1"/>
  <c r="NDJ7" i="1"/>
  <c r="NDI7" i="1"/>
  <c r="NDH7" i="1"/>
  <c r="NDG7" i="1"/>
  <c r="NDF7" i="1"/>
  <c r="NDE7" i="1"/>
  <c r="NDD7" i="1"/>
  <c r="NDC7" i="1"/>
  <c r="NDB7" i="1"/>
  <c r="NDA7" i="1"/>
  <c r="NCZ7" i="1"/>
  <c r="NCY7" i="1"/>
  <c r="NCX7" i="1"/>
  <c r="NCW7" i="1"/>
  <c r="NCV7" i="1"/>
  <c r="NCU7" i="1"/>
  <c r="NCT7" i="1"/>
  <c r="NCS7" i="1"/>
  <c r="NCR7" i="1"/>
  <c r="NCQ7" i="1"/>
  <c r="NCP7" i="1"/>
  <c r="NCO7" i="1"/>
  <c r="NCN7" i="1"/>
  <c r="NCM7" i="1"/>
  <c r="NCL7" i="1"/>
  <c r="NCK7" i="1"/>
  <c r="NCJ7" i="1"/>
  <c r="NCI7" i="1"/>
  <c r="NCH7" i="1"/>
  <c r="NCG7" i="1"/>
  <c r="NCF7" i="1"/>
  <c r="NCE7" i="1"/>
  <c r="NCD7" i="1"/>
  <c r="NCC7" i="1"/>
  <c r="NCB7" i="1"/>
  <c r="NCA7" i="1"/>
  <c r="NBZ7" i="1"/>
  <c r="NBY7" i="1"/>
  <c r="NBX7" i="1"/>
  <c r="NBW7" i="1"/>
  <c r="NBV7" i="1"/>
  <c r="NBU7" i="1"/>
  <c r="NBT7" i="1"/>
  <c r="NBS7" i="1"/>
  <c r="NBR7" i="1"/>
  <c r="NBQ7" i="1"/>
  <c r="NBP7" i="1"/>
  <c r="NBO7" i="1"/>
  <c r="NBN7" i="1"/>
  <c r="NBM7" i="1"/>
  <c r="NBL7" i="1"/>
  <c r="NBK7" i="1"/>
  <c r="NBJ7" i="1"/>
  <c r="NBI7" i="1"/>
  <c r="NBH7" i="1"/>
  <c r="NBG7" i="1"/>
  <c r="NBF7" i="1"/>
  <c r="NBE7" i="1"/>
  <c r="NBD7" i="1"/>
  <c r="NBC7" i="1"/>
  <c r="NBB7" i="1"/>
  <c r="NBA7" i="1"/>
  <c r="NAZ7" i="1"/>
  <c r="NAY7" i="1"/>
  <c r="NAX7" i="1"/>
  <c r="NAW7" i="1"/>
  <c r="NAV7" i="1"/>
  <c r="NAU7" i="1"/>
  <c r="NAT7" i="1"/>
  <c r="NAS7" i="1"/>
  <c r="NAR7" i="1"/>
  <c r="NAQ7" i="1"/>
  <c r="NAP7" i="1"/>
  <c r="NAO7" i="1"/>
  <c r="NAN7" i="1"/>
  <c r="NAM7" i="1"/>
  <c r="NAL7" i="1"/>
  <c r="NAK7" i="1"/>
  <c r="NAJ7" i="1"/>
  <c r="NAI7" i="1"/>
  <c r="NAH7" i="1"/>
  <c r="NAG7" i="1"/>
  <c r="NAF7" i="1"/>
  <c r="NAE7" i="1"/>
  <c r="NAD7" i="1"/>
  <c r="NAC7" i="1"/>
  <c r="NAB7" i="1"/>
  <c r="NAA7" i="1"/>
  <c r="MZZ7" i="1"/>
  <c r="MZY7" i="1"/>
  <c r="MZX7" i="1"/>
  <c r="MZW7" i="1"/>
  <c r="MZV7" i="1"/>
  <c r="MZU7" i="1"/>
  <c r="MZT7" i="1"/>
  <c r="MZS7" i="1"/>
  <c r="MZR7" i="1"/>
  <c r="MZQ7" i="1"/>
  <c r="MZP7" i="1"/>
  <c r="MZO7" i="1"/>
  <c r="MZN7" i="1"/>
  <c r="MZM7" i="1"/>
  <c r="MZL7" i="1"/>
  <c r="MZK7" i="1"/>
  <c r="MZJ7" i="1"/>
  <c r="MZI7" i="1"/>
  <c r="MZH7" i="1"/>
  <c r="MZG7" i="1"/>
  <c r="MZF7" i="1"/>
  <c r="MZE7" i="1"/>
  <c r="MZD7" i="1"/>
  <c r="MZC7" i="1"/>
  <c r="MZB7" i="1"/>
  <c r="MZA7" i="1"/>
  <c r="MYZ7" i="1"/>
  <c r="MYY7" i="1"/>
  <c r="MYX7" i="1"/>
  <c r="MYW7" i="1"/>
  <c r="MYV7" i="1"/>
  <c r="MYU7" i="1"/>
  <c r="MYT7" i="1"/>
  <c r="MYS7" i="1"/>
  <c r="MYR7" i="1"/>
  <c r="MYQ7" i="1"/>
  <c r="MYP7" i="1"/>
  <c r="MYO7" i="1"/>
  <c r="MYN7" i="1"/>
  <c r="MYM7" i="1"/>
  <c r="MYL7" i="1"/>
  <c r="MYK7" i="1"/>
  <c r="MYJ7" i="1"/>
  <c r="MYI7" i="1"/>
  <c r="MYH7" i="1"/>
  <c r="MYG7" i="1"/>
  <c r="MYF7" i="1"/>
  <c r="MYE7" i="1"/>
  <c r="MYD7" i="1"/>
  <c r="MYC7" i="1"/>
  <c r="MYB7" i="1"/>
  <c r="MYA7" i="1"/>
  <c r="MXZ7" i="1"/>
  <c r="MXY7" i="1"/>
  <c r="MXX7" i="1"/>
  <c r="MXW7" i="1"/>
  <c r="MXV7" i="1"/>
  <c r="MXU7" i="1"/>
  <c r="MXT7" i="1"/>
  <c r="MXS7" i="1"/>
  <c r="MXR7" i="1"/>
  <c r="MXQ7" i="1"/>
  <c r="MXP7" i="1"/>
  <c r="MXO7" i="1"/>
  <c r="MXN7" i="1"/>
  <c r="MXM7" i="1"/>
  <c r="MXL7" i="1"/>
  <c r="MXK7" i="1"/>
  <c r="MXJ7" i="1"/>
  <c r="MXI7" i="1"/>
  <c r="MXH7" i="1"/>
  <c r="MXG7" i="1"/>
  <c r="MXF7" i="1"/>
  <c r="MXE7" i="1"/>
  <c r="MXD7" i="1"/>
  <c r="MXC7" i="1"/>
  <c r="MXB7" i="1"/>
  <c r="MXA7" i="1"/>
  <c r="MWZ7" i="1"/>
  <c r="MWY7" i="1"/>
  <c r="MWX7" i="1"/>
  <c r="MWW7" i="1"/>
  <c r="MWV7" i="1"/>
  <c r="MWU7" i="1"/>
  <c r="MWT7" i="1"/>
  <c r="MWS7" i="1"/>
  <c r="MWR7" i="1"/>
  <c r="MWQ7" i="1"/>
  <c r="MWP7" i="1"/>
  <c r="MWO7" i="1"/>
  <c r="MWN7" i="1"/>
  <c r="MWM7" i="1"/>
  <c r="MWL7" i="1"/>
  <c r="MWK7" i="1"/>
  <c r="MWJ7" i="1"/>
  <c r="MWI7" i="1"/>
  <c r="MWH7" i="1"/>
  <c r="MWG7" i="1"/>
  <c r="MWF7" i="1"/>
  <c r="MWE7" i="1"/>
  <c r="MWD7" i="1"/>
  <c r="MWC7" i="1"/>
  <c r="MWB7" i="1"/>
  <c r="MWA7" i="1"/>
  <c r="MVZ7" i="1"/>
  <c r="MVY7" i="1"/>
  <c r="MVX7" i="1"/>
  <c r="MVW7" i="1"/>
  <c r="MVV7" i="1"/>
  <c r="MVU7" i="1"/>
  <c r="MVT7" i="1"/>
  <c r="MVS7" i="1"/>
  <c r="MVR7" i="1"/>
  <c r="MVQ7" i="1"/>
  <c r="MVP7" i="1"/>
  <c r="MVO7" i="1"/>
  <c r="MVN7" i="1"/>
  <c r="MVM7" i="1"/>
  <c r="MVL7" i="1"/>
  <c r="MVK7" i="1"/>
  <c r="MVJ7" i="1"/>
  <c r="MVI7" i="1"/>
  <c r="MVH7" i="1"/>
  <c r="MVG7" i="1"/>
  <c r="MVF7" i="1"/>
  <c r="MVE7" i="1"/>
  <c r="MVD7" i="1"/>
  <c r="MVC7" i="1"/>
  <c r="MVB7" i="1"/>
  <c r="MVA7" i="1"/>
  <c r="MUZ7" i="1"/>
  <c r="MUY7" i="1"/>
  <c r="MUX7" i="1"/>
  <c r="MUW7" i="1"/>
  <c r="MUV7" i="1"/>
  <c r="MUU7" i="1"/>
  <c r="MUT7" i="1"/>
  <c r="MUS7" i="1"/>
  <c r="MUR7" i="1"/>
  <c r="MUQ7" i="1"/>
  <c r="MUP7" i="1"/>
  <c r="MUO7" i="1"/>
  <c r="MUN7" i="1"/>
  <c r="MUM7" i="1"/>
  <c r="MUL7" i="1"/>
  <c r="MUK7" i="1"/>
  <c r="MUJ7" i="1"/>
  <c r="MUI7" i="1"/>
  <c r="MUH7" i="1"/>
  <c r="MUG7" i="1"/>
  <c r="MUF7" i="1"/>
  <c r="MUE7" i="1"/>
  <c r="MUD7" i="1"/>
  <c r="MUC7" i="1"/>
  <c r="MUB7" i="1"/>
  <c r="MUA7" i="1"/>
  <c r="MTZ7" i="1"/>
  <c r="MTY7" i="1"/>
  <c r="MTX7" i="1"/>
  <c r="MTW7" i="1"/>
  <c r="MTV7" i="1"/>
  <c r="MTU7" i="1"/>
  <c r="MTT7" i="1"/>
  <c r="MTS7" i="1"/>
  <c r="MTR7" i="1"/>
  <c r="MTQ7" i="1"/>
  <c r="MTP7" i="1"/>
  <c r="MTO7" i="1"/>
  <c r="MTN7" i="1"/>
  <c r="MTM7" i="1"/>
  <c r="MTL7" i="1"/>
  <c r="MTK7" i="1"/>
  <c r="MTJ7" i="1"/>
  <c r="MTI7" i="1"/>
  <c r="MTH7" i="1"/>
  <c r="MTG7" i="1"/>
  <c r="MTF7" i="1"/>
  <c r="MTE7" i="1"/>
  <c r="MTD7" i="1"/>
  <c r="MTC7" i="1"/>
  <c r="MTB7" i="1"/>
  <c r="MTA7" i="1"/>
  <c r="MSZ7" i="1"/>
  <c r="MSY7" i="1"/>
  <c r="MSX7" i="1"/>
  <c r="MSW7" i="1"/>
  <c r="MSV7" i="1"/>
  <c r="MSU7" i="1"/>
  <c r="MST7" i="1"/>
  <c r="MSS7" i="1"/>
  <c r="MSR7" i="1"/>
  <c r="MSQ7" i="1"/>
  <c r="MSP7" i="1"/>
  <c r="MSO7" i="1"/>
  <c r="MSN7" i="1"/>
  <c r="MSM7" i="1"/>
  <c r="MSL7" i="1"/>
  <c r="MSK7" i="1"/>
  <c r="MSJ7" i="1"/>
  <c r="MSI7" i="1"/>
  <c r="MSH7" i="1"/>
  <c r="MSG7" i="1"/>
  <c r="MSF7" i="1"/>
  <c r="MSE7" i="1"/>
  <c r="MSD7" i="1"/>
  <c r="MSC7" i="1"/>
  <c r="MSB7" i="1"/>
  <c r="MSA7" i="1"/>
  <c r="MRZ7" i="1"/>
  <c r="MRY7" i="1"/>
  <c r="MRX7" i="1"/>
  <c r="MRW7" i="1"/>
  <c r="MRV7" i="1"/>
  <c r="MRU7" i="1"/>
  <c r="MRT7" i="1"/>
  <c r="MRS7" i="1"/>
  <c r="MRR7" i="1"/>
  <c r="MRQ7" i="1"/>
  <c r="MRP7" i="1"/>
  <c r="MRO7" i="1"/>
  <c r="MRN7" i="1"/>
  <c r="MRM7" i="1"/>
  <c r="MRL7" i="1"/>
  <c r="MRK7" i="1"/>
  <c r="MRJ7" i="1"/>
  <c r="MRI7" i="1"/>
  <c r="MRH7" i="1"/>
  <c r="MRG7" i="1"/>
  <c r="MRF7" i="1"/>
  <c r="MRE7" i="1"/>
  <c r="MRD7" i="1"/>
  <c r="MRC7" i="1"/>
  <c r="MRB7" i="1"/>
  <c r="MRA7" i="1"/>
  <c r="MQZ7" i="1"/>
  <c r="MQY7" i="1"/>
  <c r="MQX7" i="1"/>
  <c r="MQW7" i="1"/>
  <c r="MQV7" i="1"/>
  <c r="MQU7" i="1"/>
  <c r="MQT7" i="1"/>
  <c r="MQS7" i="1"/>
  <c r="MQR7" i="1"/>
  <c r="MQQ7" i="1"/>
  <c r="MQP7" i="1"/>
  <c r="MQO7" i="1"/>
  <c r="MQN7" i="1"/>
  <c r="MQM7" i="1"/>
  <c r="MQL7" i="1"/>
  <c r="MQK7" i="1"/>
  <c r="MQJ7" i="1"/>
  <c r="MQI7" i="1"/>
  <c r="MQH7" i="1"/>
  <c r="MQG7" i="1"/>
  <c r="MQF7" i="1"/>
  <c r="MQE7" i="1"/>
  <c r="MQD7" i="1"/>
  <c r="MQC7" i="1"/>
  <c r="MQB7" i="1"/>
  <c r="MQA7" i="1"/>
  <c r="MPZ7" i="1"/>
  <c r="MPY7" i="1"/>
  <c r="MPX7" i="1"/>
  <c r="MPW7" i="1"/>
  <c r="MPV7" i="1"/>
  <c r="MPU7" i="1"/>
  <c r="MPT7" i="1"/>
  <c r="MPS7" i="1"/>
  <c r="MPR7" i="1"/>
  <c r="MPQ7" i="1"/>
  <c r="MPP7" i="1"/>
  <c r="MPO7" i="1"/>
  <c r="MPN7" i="1"/>
  <c r="MPM7" i="1"/>
  <c r="MPL7" i="1"/>
  <c r="MPK7" i="1"/>
  <c r="MPJ7" i="1"/>
  <c r="MPI7" i="1"/>
  <c r="MPH7" i="1"/>
  <c r="MPG7" i="1"/>
  <c r="MPF7" i="1"/>
  <c r="MPE7" i="1"/>
  <c r="MPD7" i="1"/>
  <c r="MPC7" i="1"/>
  <c r="MPB7" i="1"/>
  <c r="MPA7" i="1"/>
  <c r="MOZ7" i="1"/>
  <c r="MOY7" i="1"/>
  <c r="MOX7" i="1"/>
  <c r="MOW7" i="1"/>
  <c r="MOV7" i="1"/>
  <c r="MOU7" i="1"/>
  <c r="MOT7" i="1"/>
  <c r="MOS7" i="1"/>
  <c r="MOR7" i="1"/>
  <c r="MOQ7" i="1"/>
  <c r="MOP7" i="1"/>
  <c r="MOO7" i="1"/>
  <c r="MON7" i="1"/>
  <c r="MOM7" i="1"/>
  <c r="MOL7" i="1"/>
  <c r="MOK7" i="1"/>
  <c r="MOJ7" i="1"/>
  <c r="MOI7" i="1"/>
  <c r="MOH7" i="1"/>
  <c r="MOG7" i="1"/>
  <c r="MOF7" i="1"/>
  <c r="MOE7" i="1"/>
  <c r="MOD7" i="1"/>
  <c r="MOC7" i="1"/>
  <c r="MOB7" i="1"/>
  <c r="MOA7" i="1"/>
  <c r="MNZ7" i="1"/>
  <c r="MNY7" i="1"/>
  <c r="MNX7" i="1"/>
  <c r="MNW7" i="1"/>
  <c r="MNV7" i="1"/>
  <c r="MNU7" i="1"/>
  <c r="MNT7" i="1"/>
  <c r="MNS7" i="1"/>
  <c r="MNR7" i="1"/>
  <c r="MNQ7" i="1"/>
  <c r="MNP7" i="1"/>
  <c r="MNO7" i="1"/>
  <c r="MNN7" i="1"/>
  <c r="MNM7" i="1"/>
  <c r="MNL7" i="1"/>
  <c r="MNK7" i="1"/>
  <c r="MNJ7" i="1"/>
  <c r="MNI7" i="1"/>
  <c r="MNH7" i="1"/>
  <c r="MNG7" i="1"/>
  <c r="MNF7" i="1"/>
  <c r="MNE7" i="1"/>
  <c r="MND7" i="1"/>
  <c r="MNC7" i="1"/>
  <c r="MNB7" i="1"/>
  <c r="MNA7" i="1"/>
  <c r="MMZ7" i="1"/>
  <c r="MMY7" i="1"/>
  <c r="MMX7" i="1"/>
  <c r="MMW7" i="1"/>
  <c r="MMV7" i="1"/>
  <c r="MMU7" i="1"/>
  <c r="MMT7" i="1"/>
  <c r="MMS7" i="1"/>
  <c r="MMR7" i="1"/>
  <c r="MMQ7" i="1"/>
  <c r="MMP7" i="1"/>
  <c r="MMO7" i="1"/>
  <c r="MMN7" i="1"/>
  <c r="MMM7" i="1"/>
  <c r="MML7" i="1"/>
  <c r="MMK7" i="1"/>
  <c r="MMJ7" i="1"/>
  <c r="MMI7" i="1"/>
  <c r="MMH7" i="1"/>
  <c r="MMG7" i="1"/>
  <c r="MMF7" i="1"/>
  <c r="MME7" i="1"/>
  <c r="MMD7" i="1"/>
  <c r="MMC7" i="1"/>
  <c r="MMB7" i="1"/>
  <c r="MMA7" i="1"/>
  <c r="MLZ7" i="1"/>
  <c r="MLY7" i="1"/>
  <c r="MLX7" i="1"/>
  <c r="MLW7" i="1"/>
  <c r="MLV7" i="1"/>
  <c r="MLU7" i="1"/>
  <c r="MLT7" i="1"/>
  <c r="MLS7" i="1"/>
  <c r="MLR7" i="1"/>
  <c r="MLQ7" i="1"/>
  <c r="MLP7" i="1"/>
  <c r="MLO7" i="1"/>
  <c r="MLN7" i="1"/>
  <c r="MLM7" i="1"/>
  <c r="MLL7" i="1"/>
  <c r="MLK7" i="1"/>
  <c r="MLJ7" i="1"/>
  <c r="MLI7" i="1"/>
  <c r="MLH7" i="1"/>
  <c r="MLG7" i="1"/>
  <c r="MLF7" i="1"/>
  <c r="MLE7" i="1"/>
  <c r="MLD7" i="1"/>
  <c r="MLC7" i="1"/>
  <c r="MLB7" i="1"/>
  <c r="MLA7" i="1"/>
  <c r="MKZ7" i="1"/>
  <c r="MKY7" i="1"/>
  <c r="MKX7" i="1"/>
  <c r="MKW7" i="1"/>
  <c r="MKV7" i="1"/>
  <c r="MKU7" i="1"/>
  <c r="MKT7" i="1"/>
  <c r="MKS7" i="1"/>
  <c r="MKR7" i="1"/>
  <c r="MKQ7" i="1"/>
  <c r="MKP7" i="1"/>
  <c r="MKO7" i="1"/>
  <c r="MKN7" i="1"/>
  <c r="MKM7" i="1"/>
  <c r="MKL7" i="1"/>
  <c r="MKK7" i="1"/>
  <c r="MKJ7" i="1"/>
  <c r="MKI7" i="1"/>
  <c r="MKH7" i="1"/>
  <c r="MKG7" i="1"/>
  <c r="MKF7" i="1"/>
  <c r="MKE7" i="1"/>
  <c r="MKD7" i="1"/>
  <c r="MKC7" i="1"/>
  <c r="MKB7" i="1"/>
  <c r="MKA7" i="1"/>
  <c r="MJZ7" i="1"/>
  <c r="MJY7" i="1"/>
  <c r="MJX7" i="1"/>
  <c r="MJW7" i="1"/>
  <c r="MJV7" i="1"/>
  <c r="MJU7" i="1"/>
  <c r="MJT7" i="1"/>
  <c r="MJS7" i="1"/>
  <c r="MJR7" i="1"/>
  <c r="MJQ7" i="1"/>
  <c r="MJP7" i="1"/>
  <c r="MJO7" i="1"/>
  <c r="MJN7" i="1"/>
  <c r="MJM7" i="1"/>
  <c r="MJL7" i="1"/>
  <c r="MJK7" i="1"/>
  <c r="MJJ7" i="1"/>
  <c r="MJI7" i="1"/>
  <c r="MJH7" i="1"/>
  <c r="MJG7" i="1"/>
  <c r="MJF7" i="1"/>
  <c r="MJE7" i="1"/>
  <c r="MJD7" i="1"/>
  <c r="MJC7" i="1"/>
  <c r="MJB7" i="1"/>
  <c r="MJA7" i="1"/>
  <c r="MIZ7" i="1"/>
  <c r="MIY7" i="1"/>
  <c r="MIX7" i="1"/>
  <c r="MIW7" i="1"/>
  <c r="MIV7" i="1"/>
  <c r="MIU7" i="1"/>
  <c r="MIT7" i="1"/>
  <c r="MIS7" i="1"/>
  <c r="MIR7" i="1"/>
  <c r="MIQ7" i="1"/>
  <c r="MIP7" i="1"/>
  <c r="MIO7" i="1"/>
  <c r="MIN7" i="1"/>
  <c r="MIM7" i="1"/>
  <c r="MIL7" i="1"/>
  <c r="MIK7" i="1"/>
  <c r="MIJ7" i="1"/>
  <c r="MII7" i="1"/>
  <c r="MIH7" i="1"/>
  <c r="MIG7" i="1"/>
  <c r="MIF7" i="1"/>
  <c r="MIE7" i="1"/>
  <c r="MID7" i="1"/>
  <c r="MIC7" i="1"/>
  <c r="MIB7" i="1"/>
  <c r="MIA7" i="1"/>
  <c r="MHZ7" i="1"/>
  <c r="MHY7" i="1"/>
  <c r="MHX7" i="1"/>
  <c r="MHW7" i="1"/>
  <c r="MHV7" i="1"/>
  <c r="MHU7" i="1"/>
  <c r="MHT7" i="1"/>
  <c r="MHS7" i="1"/>
  <c r="MHR7" i="1"/>
  <c r="MHQ7" i="1"/>
  <c r="MHP7" i="1"/>
  <c r="MHO7" i="1"/>
  <c r="MHN7" i="1"/>
  <c r="MHM7" i="1"/>
  <c r="MHL7" i="1"/>
  <c r="MHK7" i="1"/>
  <c r="MHJ7" i="1"/>
  <c r="MHI7" i="1"/>
  <c r="MHH7" i="1"/>
  <c r="MHG7" i="1"/>
  <c r="MHF7" i="1"/>
  <c r="MHE7" i="1"/>
  <c r="MHD7" i="1"/>
  <c r="MHC7" i="1"/>
  <c r="MHB7" i="1"/>
  <c r="MHA7" i="1"/>
  <c r="MGZ7" i="1"/>
  <c r="MGY7" i="1"/>
  <c r="MGX7" i="1"/>
  <c r="MGW7" i="1"/>
  <c r="MGV7" i="1"/>
  <c r="MGU7" i="1"/>
  <c r="MGT7" i="1"/>
  <c r="MGS7" i="1"/>
  <c r="MGR7" i="1"/>
  <c r="MGQ7" i="1"/>
  <c r="MGP7" i="1"/>
  <c r="MGO7" i="1"/>
  <c r="MGN7" i="1"/>
  <c r="MGM7" i="1"/>
  <c r="MGL7" i="1"/>
  <c r="MGK7" i="1"/>
  <c r="MGJ7" i="1"/>
  <c r="MGI7" i="1"/>
  <c r="MGH7" i="1"/>
  <c r="MGG7" i="1"/>
  <c r="MGF7" i="1"/>
  <c r="MGE7" i="1"/>
  <c r="MGD7" i="1"/>
  <c r="MGC7" i="1"/>
  <c r="MGB7" i="1"/>
  <c r="MGA7" i="1"/>
  <c r="MFZ7" i="1"/>
  <c r="MFY7" i="1"/>
  <c r="MFX7" i="1"/>
  <c r="MFW7" i="1"/>
  <c r="MFV7" i="1"/>
  <c r="MFU7" i="1"/>
  <c r="MFT7" i="1"/>
  <c r="MFS7" i="1"/>
  <c r="MFR7" i="1"/>
  <c r="MFQ7" i="1"/>
  <c r="MFP7" i="1"/>
  <c r="MFO7" i="1"/>
  <c r="MFN7" i="1"/>
  <c r="MFM7" i="1"/>
  <c r="MFL7" i="1"/>
  <c r="MFK7" i="1"/>
  <c r="MFJ7" i="1"/>
  <c r="MFI7" i="1"/>
  <c r="MFH7" i="1"/>
  <c r="MFG7" i="1"/>
  <c r="MFF7" i="1"/>
  <c r="MFE7" i="1"/>
  <c r="MFD7" i="1"/>
  <c r="MFC7" i="1"/>
  <c r="MFB7" i="1"/>
  <c r="MFA7" i="1"/>
  <c r="MEZ7" i="1"/>
  <c r="MEY7" i="1"/>
  <c r="MEX7" i="1"/>
  <c r="MEW7" i="1"/>
  <c r="MEV7" i="1"/>
  <c r="MEU7" i="1"/>
  <c r="MET7" i="1"/>
  <c r="MES7" i="1"/>
  <c r="MER7" i="1"/>
  <c r="MEQ7" i="1"/>
  <c r="MEP7" i="1"/>
  <c r="MEO7" i="1"/>
  <c r="MEN7" i="1"/>
  <c r="MEM7" i="1"/>
  <c r="MEL7" i="1"/>
  <c r="MEK7" i="1"/>
  <c r="MEJ7" i="1"/>
  <c r="MEI7" i="1"/>
  <c r="MEH7" i="1"/>
  <c r="MEG7" i="1"/>
  <c r="MEF7" i="1"/>
  <c r="MEE7" i="1"/>
  <c r="MED7" i="1"/>
  <c r="MEC7" i="1"/>
  <c r="MEB7" i="1"/>
  <c r="MEA7" i="1"/>
  <c r="MDZ7" i="1"/>
  <c r="MDY7" i="1"/>
  <c r="MDX7" i="1"/>
  <c r="MDW7" i="1"/>
  <c r="MDV7" i="1"/>
  <c r="MDU7" i="1"/>
  <c r="MDT7" i="1"/>
  <c r="MDS7" i="1"/>
  <c r="MDR7" i="1"/>
  <c r="MDQ7" i="1"/>
  <c r="MDP7" i="1"/>
  <c r="MDO7" i="1"/>
  <c r="MDN7" i="1"/>
  <c r="MDM7" i="1"/>
  <c r="MDL7" i="1"/>
  <c r="MDK7" i="1"/>
  <c r="MDJ7" i="1"/>
  <c r="MDI7" i="1"/>
  <c r="MDH7" i="1"/>
  <c r="MDG7" i="1"/>
  <c r="MDF7" i="1"/>
  <c r="MDE7" i="1"/>
  <c r="MDD7" i="1"/>
  <c r="MDC7" i="1"/>
  <c r="MDB7" i="1"/>
  <c r="MDA7" i="1"/>
  <c r="MCZ7" i="1"/>
  <c r="MCY7" i="1"/>
  <c r="MCX7" i="1"/>
  <c r="MCW7" i="1"/>
  <c r="MCV7" i="1"/>
  <c r="MCU7" i="1"/>
  <c r="MCT7" i="1"/>
  <c r="MCS7" i="1"/>
  <c r="MCR7" i="1"/>
  <c r="MCQ7" i="1"/>
  <c r="MCP7" i="1"/>
  <c r="MCO7" i="1"/>
  <c r="MCN7" i="1"/>
  <c r="MCM7" i="1"/>
  <c r="MCL7" i="1"/>
  <c r="MCK7" i="1"/>
  <c r="MCJ7" i="1"/>
  <c r="MCI7" i="1"/>
  <c r="MCH7" i="1"/>
  <c r="MCG7" i="1"/>
  <c r="MCF7" i="1"/>
  <c r="MCE7" i="1"/>
  <c r="MCD7" i="1"/>
  <c r="MCC7" i="1"/>
  <c r="MCB7" i="1"/>
  <c r="MCA7" i="1"/>
  <c r="MBZ7" i="1"/>
  <c r="MBY7" i="1"/>
  <c r="MBX7" i="1"/>
  <c r="MBW7" i="1"/>
  <c r="MBV7" i="1"/>
  <c r="MBU7" i="1"/>
  <c r="MBT7" i="1"/>
  <c r="MBS7" i="1"/>
  <c r="MBR7" i="1"/>
  <c r="MBQ7" i="1"/>
  <c r="MBP7" i="1"/>
  <c r="MBO7" i="1"/>
  <c r="MBN7" i="1"/>
  <c r="MBM7" i="1"/>
  <c r="MBL7" i="1"/>
  <c r="MBK7" i="1"/>
  <c r="MBJ7" i="1"/>
  <c r="MBI7" i="1"/>
  <c r="MBH7" i="1"/>
  <c r="MBG7" i="1"/>
  <c r="MBF7" i="1"/>
  <c r="MBE7" i="1"/>
  <c r="MBD7" i="1"/>
  <c r="MBC7" i="1"/>
  <c r="MBB7" i="1"/>
  <c r="MBA7" i="1"/>
  <c r="MAZ7" i="1"/>
  <c r="MAY7" i="1"/>
  <c r="MAX7" i="1"/>
  <c r="MAW7" i="1"/>
  <c r="MAV7" i="1"/>
  <c r="MAU7" i="1"/>
  <c r="MAT7" i="1"/>
  <c r="MAS7" i="1"/>
  <c r="MAR7" i="1"/>
  <c r="MAQ7" i="1"/>
  <c r="MAP7" i="1"/>
  <c r="MAO7" i="1"/>
  <c r="MAN7" i="1"/>
  <c r="MAM7" i="1"/>
  <c r="MAL7" i="1"/>
  <c r="MAK7" i="1"/>
  <c r="MAJ7" i="1"/>
  <c r="MAI7" i="1"/>
  <c r="MAH7" i="1"/>
  <c r="MAG7" i="1"/>
  <c r="MAF7" i="1"/>
  <c r="MAE7" i="1"/>
  <c r="MAD7" i="1"/>
  <c r="MAC7" i="1"/>
  <c r="MAB7" i="1"/>
  <c r="MAA7" i="1"/>
  <c r="LZZ7" i="1"/>
  <c r="LZY7" i="1"/>
  <c r="LZX7" i="1"/>
  <c r="LZW7" i="1"/>
  <c r="LZV7" i="1"/>
  <c r="LZU7" i="1"/>
  <c r="LZT7" i="1"/>
  <c r="LZS7" i="1"/>
  <c r="LZR7" i="1"/>
  <c r="LZQ7" i="1"/>
  <c r="LZP7" i="1"/>
  <c r="LZO7" i="1"/>
  <c r="LZN7" i="1"/>
  <c r="LZM7" i="1"/>
  <c r="LZL7" i="1"/>
  <c r="LZK7" i="1"/>
  <c r="LZJ7" i="1"/>
  <c r="LZI7" i="1"/>
  <c r="LZH7" i="1"/>
  <c r="LZG7" i="1"/>
  <c r="LZF7" i="1"/>
  <c r="LZE7" i="1"/>
  <c r="LZD7" i="1"/>
  <c r="LZC7" i="1"/>
  <c r="LZB7" i="1"/>
  <c r="LZA7" i="1"/>
  <c r="LYZ7" i="1"/>
  <c r="LYY7" i="1"/>
  <c r="LYX7" i="1"/>
  <c r="LYW7" i="1"/>
  <c r="LYV7" i="1"/>
  <c r="LYU7" i="1"/>
  <c r="LYT7" i="1"/>
  <c r="LYS7" i="1"/>
  <c r="LYR7" i="1"/>
  <c r="LYQ7" i="1"/>
  <c r="LYP7" i="1"/>
  <c r="LYO7" i="1"/>
  <c r="LYN7" i="1"/>
  <c r="LYM7" i="1"/>
  <c r="LYL7" i="1"/>
  <c r="LYK7" i="1"/>
  <c r="LYJ7" i="1"/>
  <c r="LYI7" i="1"/>
  <c r="LYH7" i="1"/>
  <c r="LYG7" i="1"/>
  <c r="LYF7" i="1"/>
  <c r="LYE7" i="1"/>
  <c r="LYD7" i="1"/>
  <c r="LYC7" i="1"/>
  <c r="LYB7" i="1"/>
  <c r="LYA7" i="1"/>
  <c r="LXZ7" i="1"/>
  <c r="LXY7" i="1"/>
  <c r="LXX7" i="1"/>
  <c r="LXW7" i="1"/>
  <c r="LXV7" i="1"/>
  <c r="LXU7" i="1"/>
  <c r="LXT7" i="1"/>
  <c r="LXS7" i="1"/>
  <c r="LXR7" i="1"/>
  <c r="LXQ7" i="1"/>
  <c r="LXP7" i="1"/>
  <c r="LXO7" i="1"/>
  <c r="LXN7" i="1"/>
  <c r="LXM7" i="1"/>
  <c r="LXL7" i="1"/>
  <c r="LXK7" i="1"/>
  <c r="LXJ7" i="1"/>
  <c r="LXI7" i="1"/>
  <c r="LXH7" i="1"/>
  <c r="LXG7" i="1"/>
  <c r="LXF7" i="1"/>
  <c r="LXE7" i="1"/>
  <c r="LXD7" i="1"/>
  <c r="LXC7" i="1"/>
  <c r="LXB7" i="1"/>
  <c r="LXA7" i="1"/>
  <c r="LWZ7" i="1"/>
  <c r="LWY7" i="1"/>
  <c r="LWX7" i="1"/>
  <c r="LWW7" i="1"/>
  <c r="LWV7" i="1"/>
  <c r="LWU7" i="1"/>
  <c r="LWT7" i="1"/>
  <c r="LWS7" i="1"/>
  <c r="LWR7" i="1"/>
  <c r="LWQ7" i="1"/>
  <c r="LWP7" i="1"/>
  <c r="LWO7" i="1"/>
  <c r="LWN7" i="1"/>
  <c r="LWM7" i="1"/>
  <c r="LWL7" i="1"/>
  <c r="LWK7" i="1"/>
  <c r="LWJ7" i="1"/>
  <c r="LWI7" i="1"/>
  <c r="LWH7" i="1"/>
  <c r="LWG7" i="1"/>
  <c r="LWF7" i="1"/>
  <c r="LWE7" i="1"/>
  <c r="LWD7" i="1"/>
  <c r="LWC7" i="1"/>
  <c r="LWB7" i="1"/>
  <c r="LWA7" i="1"/>
  <c r="LVZ7" i="1"/>
  <c r="LVY7" i="1"/>
  <c r="LVX7" i="1"/>
  <c r="LVW7" i="1"/>
  <c r="LVV7" i="1"/>
  <c r="LVU7" i="1"/>
  <c r="LVT7" i="1"/>
  <c r="LVS7" i="1"/>
  <c r="LVR7" i="1"/>
  <c r="LVQ7" i="1"/>
  <c r="LVP7" i="1"/>
  <c r="LVO7" i="1"/>
  <c r="LVN7" i="1"/>
  <c r="LVM7" i="1"/>
  <c r="LVL7" i="1"/>
  <c r="LVK7" i="1"/>
  <c r="LVJ7" i="1"/>
  <c r="LVI7" i="1"/>
  <c r="LVH7" i="1"/>
  <c r="LVG7" i="1"/>
  <c r="LVF7" i="1"/>
  <c r="LVE7" i="1"/>
  <c r="LVD7" i="1"/>
  <c r="LVC7" i="1"/>
  <c r="LVB7" i="1"/>
  <c r="LVA7" i="1"/>
  <c r="LUZ7" i="1"/>
  <c r="LUY7" i="1"/>
  <c r="LUX7" i="1"/>
  <c r="LUW7" i="1"/>
  <c r="LUV7" i="1"/>
  <c r="LUU7" i="1"/>
  <c r="LUT7" i="1"/>
  <c r="LUS7" i="1"/>
  <c r="LUR7" i="1"/>
  <c r="LUQ7" i="1"/>
  <c r="LUP7" i="1"/>
  <c r="LUO7" i="1"/>
  <c r="LUN7" i="1"/>
  <c r="LUM7" i="1"/>
  <c r="LUL7" i="1"/>
  <c r="LUK7" i="1"/>
  <c r="LUJ7" i="1"/>
  <c r="LUI7" i="1"/>
  <c r="LUH7" i="1"/>
  <c r="LUG7" i="1"/>
  <c r="LUF7" i="1"/>
  <c r="LUE7" i="1"/>
  <c r="LUD7" i="1"/>
  <c r="LUC7" i="1"/>
  <c r="LUB7" i="1"/>
  <c r="LUA7" i="1"/>
  <c r="LTZ7" i="1"/>
  <c r="LTY7" i="1"/>
  <c r="LTX7" i="1"/>
  <c r="LTW7" i="1"/>
  <c r="LTV7" i="1"/>
  <c r="LTU7" i="1"/>
  <c r="LTT7" i="1"/>
  <c r="LTS7" i="1"/>
  <c r="LTR7" i="1"/>
  <c r="LTQ7" i="1"/>
  <c r="LTP7" i="1"/>
  <c r="LTO7" i="1"/>
  <c r="LTN7" i="1"/>
  <c r="LTM7" i="1"/>
  <c r="LTL7" i="1"/>
  <c r="LTK7" i="1"/>
  <c r="LTJ7" i="1"/>
  <c r="LTI7" i="1"/>
  <c r="LTH7" i="1"/>
  <c r="LTG7" i="1"/>
  <c r="LTF7" i="1"/>
  <c r="LTE7" i="1"/>
  <c r="LTD7" i="1"/>
  <c r="LTC7" i="1"/>
  <c r="LTB7" i="1"/>
  <c r="LTA7" i="1"/>
  <c r="LSZ7" i="1"/>
  <c r="LSY7" i="1"/>
  <c r="LSX7" i="1"/>
  <c r="LSW7" i="1"/>
  <c r="LSV7" i="1"/>
  <c r="LSU7" i="1"/>
  <c r="LST7" i="1"/>
  <c r="LSS7" i="1"/>
  <c r="LSR7" i="1"/>
  <c r="LSQ7" i="1"/>
  <c r="LSP7" i="1"/>
  <c r="LSO7" i="1"/>
  <c r="LSN7" i="1"/>
  <c r="LSM7" i="1"/>
  <c r="LSL7" i="1"/>
  <c r="LSK7" i="1"/>
  <c r="LSJ7" i="1"/>
  <c r="LSI7" i="1"/>
  <c r="LSH7" i="1"/>
  <c r="LSG7" i="1"/>
  <c r="LSF7" i="1"/>
  <c r="LSE7" i="1"/>
  <c r="LSD7" i="1"/>
  <c r="LSC7" i="1"/>
  <c r="LSB7" i="1"/>
  <c r="LSA7" i="1"/>
  <c r="LRZ7" i="1"/>
  <c r="LRY7" i="1"/>
  <c r="LRX7" i="1"/>
  <c r="LRW7" i="1"/>
  <c r="LRV7" i="1"/>
  <c r="LRU7" i="1"/>
  <c r="LRT7" i="1"/>
  <c r="LRS7" i="1"/>
  <c r="LRR7" i="1"/>
  <c r="LRQ7" i="1"/>
  <c r="LRP7" i="1"/>
  <c r="LRO7" i="1"/>
  <c r="LRN7" i="1"/>
  <c r="LRM7" i="1"/>
  <c r="LRL7" i="1"/>
  <c r="LRK7" i="1"/>
  <c r="LRJ7" i="1"/>
  <c r="LRI7" i="1"/>
  <c r="LRH7" i="1"/>
  <c r="LRG7" i="1"/>
  <c r="LRF7" i="1"/>
  <c r="LRE7" i="1"/>
  <c r="LRD7" i="1"/>
  <c r="LRC7" i="1"/>
  <c r="LRB7" i="1"/>
  <c r="LRA7" i="1"/>
  <c r="LQZ7" i="1"/>
  <c r="LQY7" i="1"/>
  <c r="LQX7" i="1"/>
  <c r="LQW7" i="1"/>
  <c r="LQV7" i="1"/>
  <c r="LQU7" i="1"/>
  <c r="LQT7" i="1"/>
  <c r="LQS7" i="1"/>
  <c r="LQR7" i="1"/>
  <c r="LQQ7" i="1"/>
  <c r="LQP7" i="1"/>
  <c r="LQO7" i="1"/>
  <c r="LQN7" i="1"/>
  <c r="LQM7" i="1"/>
  <c r="LQL7" i="1"/>
  <c r="LQK7" i="1"/>
  <c r="LQJ7" i="1"/>
  <c r="LQI7" i="1"/>
  <c r="LQH7" i="1"/>
  <c r="LQG7" i="1"/>
  <c r="LQF7" i="1"/>
  <c r="LQE7" i="1"/>
  <c r="LQD7" i="1"/>
  <c r="LQC7" i="1"/>
  <c r="LQB7" i="1"/>
  <c r="LQA7" i="1"/>
  <c r="LPZ7" i="1"/>
  <c r="LPY7" i="1"/>
  <c r="LPX7" i="1"/>
  <c r="LPW7" i="1"/>
  <c r="LPV7" i="1"/>
  <c r="LPU7" i="1"/>
  <c r="LPT7" i="1"/>
  <c r="LPS7" i="1"/>
  <c r="LPR7" i="1"/>
  <c r="LPQ7" i="1"/>
  <c r="LPP7" i="1"/>
  <c r="LPO7" i="1"/>
  <c r="LPN7" i="1"/>
  <c r="LPM7" i="1"/>
  <c r="LPL7" i="1"/>
  <c r="LPK7" i="1"/>
  <c r="LPJ7" i="1"/>
  <c r="LPI7" i="1"/>
  <c r="LPH7" i="1"/>
  <c r="LPG7" i="1"/>
  <c r="LPF7" i="1"/>
  <c r="LPE7" i="1"/>
  <c r="LPD7" i="1"/>
  <c r="LPC7" i="1"/>
  <c r="LPB7" i="1"/>
  <c r="LPA7" i="1"/>
  <c r="LOZ7" i="1"/>
  <c r="LOY7" i="1"/>
  <c r="LOX7" i="1"/>
  <c r="LOW7" i="1"/>
  <c r="LOV7" i="1"/>
  <c r="LOU7" i="1"/>
  <c r="LOT7" i="1"/>
  <c r="LOS7" i="1"/>
  <c r="LOR7" i="1"/>
  <c r="LOQ7" i="1"/>
  <c r="LOP7" i="1"/>
  <c r="LOO7" i="1"/>
  <c r="LON7" i="1"/>
  <c r="LOM7" i="1"/>
  <c r="LOL7" i="1"/>
  <c r="LOK7" i="1"/>
  <c r="LOJ7" i="1"/>
  <c r="LOI7" i="1"/>
  <c r="LOH7" i="1"/>
  <c r="LOG7" i="1"/>
  <c r="LOF7" i="1"/>
  <c r="LOE7" i="1"/>
  <c r="LOD7" i="1"/>
  <c r="LOC7" i="1"/>
  <c r="LOB7" i="1"/>
  <c r="LOA7" i="1"/>
  <c r="LNZ7" i="1"/>
  <c r="LNY7" i="1"/>
  <c r="LNX7" i="1"/>
  <c r="LNW7" i="1"/>
  <c r="LNV7" i="1"/>
  <c r="LNU7" i="1"/>
  <c r="LNT7" i="1"/>
  <c r="LNS7" i="1"/>
  <c r="LNR7" i="1"/>
  <c r="LNQ7" i="1"/>
  <c r="LNP7" i="1"/>
  <c r="LNO7" i="1"/>
  <c r="LNN7" i="1"/>
  <c r="LNM7" i="1"/>
  <c r="LNL7" i="1"/>
  <c r="LNK7" i="1"/>
  <c r="LNJ7" i="1"/>
  <c r="LNI7" i="1"/>
  <c r="LNH7" i="1"/>
  <c r="LNG7" i="1"/>
  <c r="LNF7" i="1"/>
  <c r="LNE7" i="1"/>
  <c r="LND7" i="1"/>
  <c r="LNC7" i="1"/>
  <c r="LNB7" i="1"/>
  <c r="LNA7" i="1"/>
  <c r="LMZ7" i="1"/>
  <c r="LMY7" i="1"/>
  <c r="LMX7" i="1"/>
  <c r="LMW7" i="1"/>
  <c r="LMV7" i="1"/>
  <c r="LMU7" i="1"/>
  <c r="LMT7" i="1"/>
  <c r="LMS7" i="1"/>
  <c r="LMR7" i="1"/>
  <c r="LMQ7" i="1"/>
  <c r="LMP7" i="1"/>
  <c r="LMO7" i="1"/>
  <c r="LMN7" i="1"/>
  <c r="LMM7" i="1"/>
  <c r="LML7" i="1"/>
  <c r="LMK7" i="1"/>
  <c r="LMJ7" i="1"/>
  <c r="LMI7" i="1"/>
  <c r="LMH7" i="1"/>
  <c r="LMG7" i="1"/>
  <c r="LMF7" i="1"/>
  <c r="LME7" i="1"/>
  <c r="LMD7" i="1"/>
  <c r="LMC7" i="1"/>
  <c r="LMB7" i="1"/>
  <c r="LMA7" i="1"/>
  <c r="LLZ7" i="1"/>
  <c r="LLY7" i="1"/>
  <c r="LLX7" i="1"/>
  <c r="LLW7" i="1"/>
  <c r="LLV7" i="1"/>
  <c r="LLU7" i="1"/>
  <c r="LLT7" i="1"/>
  <c r="LLS7" i="1"/>
  <c r="LLR7" i="1"/>
  <c r="LLQ7" i="1"/>
  <c r="LLP7" i="1"/>
  <c r="LLO7" i="1"/>
  <c r="LLN7" i="1"/>
  <c r="LLM7" i="1"/>
  <c r="LLL7" i="1"/>
  <c r="LLK7" i="1"/>
  <c r="LLJ7" i="1"/>
  <c r="LLI7" i="1"/>
  <c r="LLH7" i="1"/>
  <c r="LLG7" i="1"/>
  <c r="LLF7" i="1"/>
  <c r="LLE7" i="1"/>
  <c r="LLD7" i="1"/>
  <c r="LLC7" i="1"/>
  <c r="LLB7" i="1"/>
  <c r="LLA7" i="1"/>
  <c r="LKZ7" i="1"/>
  <c r="LKY7" i="1"/>
  <c r="LKX7" i="1"/>
  <c r="LKW7" i="1"/>
  <c r="LKV7" i="1"/>
  <c r="LKU7" i="1"/>
  <c r="LKT7" i="1"/>
  <c r="LKS7" i="1"/>
  <c r="LKR7" i="1"/>
  <c r="LKQ7" i="1"/>
  <c r="LKP7" i="1"/>
  <c r="LKO7" i="1"/>
  <c r="LKN7" i="1"/>
  <c r="LKM7" i="1"/>
  <c r="LKL7" i="1"/>
  <c r="LKK7" i="1"/>
  <c r="LKJ7" i="1"/>
  <c r="LKI7" i="1"/>
  <c r="LKH7" i="1"/>
  <c r="LKG7" i="1"/>
  <c r="LKF7" i="1"/>
  <c r="LKE7" i="1"/>
  <c r="LKD7" i="1"/>
  <c r="LKC7" i="1"/>
  <c r="LKB7" i="1"/>
  <c r="LKA7" i="1"/>
  <c r="LJZ7" i="1"/>
  <c r="LJY7" i="1"/>
  <c r="LJX7" i="1"/>
  <c r="LJW7" i="1"/>
  <c r="LJV7" i="1"/>
  <c r="LJU7" i="1"/>
  <c r="LJT7" i="1"/>
  <c r="LJS7" i="1"/>
  <c r="LJR7" i="1"/>
  <c r="LJQ7" i="1"/>
  <c r="LJP7" i="1"/>
  <c r="LJO7" i="1"/>
  <c r="LJN7" i="1"/>
  <c r="LJM7" i="1"/>
  <c r="LJL7" i="1"/>
  <c r="LJK7" i="1"/>
  <c r="LJJ7" i="1"/>
  <c r="LJI7" i="1"/>
  <c r="LJH7" i="1"/>
  <c r="LJG7" i="1"/>
  <c r="LJF7" i="1"/>
  <c r="LJE7" i="1"/>
  <c r="LJD7" i="1"/>
  <c r="LJC7" i="1"/>
  <c r="LJB7" i="1"/>
  <c r="LJA7" i="1"/>
  <c r="LIZ7" i="1"/>
  <c r="LIY7" i="1"/>
  <c r="LIX7" i="1"/>
  <c r="LIW7" i="1"/>
  <c r="LIV7" i="1"/>
  <c r="LIU7" i="1"/>
  <c r="LIT7" i="1"/>
  <c r="LIS7" i="1"/>
  <c r="LIR7" i="1"/>
  <c r="LIQ7" i="1"/>
  <c r="LIP7" i="1"/>
  <c r="LIO7" i="1"/>
  <c r="LIN7" i="1"/>
  <c r="LIM7" i="1"/>
  <c r="LIL7" i="1"/>
  <c r="LIK7" i="1"/>
  <c r="LIJ7" i="1"/>
  <c r="LII7" i="1"/>
  <c r="LIH7" i="1"/>
  <c r="LIG7" i="1"/>
  <c r="LIF7" i="1"/>
  <c r="LIE7" i="1"/>
  <c r="LID7" i="1"/>
  <c r="LIC7" i="1"/>
  <c r="LIB7" i="1"/>
  <c r="LIA7" i="1"/>
  <c r="LHZ7" i="1"/>
  <c r="LHY7" i="1"/>
  <c r="LHX7" i="1"/>
  <c r="LHW7" i="1"/>
  <c r="LHV7" i="1"/>
  <c r="LHU7" i="1"/>
  <c r="LHT7" i="1"/>
  <c r="LHS7" i="1"/>
  <c r="LHR7" i="1"/>
  <c r="LHQ7" i="1"/>
  <c r="LHP7" i="1"/>
  <c r="LHO7" i="1"/>
  <c r="LHN7" i="1"/>
  <c r="LHM7" i="1"/>
  <c r="LHL7" i="1"/>
  <c r="LHK7" i="1"/>
  <c r="LHJ7" i="1"/>
  <c r="LHI7" i="1"/>
  <c r="LHH7" i="1"/>
  <c r="LHG7" i="1"/>
  <c r="LHF7" i="1"/>
  <c r="LHE7" i="1"/>
  <c r="LHD7" i="1"/>
  <c r="LHC7" i="1"/>
  <c r="LHB7" i="1"/>
  <c r="LHA7" i="1"/>
  <c r="LGZ7" i="1"/>
  <c r="LGY7" i="1"/>
  <c r="LGX7" i="1"/>
  <c r="LGW7" i="1"/>
  <c r="LGV7" i="1"/>
  <c r="LGU7" i="1"/>
  <c r="LGT7" i="1"/>
  <c r="LGS7" i="1"/>
  <c r="LGR7" i="1"/>
  <c r="LGQ7" i="1"/>
  <c r="LGP7" i="1"/>
  <c r="LGO7" i="1"/>
  <c r="LGN7" i="1"/>
  <c r="LGM7" i="1"/>
  <c r="LGL7" i="1"/>
  <c r="LGK7" i="1"/>
  <c r="LGJ7" i="1"/>
  <c r="LGI7" i="1"/>
  <c r="LGH7" i="1"/>
  <c r="LGG7" i="1"/>
  <c r="LGF7" i="1"/>
  <c r="LGE7" i="1"/>
  <c r="LGD7" i="1"/>
  <c r="LGC7" i="1"/>
  <c r="LGB7" i="1"/>
  <c r="LGA7" i="1"/>
  <c r="LFZ7" i="1"/>
  <c r="LFY7" i="1"/>
  <c r="LFX7" i="1"/>
  <c r="LFW7" i="1"/>
  <c r="LFV7" i="1"/>
  <c r="LFU7" i="1"/>
  <c r="LFT7" i="1"/>
  <c r="LFS7" i="1"/>
  <c r="LFR7" i="1"/>
  <c r="LFQ7" i="1"/>
  <c r="LFP7" i="1"/>
  <c r="LFO7" i="1"/>
  <c r="LFN7" i="1"/>
  <c r="LFM7" i="1"/>
  <c r="LFL7" i="1"/>
  <c r="LFK7" i="1"/>
  <c r="LFJ7" i="1"/>
  <c r="LFI7" i="1"/>
  <c r="LFH7" i="1"/>
  <c r="LFG7" i="1"/>
  <c r="LFF7" i="1"/>
  <c r="LFE7" i="1"/>
  <c r="LFD7" i="1"/>
  <c r="LFC7" i="1"/>
  <c r="LFB7" i="1"/>
  <c r="LFA7" i="1"/>
  <c r="LEZ7" i="1"/>
  <c r="LEY7" i="1"/>
  <c r="LEX7" i="1"/>
  <c r="LEW7" i="1"/>
  <c r="LEV7" i="1"/>
  <c r="LEU7" i="1"/>
  <c r="LET7" i="1"/>
  <c r="LES7" i="1"/>
  <c r="LER7" i="1"/>
  <c r="LEQ7" i="1"/>
  <c r="LEP7" i="1"/>
  <c r="LEO7" i="1"/>
  <c r="LEN7" i="1"/>
  <c r="LEM7" i="1"/>
  <c r="LEL7" i="1"/>
  <c r="LEK7" i="1"/>
  <c r="LEJ7" i="1"/>
  <c r="LEI7" i="1"/>
  <c r="LEH7" i="1"/>
  <c r="LEG7" i="1"/>
  <c r="LEF7" i="1"/>
  <c r="LEE7" i="1"/>
  <c r="LED7" i="1"/>
  <c r="LEC7" i="1"/>
  <c r="LEB7" i="1"/>
  <c r="LEA7" i="1"/>
  <c r="LDZ7" i="1"/>
  <c r="LDY7" i="1"/>
  <c r="LDX7" i="1"/>
  <c r="LDW7" i="1"/>
  <c r="LDV7" i="1"/>
  <c r="LDU7" i="1"/>
  <c r="LDT7" i="1"/>
  <c r="LDS7" i="1"/>
  <c r="LDR7" i="1"/>
  <c r="LDQ7" i="1"/>
  <c r="LDP7" i="1"/>
  <c r="LDO7" i="1"/>
  <c r="LDN7" i="1"/>
  <c r="LDM7" i="1"/>
  <c r="LDL7" i="1"/>
  <c r="LDK7" i="1"/>
  <c r="LDJ7" i="1"/>
  <c r="LDI7" i="1"/>
  <c r="LDH7" i="1"/>
  <c r="LDG7" i="1"/>
  <c r="LDF7" i="1"/>
  <c r="LDE7" i="1"/>
  <c r="LDD7" i="1"/>
  <c r="LDC7" i="1"/>
  <c r="LDB7" i="1"/>
  <c r="LDA7" i="1"/>
  <c r="LCZ7" i="1"/>
  <c r="LCY7" i="1"/>
  <c r="LCX7" i="1"/>
  <c r="LCW7" i="1"/>
  <c r="LCV7" i="1"/>
  <c r="LCU7" i="1"/>
  <c r="LCT7" i="1"/>
  <c r="LCS7" i="1"/>
  <c r="LCR7" i="1"/>
  <c r="LCQ7" i="1"/>
  <c r="LCP7" i="1"/>
  <c r="LCO7" i="1"/>
  <c r="LCN7" i="1"/>
  <c r="LCM7" i="1"/>
  <c r="LCL7" i="1"/>
  <c r="LCK7" i="1"/>
  <c r="LCJ7" i="1"/>
  <c r="LCI7" i="1"/>
  <c r="LCH7" i="1"/>
  <c r="LCG7" i="1"/>
  <c r="LCF7" i="1"/>
  <c r="LCE7" i="1"/>
  <c r="LCD7" i="1"/>
  <c r="LCC7" i="1"/>
  <c r="LCB7" i="1"/>
  <c r="LCA7" i="1"/>
  <c r="LBZ7" i="1"/>
  <c r="LBY7" i="1"/>
  <c r="LBX7" i="1"/>
  <c r="LBW7" i="1"/>
  <c r="LBV7" i="1"/>
  <c r="LBU7" i="1"/>
  <c r="LBT7" i="1"/>
  <c r="LBS7" i="1"/>
  <c r="LBR7" i="1"/>
  <c r="LBQ7" i="1"/>
  <c r="LBP7" i="1"/>
  <c r="LBO7" i="1"/>
  <c r="LBN7" i="1"/>
  <c r="LBM7" i="1"/>
  <c r="LBL7" i="1"/>
  <c r="LBK7" i="1"/>
  <c r="LBJ7" i="1"/>
  <c r="LBI7" i="1"/>
  <c r="LBH7" i="1"/>
  <c r="LBG7" i="1"/>
  <c r="LBF7" i="1"/>
  <c r="LBE7" i="1"/>
  <c r="LBD7" i="1"/>
  <c r="LBC7" i="1"/>
  <c r="LBB7" i="1"/>
  <c r="LBA7" i="1"/>
  <c r="LAZ7" i="1"/>
  <c r="LAY7" i="1"/>
  <c r="LAX7" i="1"/>
  <c r="LAW7" i="1"/>
  <c r="LAV7" i="1"/>
  <c r="LAU7" i="1"/>
  <c r="LAT7" i="1"/>
  <c r="LAS7" i="1"/>
  <c r="LAR7" i="1"/>
  <c r="LAQ7" i="1"/>
  <c r="LAP7" i="1"/>
  <c r="LAO7" i="1"/>
  <c r="LAN7" i="1"/>
  <c r="LAM7" i="1"/>
  <c r="LAL7" i="1"/>
  <c r="LAK7" i="1"/>
  <c r="LAJ7" i="1"/>
  <c r="LAI7" i="1"/>
  <c r="LAH7" i="1"/>
  <c r="LAG7" i="1"/>
  <c r="LAF7" i="1"/>
  <c r="LAE7" i="1"/>
  <c r="LAD7" i="1"/>
  <c r="LAC7" i="1"/>
  <c r="LAB7" i="1"/>
  <c r="LAA7" i="1"/>
  <c r="KZZ7" i="1"/>
  <c r="KZY7" i="1"/>
  <c r="KZX7" i="1"/>
  <c r="KZW7" i="1"/>
  <c r="KZV7" i="1"/>
  <c r="KZU7" i="1"/>
  <c r="KZT7" i="1"/>
  <c r="KZS7" i="1"/>
  <c r="KZR7" i="1"/>
  <c r="KZQ7" i="1"/>
  <c r="KZP7" i="1"/>
  <c r="KZO7" i="1"/>
  <c r="KZN7" i="1"/>
  <c r="KZM7" i="1"/>
  <c r="KZL7" i="1"/>
  <c r="KZK7" i="1"/>
  <c r="KZJ7" i="1"/>
  <c r="KZI7" i="1"/>
  <c r="KZH7" i="1"/>
  <c r="KZG7" i="1"/>
  <c r="KZF7" i="1"/>
  <c r="KZE7" i="1"/>
  <c r="KZD7" i="1"/>
  <c r="KZC7" i="1"/>
  <c r="KZB7" i="1"/>
  <c r="KZA7" i="1"/>
  <c r="KYZ7" i="1"/>
  <c r="KYY7" i="1"/>
  <c r="KYX7" i="1"/>
  <c r="KYW7" i="1"/>
  <c r="KYV7" i="1"/>
  <c r="KYU7" i="1"/>
  <c r="KYT7" i="1"/>
  <c r="KYS7" i="1"/>
  <c r="KYR7" i="1"/>
  <c r="KYQ7" i="1"/>
  <c r="KYP7" i="1"/>
  <c r="KYO7" i="1"/>
  <c r="KYN7" i="1"/>
  <c r="KYM7" i="1"/>
  <c r="KYL7" i="1"/>
  <c r="KYK7" i="1"/>
  <c r="KYJ7" i="1"/>
  <c r="KYI7" i="1"/>
  <c r="KYH7" i="1"/>
  <c r="KYG7" i="1"/>
  <c r="KYF7" i="1"/>
  <c r="KYE7" i="1"/>
  <c r="KYD7" i="1"/>
  <c r="KYC7" i="1"/>
  <c r="KYB7" i="1"/>
  <c r="KYA7" i="1"/>
  <c r="KXZ7" i="1"/>
  <c r="KXY7" i="1"/>
  <c r="KXX7" i="1"/>
  <c r="KXW7" i="1"/>
  <c r="KXV7" i="1"/>
  <c r="KXU7" i="1"/>
  <c r="KXT7" i="1"/>
  <c r="KXS7" i="1"/>
  <c r="KXR7" i="1"/>
  <c r="KXQ7" i="1"/>
  <c r="KXP7" i="1"/>
  <c r="KXO7" i="1"/>
  <c r="KXN7" i="1"/>
  <c r="KXM7" i="1"/>
  <c r="KXL7" i="1"/>
  <c r="KXK7" i="1"/>
  <c r="KXJ7" i="1"/>
  <c r="KXI7" i="1"/>
  <c r="KXH7" i="1"/>
  <c r="KXG7" i="1"/>
  <c r="KXF7" i="1"/>
  <c r="KXE7" i="1"/>
  <c r="KXD7" i="1"/>
  <c r="KXC7" i="1"/>
  <c r="KXB7" i="1"/>
  <c r="KXA7" i="1"/>
  <c r="KWZ7" i="1"/>
  <c r="KWY7" i="1"/>
  <c r="KWX7" i="1"/>
  <c r="KWW7" i="1"/>
  <c r="KWV7" i="1"/>
  <c r="KWU7" i="1"/>
  <c r="KWT7" i="1"/>
  <c r="KWS7" i="1"/>
  <c r="KWR7" i="1"/>
  <c r="KWQ7" i="1"/>
  <c r="KWP7" i="1"/>
  <c r="KWO7" i="1"/>
  <c r="KWN7" i="1"/>
  <c r="KWM7" i="1"/>
  <c r="KWL7" i="1"/>
  <c r="KWK7" i="1"/>
  <c r="KWJ7" i="1"/>
  <c r="KWI7" i="1"/>
  <c r="KWH7" i="1"/>
  <c r="KWG7" i="1"/>
  <c r="KWF7" i="1"/>
  <c r="KWE7" i="1"/>
  <c r="KWD7" i="1"/>
  <c r="KWC7" i="1"/>
  <c r="KWB7" i="1"/>
  <c r="KWA7" i="1"/>
  <c r="KVZ7" i="1"/>
  <c r="KVY7" i="1"/>
  <c r="KVX7" i="1"/>
  <c r="KVW7" i="1"/>
  <c r="KVV7" i="1"/>
  <c r="KVU7" i="1"/>
  <c r="KVT7" i="1"/>
  <c r="KVS7" i="1"/>
  <c r="KVR7" i="1"/>
  <c r="KVQ7" i="1"/>
  <c r="KVP7" i="1"/>
  <c r="KVO7" i="1"/>
  <c r="KVN7" i="1"/>
  <c r="KVM7" i="1"/>
  <c r="KVL7" i="1"/>
  <c r="KVK7" i="1"/>
  <c r="KVJ7" i="1"/>
  <c r="KVI7" i="1"/>
  <c r="KVH7" i="1"/>
  <c r="KVG7" i="1"/>
  <c r="KVF7" i="1"/>
  <c r="KVE7" i="1"/>
  <c r="KVD7" i="1"/>
  <c r="KVC7" i="1"/>
  <c r="KVB7" i="1"/>
  <c r="KVA7" i="1"/>
  <c r="KUZ7" i="1"/>
  <c r="KUY7" i="1"/>
  <c r="KUX7" i="1"/>
  <c r="KUW7" i="1"/>
  <c r="KUV7" i="1"/>
  <c r="KUU7" i="1"/>
  <c r="KUT7" i="1"/>
  <c r="KUS7" i="1"/>
  <c r="KUR7" i="1"/>
  <c r="KUQ7" i="1"/>
  <c r="KUP7" i="1"/>
  <c r="KUO7" i="1"/>
  <c r="KUN7" i="1"/>
  <c r="KUM7" i="1"/>
  <c r="KUL7" i="1"/>
  <c r="KUK7" i="1"/>
  <c r="KUJ7" i="1"/>
  <c r="KUI7" i="1"/>
  <c r="KUH7" i="1"/>
  <c r="KUG7" i="1"/>
  <c r="KUF7" i="1"/>
  <c r="KUE7" i="1"/>
  <c r="KUD7" i="1"/>
  <c r="KUC7" i="1"/>
  <c r="KUB7" i="1"/>
  <c r="KUA7" i="1"/>
  <c r="KTZ7" i="1"/>
  <c r="KTY7" i="1"/>
  <c r="KTX7" i="1"/>
  <c r="KTW7" i="1"/>
  <c r="KTV7" i="1"/>
  <c r="KTU7" i="1"/>
  <c r="KTT7" i="1"/>
  <c r="KTS7" i="1"/>
  <c r="KTR7" i="1"/>
  <c r="KTQ7" i="1"/>
  <c r="KTP7" i="1"/>
  <c r="KTO7" i="1"/>
  <c r="KTN7" i="1"/>
  <c r="KTM7" i="1"/>
  <c r="KTL7" i="1"/>
  <c r="KTK7" i="1"/>
  <c r="KTJ7" i="1"/>
  <c r="KTI7" i="1"/>
  <c r="KTH7" i="1"/>
  <c r="KTG7" i="1"/>
  <c r="KTF7" i="1"/>
  <c r="KTE7" i="1"/>
  <c r="KTD7" i="1"/>
  <c r="KTC7" i="1"/>
  <c r="KTB7" i="1"/>
  <c r="KTA7" i="1"/>
  <c r="KSZ7" i="1"/>
  <c r="KSY7" i="1"/>
  <c r="KSX7" i="1"/>
  <c r="KSW7" i="1"/>
  <c r="KSV7" i="1"/>
  <c r="KSU7" i="1"/>
  <c r="KST7" i="1"/>
  <c r="KSS7" i="1"/>
  <c r="KSR7" i="1"/>
  <c r="KSQ7" i="1"/>
  <c r="KSP7" i="1"/>
  <c r="KSO7" i="1"/>
  <c r="KSN7" i="1"/>
  <c r="KSM7" i="1"/>
  <c r="KSL7" i="1"/>
  <c r="KSK7" i="1"/>
  <c r="KSJ7" i="1"/>
  <c r="KSI7" i="1"/>
  <c r="KSH7" i="1"/>
  <c r="KSG7" i="1"/>
  <c r="KSF7" i="1"/>
  <c r="KSE7" i="1"/>
  <c r="KSD7" i="1"/>
  <c r="KSC7" i="1"/>
  <c r="KSB7" i="1"/>
  <c r="KSA7" i="1"/>
  <c r="KRZ7" i="1"/>
  <c r="KRY7" i="1"/>
  <c r="KRX7" i="1"/>
  <c r="KRW7" i="1"/>
  <c r="KRV7" i="1"/>
  <c r="KRU7" i="1"/>
  <c r="KRT7" i="1"/>
  <c r="KRS7" i="1"/>
  <c r="KRR7" i="1"/>
  <c r="KRQ7" i="1"/>
  <c r="KRP7" i="1"/>
  <c r="KRO7" i="1"/>
  <c r="KRN7" i="1"/>
  <c r="KRM7" i="1"/>
  <c r="KRL7" i="1"/>
  <c r="KRK7" i="1"/>
  <c r="KRJ7" i="1"/>
  <c r="KRI7" i="1"/>
  <c r="KRH7" i="1"/>
  <c r="KRG7" i="1"/>
  <c r="KRF7" i="1"/>
  <c r="KRE7" i="1"/>
  <c r="KRD7" i="1"/>
  <c r="KRC7" i="1"/>
  <c r="KRB7" i="1"/>
  <c r="KRA7" i="1"/>
  <c r="KQZ7" i="1"/>
  <c r="KQY7" i="1"/>
  <c r="KQX7" i="1"/>
  <c r="KQW7" i="1"/>
  <c r="KQV7" i="1"/>
  <c r="KQU7" i="1"/>
  <c r="KQT7" i="1"/>
  <c r="KQS7" i="1"/>
  <c r="KQR7" i="1"/>
  <c r="KQQ7" i="1"/>
  <c r="KQP7" i="1"/>
  <c r="KQO7" i="1"/>
  <c r="KQN7" i="1"/>
  <c r="KQM7" i="1"/>
  <c r="KQL7" i="1"/>
  <c r="KQK7" i="1"/>
  <c r="KQJ7" i="1"/>
  <c r="KQI7" i="1"/>
  <c r="KQH7" i="1"/>
  <c r="KQG7" i="1"/>
  <c r="KQF7" i="1"/>
  <c r="KQE7" i="1"/>
  <c r="KQD7" i="1"/>
  <c r="KQC7" i="1"/>
  <c r="KQB7" i="1"/>
  <c r="KQA7" i="1"/>
  <c r="KPZ7" i="1"/>
  <c r="KPY7" i="1"/>
  <c r="KPX7" i="1"/>
  <c r="KPW7" i="1"/>
  <c r="KPV7" i="1"/>
  <c r="KPU7" i="1"/>
  <c r="KPT7" i="1"/>
  <c r="KPS7" i="1"/>
  <c r="KPR7" i="1"/>
  <c r="KPQ7" i="1"/>
  <c r="KPP7" i="1"/>
  <c r="KPO7" i="1"/>
  <c r="KPN7" i="1"/>
  <c r="KPM7" i="1"/>
  <c r="KPL7" i="1"/>
  <c r="KPK7" i="1"/>
  <c r="KPJ7" i="1"/>
  <c r="KPI7" i="1"/>
  <c r="KPH7" i="1"/>
  <c r="KPG7" i="1"/>
  <c r="KPF7" i="1"/>
  <c r="KPE7" i="1"/>
  <c r="KPD7" i="1"/>
  <c r="KPC7" i="1"/>
  <c r="KPB7" i="1"/>
  <c r="KPA7" i="1"/>
  <c r="KOZ7" i="1"/>
  <c r="KOY7" i="1"/>
  <c r="KOX7" i="1"/>
  <c r="KOW7" i="1"/>
  <c r="KOV7" i="1"/>
  <c r="KOU7" i="1"/>
  <c r="KOT7" i="1"/>
  <c r="KOS7" i="1"/>
  <c r="KOR7" i="1"/>
  <c r="KOQ7" i="1"/>
  <c r="KOP7" i="1"/>
  <c r="KOO7" i="1"/>
  <c r="KON7" i="1"/>
  <c r="KOM7" i="1"/>
  <c r="KOL7" i="1"/>
  <c r="KOK7" i="1"/>
  <c r="KOJ7" i="1"/>
  <c r="KOI7" i="1"/>
  <c r="KOH7" i="1"/>
  <c r="KOG7" i="1"/>
  <c r="KOF7" i="1"/>
  <c r="KOE7" i="1"/>
  <c r="KOD7" i="1"/>
  <c r="KOC7" i="1"/>
  <c r="KOB7" i="1"/>
  <c r="KOA7" i="1"/>
  <c r="KNZ7" i="1"/>
  <c r="KNY7" i="1"/>
  <c r="KNX7" i="1"/>
  <c r="KNW7" i="1"/>
  <c r="KNV7" i="1"/>
  <c r="KNU7" i="1"/>
  <c r="KNT7" i="1"/>
  <c r="KNS7" i="1"/>
  <c r="KNR7" i="1"/>
  <c r="KNQ7" i="1"/>
  <c r="KNP7" i="1"/>
  <c r="KNO7" i="1"/>
  <c r="KNN7" i="1"/>
  <c r="KNM7" i="1"/>
  <c r="KNL7" i="1"/>
  <c r="KNK7" i="1"/>
  <c r="KNJ7" i="1"/>
  <c r="KNI7" i="1"/>
  <c r="KNH7" i="1"/>
  <c r="KNG7" i="1"/>
  <c r="KNF7" i="1"/>
  <c r="KNE7" i="1"/>
  <c r="KND7" i="1"/>
  <c r="KNC7" i="1"/>
  <c r="KNB7" i="1"/>
  <c r="KNA7" i="1"/>
  <c r="KMZ7" i="1"/>
  <c r="KMY7" i="1"/>
  <c r="KMX7" i="1"/>
  <c r="KMW7" i="1"/>
  <c r="KMV7" i="1"/>
  <c r="KMU7" i="1"/>
  <c r="KMT7" i="1"/>
  <c r="KMS7" i="1"/>
  <c r="KMR7" i="1"/>
  <c r="KMQ7" i="1"/>
  <c r="KMP7" i="1"/>
  <c r="KMO7" i="1"/>
  <c r="KMN7" i="1"/>
  <c r="KMM7" i="1"/>
  <c r="KML7" i="1"/>
  <c r="KMK7" i="1"/>
  <c r="KMJ7" i="1"/>
  <c r="KMI7" i="1"/>
  <c r="KMH7" i="1"/>
  <c r="KMG7" i="1"/>
  <c r="KMF7" i="1"/>
  <c r="KME7" i="1"/>
  <c r="KMD7" i="1"/>
  <c r="KMC7" i="1"/>
  <c r="KMB7" i="1"/>
  <c r="KMA7" i="1"/>
  <c r="KLZ7" i="1"/>
  <c r="KLY7" i="1"/>
  <c r="KLX7" i="1"/>
  <c r="KLW7" i="1"/>
  <c r="KLV7" i="1"/>
  <c r="KLU7" i="1"/>
  <c r="KLT7" i="1"/>
  <c r="KLS7" i="1"/>
  <c r="KLR7" i="1"/>
  <c r="KLQ7" i="1"/>
  <c r="KLP7" i="1"/>
  <c r="KLO7" i="1"/>
  <c r="KLN7" i="1"/>
  <c r="KLM7" i="1"/>
  <c r="KLL7" i="1"/>
  <c r="KLK7" i="1"/>
  <c r="KLJ7" i="1"/>
  <c r="KLI7" i="1"/>
  <c r="KLH7" i="1"/>
  <c r="KLG7" i="1"/>
  <c r="KLF7" i="1"/>
  <c r="KLE7" i="1"/>
  <c r="KLD7" i="1"/>
  <c r="KLC7" i="1"/>
  <c r="KLB7" i="1"/>
  <c r="KLA7" i="1"/>
  <c r="KKZ7" i="1"/>
  <c r="KKY7" i="1"/>
  <c r="KKX7" i="1"/>
  <c r="KKW7" i="1"/>
  <c r="KKV7" i="1"/>
  <c r="KKU7" i="1"/>
  <c r="KKT7" i="1"/>
  <c r="KKS7" i="1"/>
  <c r="KKR7" i="1"/>
  <c r="KKQ7" i="1"/>
  <c r="KKP7" i="1"/>
  <c r="KKO7" i="1"/>
  <c r="KKN7" i="1"/>
  <c r="KKM7" i="1"/>
  <c r="KKL7" i="1"/>
  <c r="KKK7" i="1"/>
  <c r="KKJ7" i="1"/>
  <c r="KKI7" i="1"/>
  <c r="KKH7" i="1"/>
  <c r="KKG7" i="1"/>
  <c r="KKF7" i="1"/>
  <c r="KKE7" i="1"/>
  <c r="KKD7" i="1"/>
  <c r="KKC7" i="1"/>
  <c r="KKB7" i="1"/>
  <c r="KKA7" i="1"/>
  <c r="KJZ7" i="1"/>
  <c r="KJY7" i="1"/>
  <c r="KJX7" i="1"/>
  <c r="KJW7" i="1"/>
  <c r="KJV7" i="1"/>
  <c r="KJU7" i="1"/>
  <c r="KJT7" i="1"/>
  <c r="KJS7" i="1"/>
  <c r="KJR7" i="1"/>
  <c r="KJQ7" i="1"/>
  <c r="KJP7" i="1"/>
  <c r="KJO7" i="1"/>
  <c r="KJN7" i="1"/>
  <c r="KJM7" i="1"/>
  <c r="KJL7" i="1"/>
  <c r="KJK7" i="1"/>
  <c r="KJJ7" i="1"/>
  <c r="KJI7" i="1"/>
  <c r="KJH7" i="1"/>
  <c r="KJG7" i="1"/>
  <c r="KJF7" i="1"/>
  <c r="KJE7" i="1"/>
  <c r="KJD7" i="1"/>
  <c r="KJC7" i="1"/>
  <c r="KJB7" i="1"/>
  <c r="KJA7" i="1"/>
  <c r="KIZ7" i="1"/>
  <c r="KIY7" i="1"/>
  <c r="KIX7" i="1"/>
  <c r="KIW7" i="1"/>
  <c r="KIV7" i="1"/>
  <c r="KIU7" i="1"/>
  <c r="KIT7" i="1"/>
  <c r="KIS7" i="1"/>
  <c r="KIR7" i="1"/>
  <c r="KIQ7" i="1"/>
  <c r="KIP7" i="1"/>
  <c r="KIO7" i="1"/>
  <c r="KIN7" i="1"/>
  <c r="KIM7" i="1"/>
  <c r="KIL7" i="1"/>
  <c r="KIK7" i="1"/>
  <c r="KIJ7" i="1"/>
  <c r="KII7" i="1"/>
  <c r="KIH7" i="1"/>
  <c r="KIG7" i="1"/>
  <c r="KIF7" i="1"/>
  <c r="KIE7" i="1"/>
  <c r="KID7" i="1"/>
  <c r="KIC7" i="1"/>
  <c r="KIB7" i="1"/>
  <c r="KIA7" i="1"/>
  <c r="KHZ7" i="1"/>
  <c r="KHY7" i="1"/>
  <c r="KHX7" i="1"/>
  <c r="KHW7" i="1"/>
  <c r="KHV7" i="1"/>
  <c r="KHU7" i="1"/>
  <c r="KHT7" i="1"/>
  <c r="KHS7" i="1"/>
  <c r="KHR7" i="1"/>
  <c r="KHQ7" i="1"/>
  <c r="KHP7" i="1"/>
  <c r="KHO7" i="1"/>
  <c r="KHN7" i="1"/>
  <c r="KHM7" i="1"/>
  <c r="KHL7" i="1"/>
  <c r="KHK7" i="1"/>
  <c r="KHJ7" i="1"/>
  <c r="KHI7" i="1"/>
  <c r="KHH7" i="1"/>
  <c r="KHG7" i="1"/>
  <c r="KHF7" i="1"/>
  <c r="KHE7" i="1"/>
  <c r="KHD7" i="1"/>
  <c r="KHC7" i="1"/>
  <c r="KHB7" i="1"/>
  <c r="KHA7" i="1"/>
  <c r="KGZ7" i="1"/>
  <c r="KGY7" i="1"/>
  <c r="KGX7" i="1"/>
  <c r="KGW7" i="1"/>
  <c r="KGV7" i="1"/>
  <c r="KGU7" i="1"/>
  <c r="KGT7" i="1"/>
  <c r="KGS7" i="1"/>
  <c r="KGR7" i="1"/>
  <c r="KGQ7" i="1"/>
  <c r="KGP7" i="1"/>
  <c r="KGO7" i="1"/>
  <c r="KGN7" i="1"/>
  <c r="KGM7" i="1"/>
  <c r="KGL7" i="1"/>
  <c r="KGK7" i="1"/>
  <c r="KGJ7" i="1"/>
  <c r="KGI7" i="1"/>
  <c r="KGH7" i="1"/>
  <c r="KGG7" i="1"/>
  <c r="KGF7" i="1"/>
  <c r="KGE7" i="1"/>
  <c r="KGD7" i="1"/>
  <c r="KGC7" i="1"/>
  <c r="KGB7" i="1"/>
  <c r="KGA7" i="1"/>
  <c r="KFZ7" i="1"/>
  <c r="KFY7" i="1"/>
  <c r="KFX7" i="1"/>
  <c r="KFW7" i="1"/>
  <c r="KFV7" i="1"/>
  <c r="KFU7" i="1"/>
  <c r="KFT7" i="1"/>
  <c r="KFS7" i="1"/>
  <c r="KFR7" i="1"/>
  <c r="KFQ7" i="1"/>
  <c r="KFP7" i="1"/>
  <c r="KFO7" i="1"/>
  <c r="KFN7" i="1"/>
  <c r="KFM7" i="1"/>
  <c r="KFL7" i="1"/>
  <c r="KFK7" i="1"/>
  <c r="KFJ7" i="1"/>
  <c r="KFI7" i="1"/>
  <c r="KFH7" i="1"/>
  <c r="KFG7" i="1"/>
  <c r="KFF7" i="1"/>
  <c r="KFE7" i="1"/>
  <c r="KFD7" i="1"/>
  <c r="KFC7" i="1"/>
  <c r="KFB7" i="1"/>
  <c r="KFA7" i="1"/>
  <c r="KEZ7" i="1"/>
  <c r="KEY7" i="1"/>
  <c r="KEX7" i="1"/>
  <c r="KEW7" i="1"/>
  <c r="KEV7" i="1"/>
  <c r="KEU7" i="1"/>
  <c r="KET7" i="1"/>
  <c r="KES7" i="1"/>
  <c r="KER7" i="1"/>
  <c r="KEQ7" i="1"/>
  <c r="KEP7" i="1"/>
  <c r="KEO7" i="1"/>
  <c r="KEN7" i="1"/>
  <c r="KEM7" i="1"/>
  <c r="KEL7" i="1"/>
  <c r="KEK7" i="1"/>
  <c r="KEJ7" i="1"/>
  <c r="KEI7" i="1"/>
  <c r="KEH7" i="1"/>
  <c r="KEG7" i="1"/>
  <c r="KEF7" i="1"/>
  <c r="KEE7" i="1"/>
  <c r="KED7" i="1"/>
  <c r="KEC7" i="1"/>
  <c r="KEB7" i="1"/>
  <c r="KEA7" i="1"/>
  <c r="KDZ7" i="1"/>
  <c r="KDY7" i="1"/>
  <c r="KDX7" i="1"/>
  <c r="KDW7" i="1"/>
  <c r="KDV7" i="1"/>
  <c r="KDU7" i="1"/>
  <c r="KDT7" i="1"/>
  <c r="KDS7" i="1"/>
  <c r="KDR7" i="1"/>
  <c r="KDQ7" i="1"/>
  <c r="KDP7" i="1"/>
  <c r="KDO7" i="1"/>
  <c r="KDN7" i="1"/>
  <c r="KDM7" i="1"/>
  <c r="KDL7" i="1"/>
  <c r="KDK7" i="1"/>
  <c r="KDJ7" i="1"/>
  <c r="KDI7" i="1"/>
  <c r="KDH7" i="1"/>
  <c r="KDG7" i="1"/>
  <c r="KDF7" i="1"/>
  <c r="KDE7" i="1"/>
  <c r="KDD7" i="1"/>
  <c r="KDC7" i="1"/>
  <c r="KDB7" i="1"/>
  <c r="KDA7" i="1"/>
  <c r="KCZ7" i="1"/>
  <c r="KCY7" i="1"/>
  <c r="KCX7" i="1"/>
  <c r="KCW7" i="1"/>
  <c r="KCV7" i="1"/>
  <c r="KCU7" i="1"/>
  <c r="KCT7" i="1"/>
  <c r="KCS7" i="1"/>
  <c r="KCR7" i="1"/>
  <c r="KCQ7" i="1"/>
  <c r="KCP7" i="1"/>
  <c r="KCO7" i="1"/>
  <c r="KCN7" i="1"/>
  <c r="KCM7" i="1"/>
  <c r="KCL7" i="1"/>
  <c r="KCK7" i="1"/>
  <c r="KCJ7" i="1"/>
  <c r="KCI7" i="1"/>
  <c r="KCH7" i="1"/>
  <c r="KCG7" i="1"/>
  <c r="KCF7" i="1"/>
  <c r="KCE7" i="1"/>
  <c r="KCD7" i="1"/>
  <c r="KCC7" i="1"/>
  <c r="KCB7" i="1"/>
  <c r="KCA7" i="1"/>
  <c r="KBZ7" i="1"/>
  <c r="KBY7" i="1"/>
  <c r="KBX7" i="1"/>
  <c r="KBW7" i="1"/>
  <c r="KBV7" i="1"/>
  <c r="KBU7" i="1"/>
  <c r="KBT7" i="1"/>
  <c r="KBS7" i="1"/>
  <c r="KBR7" i="1"/>
  <c r="KBQ7" i="1"/>
  <c r="KBP7" i="1"/>
  <c r="KBO7" i="1"/>
  <c r="KBN7" i="1"/>
  <c r="KBM7" i="1"/>
  <c r="KBL7" i="1"/>
  <c r="KBK7" i="1"/>
  <c r="KBJ7" i="1"/>
  <c r="KBI7" i="1"/>
  <c r="KBH7" i="1"/>
  <c r="KBG7" i="1"/>
  <c r="KBF7" i="1"/>
  <c r="KBE7" i="1"/>
  <c r="KBD7" i="1"/>
  <c r="KBC7" i="1"/>
  <c r="KBB7" i="1"/>
  <c r="KBA7" i="1"/>
  <c r="KAZ7" i="1"/>
  <c r="KAY7" i="1"/>
  <c r="KAX7" i="1"/>
  <c r="KAW7" i="1"/>
  <c r="KAV7" i="1"/>
  <c r="KAU7" i="1"/>
  <c r="KAT7" i="1"/>
  <c r="KAS7" i="1"/>
  <c r="KAR7" i="1"/>
  <c r="KAQ7" i="1"/>
  <c r="KAP7" i="1"/>
  <c r="KAO7" i="1"/>
  <c r="KAN7" i="1"/>
  <c r="KAM7" i="1"/>
  <c r="KAL7" i="1"/>
  <c r="KAK7" i="1"/>
  <c r="KAJ7" i="1"/>
  <c r="KAI7" i="1"/>
  <c r="KAH7" i="1"/>
  <c r="KAG7" i="1"/>
  <c r="KAF7" i="1"/>
  <c r="KAE7" i="1"/>
  <c r="KAD7" i="1"/>
  <c r="KAC7" i="1"/>
  <c r="KAB7" i="1"/>
  <c r="KAA7" i="1"/>
  <c r="JZZ7" i="1"/>
  <c r="JZY7" i="1"/>
  <c r="JZX7" i="1"/>
  <c r="JZW7" i="1"/>
  <c r="JZV7" i="1"/>
  <c r="JZU7" i="1"/>
  <c r="JZT7" i="1"/>
  <c r="JZS7" i="1"/>
  <c r="JZR7" i="1"/>
  <c r="JZQ7" i="1"/>
  <c r="JZP7" i="1"/>
  <c r="JZO7" i="1"/>
  <c r="JZN7" i="1"/>
  <c r="JZM7" i="1"/>
  <c r="JZL7" i="1"/>
  <c r="JZK7" i="1"/>
  <c r="JZJ7" i="1"/>
  <c r="JZI7" i="1"/>
  <c r="JZH7" i="1"/>
  <c r="JZG7" i="1"/>
  <c r="JZF7" i="1"/>
  <c r="JZE7" i="1"/>
  <c r="JZD7" i="1"/>
  <c r="JZC7" i="1"/>
  <c r="JZB7" i="1"/>
  <c r="JZA7" i="1"/>
  <c r="JYZ7" i="1"/>
  <c r="JYY7" i="1"/>
  <c r="JYX7" i="1"/>
  <c r="JYW7" i="1"/>
  <c r="JYV7" i="1"/>
  <c r="JYU7" i="1"/>
  <c r="JYT7" i="1"/>
  <c r="JYS7" i="1"/>
  <c r="JYR7" i="1"/>
  <c r="JYQ7" i="1"/>
  <c r="JYP7" i="1"/>
  <c r="JYO7" i="1"/>
  <c r="JYN7" i="1"/>
  <c r="JYM7" i="1"/>
  <c r="JYL7" i="1"/>
  <c r="JYK7" i="1"/>
  <c r="JYJ7" i="1"/>
  <c r="JYI7" i="1"/>
  <c r="JYH7" i="1"/>
  <c r="JYG7" i="1"/>
  <c r="JYF7" i="1"/>
  <c r="JYE7" i="1"/>
  <c r="JYD7" i="1"/>
  <c r="JYC7" i="1"/>
  <c r="JYB7" i="1"/>
  <c r="JYA7" i="1"/>
  <c r="JXZ7" i="1"/>
  <c r="JXY7" i="1"/>
  <c r="JXX7" i="1"/>
  <c r="JXW7" i="1"/>
  <c r="JXV7" i="1"/>
  <c r="JXU7" i="1"/>
  <c r="JXT7" i="1"/>
  <c r="JXS7" i="1"/>
  <c r="JXR7" i="1"/>
  <c r="JXQ7" i="1"/>
  <c r="JXP7" i="1"/>
  <c r="JXO7" i="1"/>
  <c r="JXN7" i="1"/>
  <c r="JXM7" i="1"/>
  <c r="JXL7" i="1"/>
  <c r="JXK7" i="1"/>
  <c r="JXJ7" i="1"/>
  <c r="JXI7" i="1"/>
  <c r="JXH7" i="1"/>
  <c r="JXG7" i="1"/>
  <c r="JXF7" i="1"/>
  <c r="JXE7" i="1"/>
  <c r="JXD7" i="1"/>
  <c r="JXC7" i="1"/>
  <c r="JXB7" i="1"/>
  <c r="JXA7" i="1"/>
  <c r="JWZ7" i="1"/>
  <c r="JWY7" i="1"/>
  <c r="JWX7" i="1"/>
  <c r="JWW7" i="1"/>
  <c r="JWV7" i="1"/>
  <c r="JWU7" i="1"/>
  <c r="JWT7" i="1"/>
  <c r="JWS7" i="1"/>
  <c r="JWR7" i="1"/>
  <c r="JWQ7" i="1"/>
  <c r="JWP7" i="1"/>
  <c r="JWO7" i="1"/>
  <c r="JWN7" i="1"/>
  <c r="JWM7" i="1"/>
  <c r="JWL7" i="1"/>
  <c r="JWK7" i="1"/>
  <c r="JWJ7" i="1"/>
  <c r="JWI7" i="1"/>
  <c r="JWH7" i="1"/>
  <c r="JWG7" i="1"/>
  <c r="JWF7" i="1"/>
  <c r="JWE7" i="1"/>
  <c r="JWD7" i="1"/>
  <c r="JWC7" i="1"/>
  <c r="JWB7" i="1"/>
  <c r="JWA7" i="1"/>
  <c r="JVZ7" i="1"/>
  <c r="JVY7" i="1"/>
  <c r="JVX7" i="1"/>
  <c r="JVW7" i="1"/>
  <c r="JVV7" i="1"/>
  <c r="JVU7" i="1"/>
  <c r="JVT7" i="1"/>
  <c r="JVS7" i="1"/>
  <c r="JVR7" i="1"/>
  <c r="JVQ7" i="1"/>
  <c r="JVP7" i="1"/>
  <c r="JVO7" i="1"/>
  <c r="JVN7" i="1"/>
  <c r="JVM7" i="1"/>
  <c r="JVL7" i="1"/>
  <c r="JVK7" i="1"/>
  <c r="JVJ7" i="1"/>
  <c r="JVI7" i="1"/>
  <c r="JVH7" i="1"/>
  <c r="JVG7" i="1"/>
  <c r="JVF7" i="1"/>
  <c r="JVE7" i="1"/>
  <c r="JVD7" i="1"/>
  <c r="JVC7" i="1"/>
  <c r="JVB7" i="1"/>
  <c r="JVA7" i="1"/>
  <c r="JUZ7" i="1"/>
  <c r="JUY7" i="1"/>
  <c r="JUX7" i="1"/>
  <c r="JUW7" i="1"/>
  <c r="JUV7" i="1"/>
  <c r="JUU7" i="1"/>
  <c r="JUT7" i="1"/>
  <c r="JUS7" i="1"/>
  <c r="JUR7" i="1"/>
  <c r="JUQ7" i="1"/>
  <c r="JUP7" i="1"/>
  <c r="JUO7" i="1"/>
  <c r="JUN7" i="1"/>
  <c r="JUM7" i="1"/>
  <c r="JUL7" i="1"/>
  <c r="JUK7" i="1"/>
  <c r="JUJ7" i="1"/>
  <c r="JUI7" i="1"/>
  <c r="JUH7" i="1"/>
  <c r="JUG7" i="1"/>
  <c r="JUF7" i="1"/>
  <c r="JUE7" i="1"/>
  <c r="JUD7" i="1"/>
  <c r="JUC7" i="1"/>
  <c r="JUB7" i="1"/>
  <c r="JUA7" i="1"/>
  <c r="JTZ7" i="1"/>
  <c r="JTY7" i="1"/>
  <c r="JTX7" i="1"/>
  <c r="JTW7" i="1"/>
  <c r="JTV7" i="1"/>
  <c r="JTU7" i="1"/>
  <c r="JTT7" i="1"/>
  <c r="JTS7" i="1"/>
  <c r="JTR7" i="1"/>
  <c r="JTQ7" i="1"/>
  <c r="JTP7" i="1"/>
  <c r="JTO7" i="1"/>
  <c r="JTN7" i="1"/>
  <c r="JTM7" i="1"/>
  <c r="JTL7" i="1"/>
  <c r="JTK7" i="1"/>
  <c r="JTJ7" i="1"/>
  <c r="JTI7" i="1"/>
  <c r="JTH7" i="1"/>
  <c r="JTG7" i="1"/>
  <c r="JTF7" i="1"/>
  <c r="JTE7" i="1"/>
  <c r="JTD7" i="1"/>
  <c r="JTC7" i="1"/>
  <c r="JTB7" i="1"/>
  <c r="JTA7" i="1"/>
  <c r="JSZ7" i="1"/>
  <c r="JSY7" i="1"/>
  <c r="JSX7" i="1"/>
  <c r="JSW7" i="1"/>
  <c r="JSV7" i="1"/>
  <c r="JSU7" i="1"/>
  <c r="JST7" i="1"/>
  <c r="JSS7" i="1"/>
  <c r="JSR7" i="1"/>
  <c r="JSQ7" i="1"/>
  <c r="JSP7" i="1"/>
  <c r="JSO7" i="1"/>
  <c r="JSN7" i="1"/>
  <c r="JSM7" i="1"/>
  <c r="JSL7" i="1"/>
  <c r="JSK7" i="1"/>
  <c r="JSJ7" i="1"/>
  <c r="JSI7" i="1"/>
  <c r="JSH7" i="1"/>
  <c r="JSG7" i="1"/>
  <c r="JSF7" i="1"/>
  <c r="JSE7" i="1"/>
  <c r="JSD7" i="1"/>
  <c r="JSC7" i="1"/>
  <c r="JSB7" i="1"/>
  <c r="JSA7" i="1"/>
  <c r="JRZ7" i="1"/>
  <c r="JRY7" i="1"/>
  <c r="JRX7" i="1"/>
  <c r="JRW7" i="1"/>
  <c r="JRV7" i="1"/>
  <c r="JRU7" i="1"/>
  <c r="JRT7" i="1"/>
  <c r="JRS7" i="1"/>
  <c r="JRR7" i="1"/>
  <c r="JRQ7" i="1"/>
  <c r="JRP7" i="1"/>
  <c r="JRO7" i="1"/>
  <c r="JRN7" i="1"/>
  <c r="JRM7" i="1"/>
  <c r="JRL7" i="1"/>
  <c r="JRK7" i="1"/>
  <c r="JRJ7" i="1"/>
  <c r="JRI7" i="1"/>
  <c r="JRH7" i="1"/>
  <c r="JRG7" i="1"/>
  <c r="JRF7" i="1"/>
  <c r="JRE7" i="1"/>
  <c r="JRD7" i="1"/>
  <c r="JRC7" i="1"/>
  <c r="JRB7" i="1"/>
  <c r="JRA7" i="1"/>
  <c r="JQZ7" i="1"/>
  <c r="JQY7" i="1"/>
  <c r="JQX7" i="1"/>
  <c r="JQW7" i="1"/>
  <c r="JQV7" i="1"/>
  <c r="JQU7" i="1"/>
  <c r="JQT7" i="1"/>
  <c r="JQS7" i="1"/>
  <c r="JQR7" i="1"/>
  <c r="JQQ7" i="1"/>
  <c r="JQP7" i="1"/>
  <c r="JQO7" i="1"/>
  <c r="JQN7" i="1"/>
  <c r="JQM7" i="1"/>
  <c r="JQL7" i="1"/>
  <c r="JQK7" i="1"/>
  <c r="JQJ7" i="1"/>
  <c r="JQI7" i="1"/>
  <c r="JQH7" i="1"/>
  <c r="JQG7" i="1"/>
  <c r="JQF7" i="1"/>
  <c r="JQE7" i="1"/>
  <c r="JQD7" i="1"/>
  <c r="JQC7" i="1"/>
  <c r="JQB7" i="1"/>
  <c r="JQA7" i="1"/>
  <c r="JPZ7" i="1"/>
  <c r="JPY7" i="1"/>
  <c r="JPX7" i="1"/>
  <c r="JPW7" i="1"/>
  <c r="JPV7" i="1"/>
  <c r="JPU7" i="1"/>
  <c r="JPT7" i="1"/>
  <c r="JPS7" i="1"/>
  <c r="JPR7" i="1"/>
  <c r="JPQ7" i="1"/>
  <c r="JPP7" i="1"/>
  <c r="JPO7" i="1"/>
  <c r="JPN7" i="1"/>
  <c r="JPM7" i="1"/>
  <c r="JPL7" i="1"/>
  <c r="JPK7" i="1"/>
  <c r="JPJ7" i="1"/>
  <c r="JPI7" i="1"/>
  <c r="JPH7" i="1"/>
  <c r="JPG7" i="1"/>
  <c r="JPF7" i="1"/>
  <c r="JPE7" i="1"/>
  <c r="JPD7" i="1"/>
  <c r="JPC7" i="1"/>
  <c r="JPB7" i="1"/>
  <c r="JPA7" i="1"/>
  <c r="JOZ7" i="1"/>
  <c r="JOY7" i="1"/>
  <c r="JOX7" i="1"/>
  <c r="JOW7" i="1"/>
  <c r="JOV7" i="1"/>
  <c r="JOU7" i="1"/>
  <c r="JOT7" i="1"/>
  <c r="JOS7" i="1"/>
  <c r="JOR7" i="1"/>
  <c r="JOQ7" i="1"/>
  <c r="JOP7" i="1"/>
  <c r="JOO7" i="1"/>
  <c r="JON7" i="1"/>
  <c r="JOM7" i="1"/>
  <c r="JOL7" i="1"/>
  <c r="JOK7" i="1"/>
  <c r="JOJ7" i="1"/>
  <c r="JOI7" i="1"/>
  <c r="JOH7" i="1"/>
  <c r="JOG7" i="1"/>
  <c r="JOF7" i="1"/>
  <c r="JOE7" i="1"/>
  <c r="JOD7" i="1"/>
  <c r="JOC7" i="1"/>
  <c r="JOB7" i="1"/>
  <c r="JOA7" i="1"/>
  <c r="JNZ7" i="1"/>
  <c r="JNY7" i="1"/>
  <c r="JNX7" i="1"/>
  <c r="JNW7" i="1"/>
  <c r="JNV7" i="1"/>
  <c r="JNU7" i="1"/>
  <c r="JNT7" i="1"/>
  <c r="JNS7" i="1"/>
  <c r="JNR7" i="1"/>
  <c r="JNQ7" i="1"/>
  <c r="JNP7" i="1"/>
  <c r="JNO7" i="1"/>
  <c r="JNN7" i="1"/>
  <c r="JNM7" i="1"/>
  <c r="JNL7" i="1"/>
  <c r="JNK7" i="1"/>
  <c r="JNJ7" i="1"/>
  <c r="JNI7" i="1"/>
  <c r="JNH7" i="1"/>
  <c r="JNG7" i="1"/>
  <c r="JNF7" i="1"/>
  <c r="JNE7" i="1"/>
  <c r="JND7" i="1"/>
  <c r="JNC7" i="1"/>
  <c r="JNB7" i="1"/>
  <c r="JNA7" i="1"/>
  <c r="JMZ7" i="1"/>
  <c r="JMY7" i="1"/>
  <c r="JMX7" i="1"/>
  <c r="JMW7" i="1"/>
  <c r="JMV7" i="1"/>
  <c r="JMU7" i="1"/>
  <c r="JMT7" i="1"/>
  <c r="JMS7" i="1"/>
  <c r="JMR7" i="1"/>
  <c r="JMQ7" i="1"/>
  <c r="JMP7" i="1"/>
  <c r="JMO7" i="1"/>
  <c r="JMN7" i="1"/>
  <c r="JMM7" i="1"/>
  <c r="JML7" i="1"/>
  <c r="JMK7" i="1"/>
  <c r="JMJ7" i="1"/>
  <c r="JMI7" i="1"/>
  <c r="JMH7" i="1"/>
  <c r="JMG7" i="1"/>
  <c r="JMF7" i="1"/>
  <c r="JME7" i="1"/>
  <c r="JMD7" i="1"/>
  <c r="JMC7" i="1"/>
  <c r="JMB7" i="1"/>
  <c r="JMA7" i="1"/>
  <c r="JLZ7" i="1"/>
  <c r="JLY7" i="1"/>
  <c r="JLX7" i="1"/>
  <c r="JLW7" i="1"/>
  <c r="JLV7" i="1"/>
  <c r="JLU7" i="1"/>
  <c r="JLT7" i="1"/>
  <c r="JLS7" i="1"/>
  <c r="JLR7" i="1"/>
  <c r="JLQ7" i="1"/>
  <c r="JLP7" i="1"/>
  <c r="JLO7" i="1"/>
  <c r="JLN7" i="1"/>
  <c r="JLM7" i="1"/>
  <c r="JLL7" i="1"/>
  <c r="JLK7" i="1"/>
  <c r="JLJ7" i="1"/>
  <c r="JLI7" i="1"/>
  <c r="JLH7" i="1"/>
  <c r="JLG7" i="1"/>
  <c r="JLF7" i="1"/>
  <c r="JLE7" i="1"/>
  <c r="JLD7" i="1"/>
  <c r="JLC7" i="1"/>
  <c r="JLB7" i="1"/>
  <c r="JLA7" i="1"/>
  <c r="JKZ7" i="1"/>
  <c r="JKY7" i="1"/>
  <c r="JKX7" i="1"/>
  <c r="JKW7" i="1"/>
  <c r="JKV7" i="1"/>
  <c r="JKU7" i="1"/>
  <c r="JKT7" i="1"/>
  <c r="JKS7" i="1"/>
  <c r="JKR7" i="1"/>
  <c r="JKQ7" i="1"/>
  <c r="JKP7" i="1"/>
  <c r="JKO7" i="1"/>
  <c r="JKN7" i="1"/>
  <c r="JKM7" i="1"/>
  <c r="JKL7" i="1"/>
  <c r="JKK7" i="1"/>
  <c r="JKJ7" i="1"/>
  <c r="JKI7" i="1"/>
  <c r="JKH7" i="1"/>
  <c r="JKG7" i="1"/>
  <c r="JKF7" i="1"/>
  <c r="JKE7" i="1"/>
  <c r="JKD7" i="1"/>
  <c r="JKC7" i="1"/>
  <c r="JKB7" i="1"/>
  <c r="JKA7" i="1"/>
  <c r="JJZ7" i="1"/>
  <c r="JJY7" i="1"/>
  <c r="JJX7" i="1"/>
  <c r="JJW7" i="1"/>
  <c r="JJV7" i="1"/>
  <c r="JJU7" i="1"/>
  <c r="JJT7" i="1"/>
  <c r="JJS7" i="1"/>
  <c r="JJR7" i="1"/>
  <c r="JJQ7" i="1"/>
  <c r="JJP7" i="1"/>
  <c r="JJO7" i="1"/>
  <c r="JJN7" i="1"/>
  <c r="JJM7" i="1"/>
  <c r="JJL7" i="1"/>
  <c r="JJK7" i="1"/>
  <c r="JJJ7" i="1"/>
  <c r="JJI7" i="1"/>
  <c r="JJH7" i="1"/>
  <c r="JJG7" i="1"/>
  <c r="JJF7" i="1"/>
  <c r="JJE7" i="1"/>
  <c r="JJD7" i="1"/>
  <c r="JJC7" i="1"/>
  <c r="JJB7" i="1"/>
  <c r="JJA7" i="1"/>
  <c r="JIZ7" i="1"/>
  <c r="JIY7" i="1"/>
  <c r="JIX7" i="1"/>
  <c r="JIW7" i="1"/>
  <c r="JIV7" i="1"/>
  <c r="JIU7" i="1"/>
  <c r="JIT7" i="1"/>
  <c r="JIS7" i="1"/>
  <c r="JIR7" i="1"/>
  <c r="JIQ7" i="1"/>
  <c r="JIP7" i="1"/>
  <c r="JIO7" i="1"/>
  <c r="JIN7" i="1"/>
  <c r="JIM7" i="1"/>
  <c r="JIL7" i="1"/>
  <c r="JIK7" i="1"/>
  <c r="JIJ7" i="1"/>
  <c r="JII7" i="1"/>
  <c r="JIH7" i="1"/>
  <c r="JIG7" i="1"/>
  <c r="JIF7" i="1"/>
  <c r="JIE7" i="1"/>
  <c r="JID7" i="1"/>
  <c r="JIC7" i="1"/>
  <c r="JIB7" i="1"/>
  <c r="JIA7" i="1"/>
  <c r="JHZ7" i="1"/>
  <c r="JHY7" i="1"/>
  <c r="JHX7" i="1"/>
  <c r="JHW7" i="1"/>
  <c r="JHV7" i="1"/>
  <c r="JHU7" i="1"/>
  <c r="JHT7" i="1"/>
  <c r="JHS7" i="1"/>
  <c r="JHR7" i="1"/>
  <c r="JHQ7" i="1"/>
  <c r="JHP7" i="1"/>
  <c r="JHO7" i="1"/>
  <c r="JHN7" i="1"/>
  <c r="JHM7" i="1"/>
  <c r="JHL7" i="1"/>
  <c r="JHK7" i="1"/>
  <c r="JHJ7" i="1"/>
  <c r="JHI7" i="1"/>
  <c r="JHH7" i="1"/>
  <c r="JHG7" i="1"/>
  <c r="JHF7" i="1"/>
  <c r="JHE7" i="1"/>
  <c r="JHD7" i="1"/>
  <c r="JHC7" i="1"/>
  <c r="JHB7" i="1"/>
  <c r="JHA7" i="1"/>
  <c r="JGZ7" i="1"/>
  <c r="JGY7" i="1"/>
  <c r="JGX7" i="1"/>
  <c r="JGW7" i="1"/>
  <c r="JGV7" i="1"/>
  <c r="JGU7" i="1"/>
  <c r="JGT7" i="1"/>
  <c r="JGS7" i="1"/>
  <c r="JGR7" i="1"/>
  <c r="JGQ7" i="1"/>
  <c r="JGP7" i="1"/>
  <c r="JGO7" i="1"/>
  <c r="JGN7" i="1"/>
  <c r="JGM7" i="1"/>
  <c r="JGL7" i="1"/>
  <c r="JGK7" i="1"/>
  <c r="JGJ7" i="1"/>
  <c r="JGI7" i="1"/>
  <c r="JGH7" i="1"/>
  <c r="JGG7" i="1"/>
  <c r="JGF7" i="1"/>
  <c r="JGE7" i="1"/>
  <c r="JGD7" i="1"/>
  <c r="JGC7" i="1"/>
  <c r="JGB7" i="1"/>
  <c r="JGA7" i="1"/>
  <c r="JFZ7" i="1"/>
  <c r="JFY7" i="1"/>
  <c r="JFX7" i="1"/>
  <c r="JFW7" i="1"/>
  <c r="JFV7" i="1"/>
  <c r="JFU7" i="1"/>
  <c r="JFT7" i="1"/>
  <c r="JFS7" i="1"/>
  <c r="JFR7" i="1"/>
  <c r="JFQ7" i="1"/>
  <c r="JFP7" i="1"/>
  <c r="JFO7" i="1"/>
  <c r="JFN7" i="1"/>
  <c r="JFM7" i="1"/>
  <c r="JFL7" i="1"/>
  <c r="JFK7" i="1"/>
  <c r="JFJ7" i="1"/>
  <c r="JFI7" i="1"/>
  <c r="JFH7" i="1"/>
  <c r="JFG7" i="1"/>
  <c r="JFF7" i="1"/>
  <c r="JFE7" i="1"/>
  <c r="JFD7" i="1"/>
  <c r="JFC7" i="1"/>
  <c r="JFB7" i="1"/>
  <c r="JFA7" i="1"/>
  <c r="JEZ7" i="1"/>
  <c r="JEY7" i="1"/>
  <c r="JEX7" i="1"/>
  <c r="JEW7" i="1"/>
  <c r="JEV7" i="1"/>
  <c r="JEU7" i="1"/>
  <c r="JET7" i="1"/>
  <c r="JES7" i="1"/>
  <c r="JER7" i="1"/>
  <c r="JEQ7" i="1"/>
  <c r="JEP7" i="1"/>
  <c r="JEO7" i="1"/>
  <c r="JEN7" i="1"/>
  <c r="JEM7" i="1"/>
  <c r="JEL7" i="1"/>
  <c r="JEK7" i="1"/>
  <c r="JEJ7" i="1"/>
  <c r="JEI7" i="1"/>
  <c r="JEH7" i="1"/>
  <c r="JEG7" i="1"/>
  <c r="JEF7" i="1"/>
  <c r="JEE7" i="1"/>
  <c r="JED7" i="1"/>
  <c r="JEC7" i="1"/>
  <c r="JEB7" i="1"/>
  <c r="JEA7" i="1"/>
  <c r="JDZ7" i="1"/>
  <c r="JDY7" i="1"/>
  <c r="JDX7" i="1"/>
  <c r="JDW7" i="1"/>
  <c r="JDV7" i="1"/>
  <c r="JDU7" i="1"/>
  <c r="JDT7" i="1"/>
  <c r="JDS7" i="1"/>
  <c r="JDR7" i="1"/>
  <c r="JDQ7" i="1"/>
  <c r="JDP7" i="1"/>
  <c r="JDO7" i="1"/>
  <c r="JDN7" i="1"/>
  <c r="JDM7" i="1"/>
  <c r="JDL7" i="1"/>
  <c r="JDK7" i="1"/>
  <c r="JDJ7" i="1"/>
  <c r="JDI7" i="1"/>
  <c r="JDH7" i="1"/>
  <c r="JDG7" i="1"/>
  <c r="JDF7" i="1"/>
  <c r="JDE7" i="1"/>
  <c r="JDD7" i="1"/>
  <c r="JDC7" i="1"/>
  <c r="JDB7" i="1"/>
  <c r="JDA7" i="1"/>
  <c r="JCZ7" i="1"/>
  <c r="JCY7" i="1"/>
  <c r="JCX7" i="1"/>
  <c r="JCW7" i="1"/>
  <c r="JCV7" i="1"/>
  <c r="JCU7" i="1"/>
  <c r="JCT7" i="1"/>
  <c r="JCS7" i="1"/>
  <c r="JCR7" i="1"/>
  <c r="JCQ7" i="1"/>
  <c r="JCP7" i="1"/>
  <c r="JCO7" i="1"/>
  <c r="JCN7" i="1"/>
  <c r="JCM7" i="1"/>
  <c r="JCL7" i="1"/>
  <c r="JCK7" i="1"/>
  <c r="JCJ7" i="1"/>
  <c r="JCI7" i="1"/>
  <c r="JCH7" i="1"/>
  <c r="JCG7" i="1"/>
  <c r="JCF7" i="1"/>
  <c r="JCE7" i="1"/>
  <c r="JCD7" i="1"/>
  <c r="JCC7" i="1"/>
  <c r="JCB7" i="1"/>
  <c r="JCA7" i="1"/>
  <c r="JBZ7" i="1"/>
  <c r="JBY7" i="1"/>
  <c r="JBX7" i="1"/>
  <c r="JBW7" i="1"/>
  <c r="JBV7" i="1"/>
  <c r="JBU7" i="1"/>
  <c r="JBT7" i="1"/>
  <c r="JBS7" i="1"/>
  <c r="JBR7" i="1"/>
  <c r="JBQ7" i="1"/>
  <c r="JBP7" i="1"/>
  <c r="JBO7" i="1"/>
  <c r="JBN7" i="1"/>
  <c r="JBM7" i="1"/>
  <c r="JBL7" i="1"/>
  <c r="JBK7" i="1"/>
  <c r="JBJ7" i="1"/>
  <c r="JBI7" i="1"/>
  <c r="JBH7" i="1"/>
  <c r="JBG7" i="1"/>
  <c r="JBF7" i="1"/>
  <c r="JBE7" i="1"/>
  <c r="JBD7" i="1"/>
  <c r="JBC7" i="1"/>
  <c r="JBB7" i="1"/>
  <c r="JBA7" i="1"/>
  <c r="JAZ7" i="1"/>
  <c r="JAY7" i="1"/>
  <c r="JAX7" i="1"/>
  <c r="JAW7" i="1"/>
  <c r="JAV7" i="1"/>
  <c r="JAU7" i="1"/>
  <c r="JAT7" i="1"/>
  <c r="JAS7" i="1"/>
  <c r="JAR7" i="1"/>
  <c r="JAQ7" i="1"/>
  <c r="JAP7" i="1"/>
  <c r="JAO7" i="1"/>
  <c r="JAN7" i="1"/>
  <c r="JAM7" i="1"/>
  <c r="JAL7" i="1"/>
  <c r="JAK7" i="1"/>
  <c r="JAJ7" i="1"/>
  <c r="JAI7" i="1"/>
  <c r="JAH7" i="1"/>
  <c r="JAG7" i="1"/>
  <c r="JAF7" i="1"/>
  <c r="JAE7" i="1"/>
  <c r="JAD7" i="1"/>
  <c r="JAC7" i="1"/>
  <c r="JAB7" i="1"/>
  <c r="JAA7" i="1"/>
  <c r="IZZ7" i="1"/>
  <c r="IZY7" i="1"/>
  <c r="IZX7" i="1"/>
  <c r="IZW7" i="1"/>
  <c r="IZV7" i="1"/>
  <c r="IZU7" i="1"/>
  <c r="IZT7" i="1"/>
  <c r="IZS7" i="1"/>
  <c r="IZR7" i="1"/>
  <c r="IZQ7" i="1"/>
  <c r="IZP7" i="1"/>
  <c r="IZO7" i="1"/>
  <c r="IZN7" i="1"/>
  <c r="IZM7" i="1"/>
  <c r="IZL7" i="1"/>
  <c r="IZK7" i="1"/>
  <c r="IZJ7" i="1"/>
  <c r="IZI7" i="1"/>
  <c r="IZH7" i="1"/>
  <c r="IZG7" i="1"/>
  <c r="IZF7" i="1"/>
  <c r="IZE7" i="1"/>
  <c r="IZD7" i="1"/>
  <c r="IZC7" i="1"/>
  <c r="IZB7" i="1"/>
  <c r="IZA7" i="1"/>
  <c r="IYZ7" i="1"/>
  <c r="IYY7" i="1"/>
  <c r="IYX7" i="1"/>
  <c r="IYW7" i="1"/>
  <c r="IYV7" i="1"/>
  <c r="IYU7" i="1"/>
  <c r="IYT7" i="1"/>
  <c r="IYS7" i="1"/>
  <c r="IYR7" i="1"/>
  <c r="IYQ7" i="1"/>
  <c r="IYP7" i="1"/>
  <c r="IYO7" i="1"/>
  <c r="IYN7" i="1"/>
  <c r="IYM7" i="1"/>
  <c r="IYL7" i="1"/>
  <c r="IYK7" i="1"/>
  <c r="IYJ7" i="1"/>
  <c r="IYI7" i="1"/>
  <c r="IYH7" i="1"/>
  <c r="IYG7" i="1"/>
  <c r="IYF7" i="1"/>
  <c r="IYE7" i="1"/>
  <c r="IYD7" i="1"/>
  <c r="IYC7" i="1"/>
  <c r="IYB7" i="1"/>
  <c r="IYA7" i="1"/>
  <c r="IXZ7" i="1"/>
  <c r="IXY7" i="1"/>
  <c r="IXX7" i="1"/>
  <c r="IXW7" i="1"/>
  <c r="IXV7" i="1"/>
  <c r="IXU7" i="1"/>
  <c r="IXT7" i="1"/>
  <c r="IXS7" i="1"/>
  <c r="IXR7" i="1"/>
  <c r="IXQ7" i="1"/>
  <c r="IXP7" i="1"/>
  <c r="IXO7" i="1"/>
  <c r="IXN7" i="1"/>
  <c r="IXM7" i="1"/>
  <c r="IXL7" i="1"/>
  <c r="IXK7" i="1"/>
  <c r="IXJ7" i="1"/>
  <c r="IXI7" i="1"/>
  <c r="IXH7" i="1"/>
  <c r="IXG7" i="1"/>
  <c r="IXF7" i="1"/>
  <c r="IXE7" i="1"/>
  <c r="IXD7" i="1"/>
  <c r="IXC7" i="1"/>
  <c r="IXB7" i="1"/>
  <c r="IXA7" i="1"/>
  <c r="IWZ7" i="1"/>
  <c r="IWY7" i="1"/>
  <c r="IWX7" i="1"/>
  <c r="IWW7" i="1"/>
  <c r="IWV7" i="1"/>
  <c r="IWU7" i="1"/>
  <c r="IWT7" i="1"/>
  <c r="IWS7" i="1"/>
  <c r="IWR7" i="1"/>
  <c r="IWQ7" i="1"/>
  <c r="IWP7" i="1"/>
  <c r="IWO7" i="1"/>
  <c r="IWN7" i="1"/>
  <c r="IWM7" i="1"/>
  <c r="IWL7" i="1"/>
  <c r="IWK7" i="1"/>
  <c r="IWJ7" i="1"/>
  <c r="IWI7" i="1"/>
  <c r="IWH7" i="1"/>
  <c r="IWG7" i="1"/>
  <c r="IWF7" i="1"/>
  <c r="IWE7" i="1"/>
  <c r="IWD7" i="1"/>
  <c r="IWC7" i="1"/>
  <c r="IWB7" i="1"/>
  <c r="IWA7" i="1"/>
  <c r="IVZ7" i="1"/>
  <c r="IVY7" i="1"/>
  <c r="IVX7" i="1"/>
  <c r="IVW7" i="1"/>
  <c r="IVV7" i="1"/>
  <c r="IVU7" i="1"/>
  <c r="IVT7" i="1"/>
  <c r="IVS7" i="1"/>
  <c r="IVR7" i="1"/>
  <c r="IVQ7" i="1"/>
  <c r="IVP7" i="1"/>
  <c r="IVO7" i="1"/>
  <c r="IVN7" i="1"/>
  <c r="IVM7" i="1"/>
  <c r="IVL7" i="1"/>
  <c r="IVK7" i="1"/>
  <c r="IVJ7" i="1"/>
  <c r="IVI7" i="1"/>
  <c r="IVH7" i="1"/>
  <c r="IVG7" i="1"/>
  <c r="IVF7" i="1"/>
  <c r="IVE7" i="1"/>
  <c r="IVD7" i="1"/>
  <c r="IVC7" i="1"/>
  <c r="IVB7" i="1"/>
  <c r="IVA7" i="1"/>
  <c r="IUZ7" i="1"/>
  <c r="IUY7" i="1"/>
  <c r="IUX7" i="1"/>
  <c r="IUW7" i="1"/>
  <c r="IUV7" i="1"/>
  <c r="IUU7" i="1"/>
  <c r="IUT7" i="1"/>
  <c r="IUS7" i="1"/>
  <c r="IUR7" i="1"/>
  <c r="IUQ7" i="1"/>
  <c r="IUP7" i="1"/>
  <c r="IUO7" i="1"/>
  <c r="IUN7" i="1"/>
  <c r="IUM7" i="1"/>
  <c r="IUL7" i="1"/>
  <c r="IUK7" i="1"/>
  <c r="IUJ7" i="1"/>
  <c r="IUI7" i="1"/>
  <c r="IUH7" i="1"/>
  <c r="IUG7" i="1"/>
  <c r="IUF7" i="1"/>
  <c r="IUE7" i="1"/>
  <c r="IUD7" i="1"/>
  <c r="IUC7" i="1"/>
  <c r="IUB7" i="1"/>
  <c r="IUA7" i="1"/>
  <c r="ITZ7" i="1"/>
  <c r="ITY7" i="1"/>
  <c r="ITX7" i="1"/>
  <c r="ITW7" i="1"/>
  <c r="ITV7" i="1"/>
  <c r="ITU7" i="1"/>
  <c r="ITT7" i="1"/>
  <c r="ITS7" i="1"/>
  <c r="ITR7" i="1"/>
  <c r="ITQ7" i="1"/>
  <c r="ITP7" i="1"/>
  <c r="ITO7" i="1"/>
  <c r="ITN7" i="1"/>
  <c r="ITM7" i="1"/>
  <c r="ITL7" i="1"/>
  <c r="ITK7" i="1"/>
  <c r="ITJ7" i="1"/>
  <c r="ITI7" i="1"/>
  <c r="ITH7" i="1"/>
  <c r="ITG7" i="1"/>
  <c r="ITF7" i="1"/>
  <c r="ITE7" i="1"/>
  <c r="ITD7" i="1"/>
  <c r="ITC7" i="1"/>
  <c r="ITB7" i="1"/>
  <c r="ITA7" i="1"/>
  <c r="ISZ7" i="1"/>
  <c r="ISY7" i="1"/>
  <c r="ISX7" i="1"/>
  <c r="ISW7" i="1"/>
  <c r="ISV7" i="1"/>
  <c r="ISU7" i="1"/>
  <c r="IST7" i="1"/>
  <c r="ISS7" i="1"/>
  <c r="ISR7" i="1"/>
  <c r="ISQ7" i="1"/>
  <c r="ISP7" i="1"/>
  <c r="ISO7" i="1"/>
  <c r="ISN7" i="1"/>
  <c r="ISM7" i="1"/>
  <c r="ISL7" i="1"/>
  <c r="ISK7" i="1"/>
  <c r="ISJ7" i="1"/>
  <c r="ISI7" i="1"/>
  <c r="ISH7" i="1"/>
  <c r="ISG7" i="1"/>
  <c r="ISF7" i="1"/>
  <c r="ISE7" i="1"/>
  <c r="ISD7" i="1"/>
  <c r="ISC7" i="1"/>
  <c r="ISB7" i="1"/>
  <c r="ISA7" i="1"/>
  <c r="IRZ7" i="1"/>
  <c r="IRY7" i="1"/>
  <c r="IRX7" i="1"/>
  <c r="IRW7" i="1"/>
  <c r="IRV7" i="1"/>
  <c r="IRU7" i="1"/>
  <c r="IRT7" i="1"/>
  <c r="IRS7" i="1"/>
  <c r="IRR7" i="1"/>
  <c r="IRQ7" i="1"/>
  <c r="IRP7" i="1"/>
  <c r="IRO7" i="1"/>
  <c r="IRN7" i="1"/>
  <c r="IRM7" i="1"/>
  <c r="IRL7" i="1"/>
  <c r="IRK7" i="1"/>
  <c r="IRJ7" i="1"/>
  <c r="IRI7" i="1"/>
  <c r="IRH7" i="1"/>
  <c r="IRG7" i="1"/>
  <c r="IRF7" i="1"/>
  <c r="IRE7" i="1"/>
  <c r="IRD7" i="1"/>
  <c r="IRC7" i="1"/>
  <c r="IRB7" i="1"/>
  <c r="IRA7" i="1"/>
  <c r="IQZ7" i="1"/>
  <c r="IQY7" i="1"/>
  <c r="IQX7" i="1"/>
  <c r="IQW7" i="1"/>
  <c r="IQV7" i="1"/>
  <c r="IQU7" i="1"/>
  <c r="IQT7" i="1"/>
  <c r="IQS7" i="1"/>
  <c r="IQR7" i="1"/>
  <c r="IQQ7" i="1"/>
  <c r="IQP7" i="1"/>
  <c r="IQO7" i="1"/>
  <c r="IQN7" i="1"/>
  <c r="IQM7" i="1"/>
  <c r="IQL7" i="1"/>
  <c r="IQK7" i="1"/>
  <c r="IQJ7" i="1"/>
  <c r="IQI7" i="1"/>
  <c r="IQH7" i="1"/>
  <c r="IQG7" i="1"/>
  <c r="IQF7" i="1"/>
  <c r="IQE7" i="1"/>
  <c r="IQD7" i="1"/>
  <c r="IQC7" i="1"/>
  <c r="IQB7" i="1"/>
  <c r="IQA7" i="1"/>
  <c r="IPZ7" i="1"/>
  <c r="IPY7" i="1"/>
  <c r="IPX7" i="1"/>
  <c r="IPW7" i="1"/>
  <c r="IPV7" i="1"/>
  <c r="IPU7" i="1"/>
  <c r="IPT7" i="1"/>
  <c r="IPS7" i="1"/>
  <c r="IPR7" i="1"/>
  <c r="IPQ7" i="1"/>
  <c r="IPP7" i="1"/>
  <c r="IPO7" i="1"/>
  <c r="IPN7" i="1"/>
  <c r="IPM7" i="1"/>
  <c r="IPL7" i="1"/>
  <c r="IPK7" i="1"/>
  <c r="IPJ7" i="1"/>
  <c r="IPI7" i="1"/>
  <c r="IPH7" i="1"/>
  <c r="IPG7" i="1"/>
  <c r="IPF7" i="1"/>
  <c r="IPE7" i="1"/>
  <c r="IPD7" i="1"/>
  <c r="IPC7" i="1"/>
  <c r="IPB7" i="1"/>
  <c r="IPA7" i="1"/>
  <c r="IOZ7" i="1"/>
  <c r="IOY7" i="1"/>
  <c r="IOX7" i="1"/>
  <c r="IOW7" i="1"/>
  <c r="IOV7" i="1"/>
  <c r="IOU7" i="1"/>
  <c r="IOT7" i="1"/>
  <c r="IOS7" i="1"/>
  <c r="IOR7" i="1"/>
  <c r="IOQ7" i="1"/>
  <c r="IOP7" i="1"/>
  <c r="IOO7" i="1"/>
  <c r="ION7" i="1"/>
  <c r="IOM7" i="1"/>
  <c r="IOL7" i="1"/>
  <c r="IOK7" i="1"/>
  <c r="IOJ7" i="1"/>
  <c r="IOI7" i="1"/>
  <c r="IOH7" i="1"/>
  <c r="IOG7" i="1"/>
  <c r="IOF7" i="1"/>
  <c r="IOE7" i="1"/>
  <c r="IOD7" i="1"/>
  <c r="IOC7" i="1"/>
  <c r="IOB7" i="1"/>
  <c r="IOA7" i="1"/>
  <c r="INZ7" i="1"/>
  <c r="INY7" i="1"/>
  <c r="INX7" i="1"/>
  <c r="INW7" i="1"/>
  <c r="INV7" i="1"/>
  <c r="INU7" i="1"/>
  <c r="INT7" i="1"/>
  <c r="INS7" i="1"/>
  <c r="INR7" i="1"/>
  <c r="INQ7" i="1"/>
  <c r="INP7" i="1"/>
  <c r="INO7" i="1"/>
  <c r="INN7" i="1"/>
  <c r="INM7" i="1"/>
  <c r="INL7" i="1"/>
  <c r="INK7" i="1"/>
  <c r="INJ7" i="1"/>
  <c r="INI7" i="1"/>
  <c r="INH7" i="1"/>
  <c r="ING7" i="1"/>
  <c r="INF7" i="1"/>
  <c r="INE7" i="1"/>
  <c r="IND7" i="1"/>
  <c r="INC7" i="1"/>
  <c r="INB7" i="1"/>
  <c r="INA7" i="1"/>
  <c r="IMZ7" i="1"/>
  <c r="IMY7" i="1"/>
  <c r="IMX7" i="1"/>
  <c r="IMW7" i="1"/>
  <c r="IMV7" i="1"/>
  <c r="IMU7" i="1"/>
  <c r="IMT7" i="1"/>
  <c r="IMS7" i="1"/>
  <c r="IMR7" i="1"/>
  <c r="IMQ7" i="1"/>
  <c r="IMP7" i="1"/>
  <c r="IMO7" i="1"/>
  <c r="IMN7" i="1"/>
  <c r="IMM7" i="1"/>
  <c r="IML7" i="1"/>
  <c r="IMK7" i="1"/>
  <c r="IMJ7" i="1"/>
  <c r="IMI7" i="1"/>
  <c r="IMH7" i="1"/>
  <c r="IMG7" i="1"/>
  <c r="IMF7" i="1"/>
  <c r="IME7" i="1"/>
  <c r="IMD7" i="1"/>
  <c r="IMC7" i="1"/>
  <c r="IMB7" i="1"/>
  <c r="IMA7" i="1"/>
  <c r="ILZ7" i="1"/>
  <c r="ILY7" i="1"/>
  <c r="ILX7" i="1"/>
  <c r="ILW7" i="1"/>
  <c r="ILV7" i="1"/>
  <c r="ILU7" i="1"/>
  <c r="ILT7" i="1"/>
  <c r="ILS7" i="1"/>
  <c r="ILR7" i="1"/>
  <c r="ILQ7" i="1"/>
  <c r="ILP7" i="1"/>
  <c r="ILO7" i="1"/>
  <c r="ILN7" i="1"/>
  <c r="ILM7" i="1"/>
  <c r="ILL7" i="1"/>
  <c r="ILK7" i="1"/>
  <c r="ILJ7" i="1"/>
  <c r="ILI7" i="1"/>
  <c r="ILH7" i="1"/>
  <c r="ILG7" i="1"/>
  <c r="ILF7" i="1"/>
  <c r="ILE7" i="1"/>
  <c r="ILD7" i="1"/>
  <c r="ILC7" i="1"/>
  <c r="ILB7" i="1"/>
  <c r="ILA7" i="1"/>
  <c r="IKZ7" i="1"/>
  <c r="IKY7" i="1"/>
  <c r="IKX7" i="1"/>
  <c r="IKW7" i="1"/>
  <c r="IKV7" i="1"/>
  <c r="IKU7" i="1"/>
  <c r="IKT7" i="1"/>
  <c r="IKS7" i="1"/>
  <c r="IKR7" i="1"/>
  <c r="IKQ7" i="1"/>
  <c r="IKP7" i="1"/>
  <c r="IKO7" i="1"/>
  <c r="IKN7" i="1"/>
  <c r="IKM7" i="1"/>
  <c r="IKL7" i="1"/>
  <c r="IKK7" i="1"/>
  <c r="IKJ7" i="1"/>
  <c r="IKI7" i="1"/>
  <c r="IKH7" i="1"/>
  <c r="IKG7" i="1"/>
  <c r="IKF7" i="1"/>
  <c r="IKE7" i="1"/>
  <c r="IKD7" i="1"/>
  <c r="IKC7" i="1"/>
  <c r="IKB7" i="1"/>
  <c r="IKA7" i="1"/>
  <c r="IJZ7" i="1"/>
  <c r="IJY7" i="1"/>
  <c r="IJX7" i="1"/>
  <c r="IJW7" i="1"/>
  <c r="IJV7" i="1"/>
  <c r="IJU7" i="1"/>
  <c r="IJT7" i="1"/>
  <c r="IJS7" i="1"/>
  <c r="IJR7" i="1"/>
  <c r="IJQ7" i="1"/>
  <c r="IJP7" i="1"/>
  <c r="IJO7" i="1"/>
  <c r="IJN7" i="1"/>
  <c r="IJM7" i="1"/>
  <c r="IJL7" i="1"/>
  <c r="IJK7" i="1"/>
  <c r="IJJ7" i="1"/>
  <c r="IJI7" i="1"/>
  <c r="IJH7" i="1"/>
  <c r="IJG7" i="1"/>
  <c r="IJF7" i="1"/>
  <c r="IJE7" i="1"/>
  <c r="IJD7" i="1"/>
  <c r="IJC7" i="1"/>
  <c r="IJB7" i="1"/>
  <c r="IJA7" i="1"/>
  <c r="IIZ7" i="1"/>
  <c r="IIY7" i="1"/>
  <c r="IIX7" i="1"/>
  <c r="IIW7" i="1"/>
  <c r="IIV7" i="1"/>
  <c r="IIU7" i="1"/>
  <c r="IIT7" i="1"/>
  <c r="IIS7" i="1"/>
  <c r="IIR7" i="1"/>
  <c r="IIQ7" i="1"/>
  <c r="IIP7" i="1"/>
  <c r="IIO7" i="1"/>
  <c r="IIN7" i="1"/>
  <c r="IIM7" i="1"/>
  <c r="IIL7" i="1"/>
  <c r="IIK7" i="1"/>
  <c r="IIJ7" i="1"/>
  <c r="III7" i="1"/>
  <c r="IIH7" i="1"/>
  <c r="IIG7" i="1"/>
  <c r="IIF7" i="1"/>
  <c r="IIE7" i="1"/>
  <c r="IID7" i="1"/>
  <c r="IIC7" i="1"/>
  <c r="IIB7" i="1"/>
  <c r="IIA7" i="1"/>
  <c r="IHZ7" i="1"/>
  <c r="IHY7" i="1"/>
  <c r="IHX7" i="1"/>
  <c r="IHW7" i="1"/>
  <c r="IHV7" i="1"/>
  <c r="IHU7" i="1"/>
  <c r="IHT7" i="1"/>
  <c r="IHS7" i="1"/>
  <c r="IHR7" i="1"/>
  <c r="IHQ7" i="1"/>
  <c r="IHP7" i="1"/>
  <c r="IHO7" i="1"/>
  <c r="IHN7" i="1"/>
  <c r="IHM7" i="1"/>
  <c r="IHL7" i="1"/>
  <c r="IHK7" i="1"/>
  <c r="IHJ7" i="1"/>
  <c r="IHI7" i="1"/>
  <c r="IHH7" i="1"/>
  <c r="IHG7" i="1"/>
  <c r="IHF7" i="1"/>
  <c r="IHE7" i="1"/>
  <c r="IHD7" i="1"/>
  <c r="IHC7" i="1"/>
  <c r="IHB7" i="1"/>
  <c r="IHA7" i="1"/>
  <c r="IGZ7" i="1"/>
  <c r="IGY7" i="1"/>
  <c r="IGX7" i="1"/>
  <c r="IGW7" i="1"/>
  <c r="IGV7" i="1"/>
  <c r="IGU7" i="1"/>
  <c r="IGT7" i="1"/>
  <c r="IGS7" i="1"/>
  <c r="IGR7" i="1"/>
  <c r="IGQ7" i="1"/>
  <c r="IGP7" i="1"/>
  <c r="IGO7" i="1"/>
  <c r="IGN7" i="1"/>
  <c r="IGM7" i="1"/>
  <c r="IGL7" i="1"/>
  <c r="IGK7" i="1"/>
  <c r="IGJ7" i="1"/>
  <c r="IGI7" i="1"/>
  <c r="IGH7" i="1"/>
  <c r="IGG7" i="1"/>
  <c r="IGF7" i="1"/>
  <c r="IGE7" i="1"/>
  <c r="IGD7" i="1"/>
  <c r="IGC7" i="1"/>
  <c r="IGB7" i="1"/>
  <c r="IGA7" i="1"/>
  <c r="IFZ7" i="1"/>
  <c r="IFY7" i="1"/>
  <c r="IFX7" i="1"/>
  <c r="IFW7" i="1"/>
  <c r="IFV7" i="1"/>
  <c r="IFU7" i="1"/>
  <c r="IFT7" i="1"/>
  <c r="IFS7" i="1"/>
  <c r="IFR7" i="1"/>
  <c r="IFQ7" i="1"/>
  <c r="IFP7" i="1"/>
  <c r="IFO7" i="1"/>
  <c r="IFN7" i="1"/>
  <c r="IFM7" i="1"/>
  <c r="IFL7" i="1"/>
  <c r="IFK7" i="1"/>
  <c r="IFJ7" i="1"/>
  <c r="IFI7" i="1"/>
  <c r="IFH7" i="1"/>
  <c r="IFG7" i="1"/>
  <c r="IFF7" i="1"/>
  <c r="IFE7" i="1"/>
  <c r="IFD7" i="1"/>
  <c r="IFC7" i="1"/>
  <c r="IFB7" i="1"/>
  <c r="IFA7" i="1"/>
  <c r="IEZ7" i="1"/>
  <c r="IEY7" i="1"/>
  <c r="IEX7" i="1"/>
  <c r="IEW7" i="1"/>
  <c r="IEV7" i="1"/>
  <c r="IEU7" i="1"/>
  <c r="IET7" i="1"/>
  <c r="IES7" i="1"/>
  <c r="IER7" i="1"/>
  <c r="IEQ7" i="1"/>
  <c r="IEP7" i="1"/>
  <c r="IEO7" i="1"/>
  <c r="IEN7" i="1"/>
  <c r="IEM7" i="1"/>
  <c r="IEL7" i="1"/>
  <c r="IEK7" i="1"/>
  <c r="IEJ7" i="1"/>
  <c r="IEI7" i="1"/>
  <c r="IEH7" i="1"/>
  <c r="IEG7" i="1"/>
  <c r="IEF7" i="1"/>
  <c r="IEE7" i="1"/>
  <c r="IED7" i="1"/>
  <c r="IEC7" i="1"/>
  <c r="IEB7" i="1"/>
  <c r="IEA7" i="1"/>
  <c r="IDZ7" i="1"/>
  <c r="IDY7" i="1"/>
  <c r="IDX7" i="1"/>
  <c r="IDW7" i="1"/>
  <c r="IDV7" i="1"/>
  <c r="IDU7" i="1"/>
  <c r="IDT7" i="1"/>
  <c r="IDS7" i="1"/>
  <c r="IDR7" i="1"/>
  <c r="IDQ7" i="1"/>
  <c r="IDP7" i="1"/>
  <c r="IDO7" i="1"/>
  <c r="IDN7" i="1"/>
  <c r="IDM7" i="1"/>
  <c r="IDL7" i="1"/>
  <c r="IDK7" i="1"/>
  <c r="IDJ7" i="1"/>
  <c r="IDI7" i="1"/>
  <c r="IDH7" i="1"/>
  <c r="IDG7" i="1"/>
  <c r="IDF7" i="1"/>
  <c r="IDE7" i="1"/>
  <c r="IDD7" i="1"/>
  <c r="IDC7" i="1"/>
  <c r="IDB7" i="1"/>
  <c r="IDA7" i="1"/>
  <c r="ICZ7" i="1"/>
  <c r="ICY7" i="1"/>
  <c r="ICX7" i="1"/>
  <c r="ICW7" i="1"/>
  <c r="ICV7" i="1"/>
  <c r="ICU7" i="1"/>
  <c r="ICT7" i="1"/>
  <c r="ICS7" i="1"/>
  <c r="ICR7" i="1"/>
  <c r="ICQ7" i="1"/>
  <c r="ICP7" i="1"/>
  <c r="ICO7" i="1"/>
  <c r="ICN7" i="1"/>
  <c r="ICM7" i="1"/>
  <c r="ICL7" i="1"/>
  <c r="ICK7" i="1"/>
  <c r="ICJ7" i="1"/>
  <c r="ICI7" i="1"/>
  <c r="ICH7" i="1"/>
  <c r="ICG7" i="1"/>
  <c r="ICF7" i="1"/>
  <c r="ICE7" i="1"/>
  <c r="ICD7" i="1"/>
  <c r="ICC7" i="1"/>
  <c r="ICB7" i="1"/>
  <c r="ICA7" i="1"/>
  <c r="IBZ7" i="1"/>
  <c r="IBY7" i="1"/>
  <c r="IBX7" i="1"/>
  <c r="IBW7" i="1"/>
  <c r="IBV7" i="1"/>
  <c r="IBU7" i="1"/>
  <c r="IBT7" i="1"/>
  <c r="IBS7" i="1"/>
  <c r="IBR7" i="1"/>
  <c r="IBQ7" i="1"/>
  <c r="IBP7" i="1"/>
  <c r="IBO7" i="1"/>
  <c r="IBN7" i="1"/>
  <c r="IBM7" i="1"/>
  <c r="IBL7" i="1"/>
  <c r="IBK7" i="1"/>
  <c r="IBJ7" i="1"/>
  <c r="IBI7" i="1"/>
  <c r="IBH7" i="1"/>
  <c r="IBG7" i="1"/>
  <c r="IBF7" i="1"/>
  <c r="IBE7" i="1"/>
  <c r="IBD7" i="1"/>
  <c r="IBC7" i="1"/>
  <c r="IBB7" i="1"/>
  <c r="IBA7" i="1"/>
  <c r="IAZ7" i="1"/>
  <c r="IAY7" i="1"/>
  <c r="IAX7" i="1"/>
  <c r="IAW7" i="1"/>
  <c r="IAV7" i="1"/>
  <c r="IAU7" i="1"/>
  <c r="IAT7" i="1"/>
  <c r="IAS7" i="1"/>
  <c r="IAR7" i="1"/>
  <c r="IAQ7" i="1"/>
  <c r="IAP7" i="1"/>
  <c r="IAO7" i="1"/>
  <c r="IAN7" i="1"/>
  <c r="IAM7" i="1"/>
  <c r="IAL7" i="1"/>
  <c r="IAK7" i="1"/>
  <c r="IAJ7" i="1"/>
  <c r="IAI7" i="1"/>
  <c r="IAH7" i="1"/>
  <c r="IAG7" i="1"/>
  <c r="IAF7" i="1"/>
  <c r="IAE7" i="1"/>
  <c r="IAD7" i="1"/>
  <c r="IAC7" i="1"/>
  <c r="IAB7" i="1"/>
  <c r="IAA7" i="1"/>
  <c r="HZZ7" i="1"/>
  <c r="HZY7" i="1"/>
  <c r="HZX7" i="1"/>
  <c r="HZW7" i="1"/>
  <c r="HZV7" i="1"/>
  <c r="HZU7" i="1"/>
  <c r="HZT7" i="1"/>
  <c r="HZS7" i="1"/>
  <c r="HZR7" i="1"/>
  <c r="HZQ7" i="1"/>
  <c r="HZP7" i="1"/>
  <c r="HZO7" i="1"/>
  <c r="HZN7" i="1"/>
  <c r="HZM7" i="1"/>
  <c r="HZL7" i="1"/>
  <c r="HZK7" i="1"/>
  <c r="HZJ7" i="1"/>
  <c r="HZI7" i="1"/>
  <c r="HZH7" i="1"/>
  <c r="HZG7" i="1"/>
  <c r="HZF7" i="1"/>
  <c r="HZE7" i="1"/>
  <c r="HZD7" i="1"/>
  <c r="HZC7" i="1"/>
  <c r="HZB7" i="1"/>
  <c r="HZA7" i="1"/>
  <c r="HYZ7" i="1"/>
  <c r="HYY7" i="1"/>
  <c r="HYX7" i="1"/>
  <c r="HYW7" i="1"/>
  <c r="HYV7" i="1"/>
  <c r="HYU7" i="1"/>
  <c r="HYT7" i="1"/>
  <c r="HYS7" i="1"/>
  <c r="HYR7" i="1"/>
  <c r="HYQ7" i="1"/>
  <c r="HYP7" i="1"/>
  <c r="HYO7" i="1"/>
  <c r="HYN7" i="1"/>
  <c r="HYM7" i="1"/>
  <c r="HYL7" i="1"/>
  <c r="HYK7" i="1"/>
  <c r="HYJ7" i="1"/>
  <c r="HYI7" i="1"/>
  <c r="HYH7" i="1"/>
  <c r="HYG7" i="1"/>
  <c r="HYF7" i="1"/>
  <c r="HYE7" i="1"/>
  <c r="HYD7" i="1"/>
  <c r="HYC7" i="1"/>
  <c r="HYB7" i="1"/>
  <c r="HYA7" i="1"/>
  <c r="HXZ7" i="1"/>
  <c r="HXY7" i="1"/>
  <c r="HXX7" i="1"/>
  <c r="HXW7" i="1"/>
  <c r="HXV7" i="1"/>
  <c r="HXU7" i="1"/>
  <c r="HXT7" i="1"/>
  <c r="HXS7" i="1"/>
  <c r="HXR7" i="1"/>
  <c r="HXQ7" i="1"/>
  <c r="HXP7" i="1"/>
  <c r="HXO7" i="1"/>
  <c r="HXN7" i="1"/>
  <c r="HXM7" i="1"/>
  <c r="HXL7" i="1"/>
  <c r="HXK7" i="1"/>
  <c r="HXJ7" i="1"/>
  <c r="HXI7" i="1"/>
  <c r="HXH7" i="1"/>
  <c r="HXG7" i="1"/>
  <c r="HXF7" i="1"/>
  <c r="HXE7" i="1"/>
  <c r="HXD7" i="1"/>
  <c r="HXC7" i="1"/>
  <c r="HXB7" i="1"/>
  <c r="HXA7" i="1"/>
  <c r="HWZ7" i="1"/>
  <c r="HWY7" i="1"/>
  <c r="HWX7" i="1"/>
  <c r="HWW7" i="1"/>
  <c r="HWV7" i="1"/>
  <c r="HWU7" i="1"/>
  <c r="HWT7" i="1"/>
  <c r="HWS7" i="1"/>
  <c r="HWR7" i="1"/>
  <c r="HWQ7" i="1"/>
  <c r="HWP7" i="1"/>
  <c r="HWO7" i="1"/>
  <c r="HWN7" i="1"/>
  <c r="HWM7" i="1"/>
  <c r="HWL7" i="1"/>
  <c r="HWK7" i="1"/>
  <c r="HWJ7" i="1"/>
  <c r="HWI7" i="1"/>
  <c r="HWH7" i="1"/>
  <c r="HWG7" i="1"/>
  <c r="HWF7" i="1"/>
  <c r="HWE7" i="1"/>
  <c r="HWD7" i="1"/>
  <c r="HWC7" i="1"/>
  <c r="HWB7" i="1"/>
  <c r="HWA7" i="1"/>
  <c r="HVZ7" i="1"/>
  <c r="HVY7" i="1"/>
  <c r="HVX7" i="1"/>
  <c r="HVW7" i="1"/>
  <c r="HVV7" i="1"/>
  <c r="HVU7" i="1"/>
  <c r="HVT7" i="1"/>
  <c r="HVS7" i="1"/>
  <c r="HVR7" i="1"/>
  <c r="HVQ7" i="1"/>
  <c r="HVP7" i="1"/>
  <c r="HVO7" i="1"/>
  <c r="HVN7" i="1"/>
  <c r="HVM7" i="1"/>
  <c r="HVL7" i="1"/>
  <c r="HVK7" i="1"/>
  <c r="HVJ7" i="1"/>
  <c r="HVI7" i="1"/>
  <c r="HVH7" i="1"/>
  <c r="HVG7" i="1"/>
  <c r="HVF7" i="1"/>
  <c r="HVE7" i="1"/>
  <c r="HVD7" i="1"/>
  <c r="HVC7" i="1"/>
  <c r="HVB7" i="1"/>
  <c r="HVA7" i="1"/>
  <c r="HUZ7" i="1"/>
  <c r="HUY7" i="1"/>
  <c r="HUX7" i="1"/>
  <c r="HUW7" i="1"/>
  <c r="HUV7" i="1"/>
  <c r="HUU7" i="1"/>
  <c r="HUT7" i="1"/>
  <c r="HUS7" i="1"/>
  <c r="HUR7" i="1"/>
  <c r="HUQ7" i="1"/>
  <c r="HUP7" i="1"/>
  <c r="HUO7" i="1"/>
  <c r="HUN7" i="1"/>
  <c r="HUM7" i="1"/>
  <c r="HUL7" i="1"/>
  <c r="HUK7" i="1"/>
  <c r="HUJ7" i="1"/>
  <c r="HUI7" i="1"/>
  <c r="HUH7" i="1"/>
  <c r="HUG7" i="1"/>
  <c r="HUF7" i="1"/>
  <c r="HUE7" i="1"/>
  <c r="HUD7" i="1"/>
  <c r="HUC7" i="1"/>
  <c r="HUB7" i="1"/>
  <c r="HUA7" i="1"/>
  <c r="HTZ7" i="1"/>
  <c r="HTY7" i="1"/>
  <c r="HTX7" i="1"/>
  <c r="HTW7" i="1"/>
  <c r="HTV7" i="1"/>
  <c r="HTU7" i="1"/>
  <c r="HTT7" i="1"/>
  <c r="HTS7" i="1"/>
  <c r="HTR7" i="1"/>
  <c r="HTQ7" i="1"/>
  <c r="HTP7" i="1"/>
  <c r="HTO7" i="1"/>
  <c r="HTN7" i="1"/>
  <c r="HTM7" i="1"/>
  <c r="HTL7" i="1"/>
  <c r="HTK7" i="1"/>
  <c r="HTJ7" i="1"/>
  <c r="HTI7" i="1"/>
  <c r="HTH7" i="1"/>
  <c r="HTG7" i="1"/>
  <c r="HTF7" i="1"/>
  <c r="HTE7" i="1"/>
  <c r="HTD7" i="1"/>
  <c r="HTC7" i="1"/>
  <c r="HTB7" i="1"/>
  <c r="HTA7" i="1"/>
  <c r="HSZ7" i="1"/>
  <c r="HSY7" i="1"/>
  <c r="HSX7" i="1"/>
  <c r="HSW7" i="1"/>
  <c r="HSV7" i="1"/>
  <c r="HSU7" i="1"/>
  <c r="HST7" i="1"/>
  <c r="HSS7" i="1"/>
  <c r="HSR7" i="1"/>
  <c r="HSQ7" i="1"/>
  <c r="HSP7" i="1"/>
  <c r="HSO7" i="1"/>
  <c r="HSN7" i="1"/>
  <c r="HSM7" i="1"/>
  <c r="HSL7" i="1"/>
  <c r="HSK7" i="1"/>
  <c r="HSJ7" i="1"/>
  <c r="HSI7" i="1"/>
  <c r="HSH7" i="1"/>
  <c r="HSG7" i="1"/>
  <c r="HSF7" i="1"/>
  <c r="HSE7" i="1"/>
  <c r="HSD7" i="1"/>
  <c r="HSC7" i="1"/>
  <c r="HSB7" i="1"/>
  <c r="HSA7" i="1"/>
  <c r="HRZ7" i="1"/>
  <c r="HRY7" i="1"/>
  <c r="HRX7" i="1"/>
  <c r="HRW7" i="1"/>
  <c r="HRV7" i="1"/>
  <c r="HRU7" i="1"/>
  <c r="HRT7" i="1"/>
  <c r="HRS7" i="1"/>
  <c r="HRR7" i="1"/>
  <c r="HRQ7" i="1"/>
  <c r="HRP7" i="1"/>
  <c r="HRO7" i="1"/>
  <c r="HRN7" i="1"/>
  <c r="HRM7" i="1"/>
  <c r="HRL7" i="1"/>
  <c r="HRK7" i="1"/>
  <c r="HRJ7" i="1"/>
  <c r="HRI7" i="1"/>
  <c r="HRH7" i="1"/>
  <c r="HRG7" i="1"/>
  <c r="HRF7" i="1"/>
  <c r="HRE7" i="1"/>
  <c r="HRD7" i="1"/>
  <c r="HRC7" i="1"/>
  <c r="HRB7" i="1"/>
  <c r="HRA7" i="1"/>
  <c r="HQZ7" i="1"/>
  <c r="HQY7" i="1"/>
  <c r="HQX7" i="1"/>
  <c r="HQW7" i="1"/>
  <c r="HQV7" i="1"/>
  <c r="HQU7" i="1"/>
  <c r="HQT7" i="1"/>
  <c r="HQS7" i="1"/>
  <c r="HQR7" i="1"/>
  <c r="HQQ7" i="1"/>
  <c r="HQP7" i="1"/>
  <c r="HQO7" i="1"/>
  <c r="HQN7" i="1"/>
  <c r="HQM7" i="1"/>
  <c r="HQL7" i="1"/>
  <c r="HQK7" i="1"/>
  <c r="HQJ7" i="1"/>
  <c r="HQI7" i="1"/>
  <c r="HQH7" i="1"/>
  <c r="HQG7" i="1"/>
  <c r="HQF7" i="1"/>
  <c r="HQE7" i="1"/>
  <c r="HQD7" i="1"/>
  <c r="HQC7" i="1"/>
  <c r="HQB7" i="1"/>
  <c r="HQA7" i="1"/>
  <c r="HPZ7" i="1"/>
  <c r="HPY7" i="1"/>
  <c r="HPX7" i="1"/>
  <c r="HPW7" i="1"/>
  <c r="HPV7" i="1"/>
  <c r="HPU7" i="1"/>
  <c r="HPT7" i="1"/>
  <c r="HPS7" i="1"/>
  <c r="HPR7" i="1"/>
  <c r="HPQ7" i="1"/>
  <c r="HPP7" i="1"/>
  <c r="HPO7" i="1"/>
  <c r="HPN7" i="1"/>
  <c r="HPM7" i="1"/>
  <c r="HPL7" i="1"/>
  <c r="HPK7" i="1"/>
  <c r="HPJ7" i="1"/>
  <c r="HPI7" i="1"/>
  <c r="HPH7" i="1"/>
  <c r="HPG7" i="1"/>
  <c r="HPF7" i="1"/>
  <c r="HPE7" i="1"/>
  <c r="HPD7" i="1"/>
  <c r="HPC7" i="1"/>
  <c r="HPB7" i="1"/>
  <c r="HPA7" i="1"/>
  <c r="HOZ7" i="1"/>
  <c r="HOY7" i="1"/>
  <c r="HOX7" i="1"/>
  <c r="HOW7" i="1"/>
  <c r="HOV7" i="1"/>
  <c r="HOU7" i="1"/>
  <c r="HOT7" i="1"/>
  <c r="HOS7" i="1"/>
  <c r="HOR7" i="1"/>
  <c r="HOQ7" i="1"/>
  <c r="HOP7" i="1"/>
  <c r="HOO7" i="1"/>
  <c r="HON7" i="1"/>
  <c r="HOM7" i="1"/>
  <c r="HOL7" i="1"/>
  <c r="HOK7" i="1"/>
  <c r="HOJ7" i="1"/>
  <c r="HOI7" i="1"/>
  <c r="HOH7" i="1"/>
  <c r="HOG7" i="1"/>
  <c r="HOF7" i="1"/>
  <c r="HOE7" i="1"/>
  <c r="HOD7" i="1"/>
  <c r="HOC7" i="1"/>
  <c r="HOB7" i="1"/>
  <c r="HOA7" i="1"/>
  <c r="HNZ7" i="1"/>
  <c r="HNY7" i="1"/>
  <c r="HNX7" i="1"/>
  <c r="HNW7" i="1"/>
  <c r="HNV7" i="1"/>
  <c r="HNU7" i="1"/>
  <c r="HNT7" i="1"/>
  <c r="HNS7" i="1"/>
  <c r="HNR7" i="1"/>
  <c r="HNQ7" i="1"/>
  <c r="HNP7" i="1"/>
  <c r="HNO7" i="1"/>
  <c r="HNN7" i="1"/>
  <c r="HNM7" i="1"/>
  <c r="HNL7" i="1"/>
  <c r="HNK7" i="1"/>
  <c r="HNJ7" i="1"/>
  <c r="HNI7" i="1"/>
  <c r="HNH7" i="1"/>
  <c r="HNG7" i="1"/>
  <c r="HNF7" i="1"/>
  <c r="HNE7" i="1"/>
  <c r="HND7" i="1"/>
  <c r="HNC7" i="1"/>
  <c r="HNB7" i="1"/>
  <c r="HNA7" i="1"/>
  <c r="HMZ7" i="1"/>
  <c r="HMY7" i="1"/>
  <c r="HMX7" i="1"/>
  <c r="HMW7" i="1"/>
  <c r="HMV7" i="1"/>
  <c r="HMU7" i="1"/>
  <c r="HMT7" i="1"/>
  <c r="HMS7" i="1"/>
  <c r="HMR7" i="1"/>
  <c r="HMQ7" i="1"/>
  <c r="HMP7" i="1"/>
  <c r="HMO7" i="1"/>
  <c r="HMN7" i="1"/>
  <c r="HMM7" i="1"/>
  <c r="HML7" i="1"/>
  <c r="HMK7" i="1"/>
  <c r="HMJ7" i="1"/>
  <c r="HMI7" i="1"/>
  <c r="HMH7" i="1"/>
  <c r="HMG7" i="1"/>
  <c r="HMF7" i="1"/>
  <c r="HME7" i="1"/>
  <c r="HMD7" i="1"/>
  <c r="HMC7" i="1"/>
  <c r="HMB7" i="1"/>
  <c r="HMA7" i="1"/>
  <c r="HLZ7" i="1"/>
  <c r="HLY7" i="1"/>
  <c r="HLX7" i="1"/>
  <c r="HLW7" i="1"/>
  <c r="HLV7" i="1"/>
  <c r="HLU7" i="1"/>
  <c r="HLT7" i="1"/>
  <c r="HLS7" i="1"/>
  <c r="HLR7" i="1"/>
  <c r="HLQ7" i="1"/>
  <c r="HLP7" i="1"/>
  <c r="HLO7" i="1"/>
  <c r="HLN7" i="1"/>
  <c r="HLM7" i="1"/>
  <c r="HLL7" i="1"/>
  <c r="HLK7" i="1"/>
  <c r="HLJ7" i="1"/>
  <c r="HLI7" i="1"/>
  <c r="HLH7" i="1"/>
  <c r="HLG7" i="1"/>
  <c r="HLF7" i="1"/>
  <c r="HLE7" i="1"/>
  <c r="HLD7" i="1"/>
  <c r="HLC7" i="1"/>
  <c r="HLB7" i="1"/>
  <c r="HLA7" i="1"/>
  <c r="HKZ7" i="1"/>
  <c r="HKY7" i="1"/>
  <c r="HKX7" i="1"/>
  <c r="HKW7" i="1"/>
  <c r="HKV7" i="1"/>
  <c r="HKU7" i="1"/>
  <c r="HKT7" i="1"/>
  <c r="HKS7" i="1"/>
  <c r="HKR7" i="1"/>
  <c r="HKQ7" i="1"/>
  <c r="HKP7" i="1"/>
  <c r="HKO7" i="1"/>
  <c r="HKN7" i="1"/>
  <c r="HKM7" i="1"/>
  <c r="HKL7" i="1"/>
  <c r="HKK7" i="1"/>
  <c r="HKJ7" i="1"/>
  <c r="HKI7" i="1"/>
  <c r="HKH7" i="1"/>
  <c r="HKG7" i="1"/>
  <c r="HKF7" i="1"/>
  <c r="HKE7" i="1"/>
  <c r="HKD7" i="1"/>
  <c r="HKC7" i="1"/>
  <c r="HKB7" i="1"/>
  <c r="HKA7" i="1"/>
  <c r="HJZ7" i="1"/>
  <c r="HJY7" i="1"/>
  <c r="HJX7" i="1"/>
  <c r="HJW7" i="1"/>
  <c r="HJV7" i="1"/>
  <c r="HJU7" i="1"/>
  <c r="HJT7" i="1"/>
  <c r="HJS7" i="1"/>
  <c r="HJR7" i="1"/>
  <c r="HJQ7" i="1"/>
  <c r="HJP7" i="1"/>
  <c r="HJO7" i="1"/>
  <c r="HJN7" i="1"/>
  <c r="HJM7" i="1"/>
  <c r="HJL7" i="1"/>
  <c r="HJK7" i="1"/>
  <c r="HJJ7" i="1"/>
  <c r="HJI7" i="1"/>
  <c r="HJH7" i="1"/>
  <c r="HJG7" i="1"/>
  <c r="HJF7" i="1"/>
  <c r="HJE7" i="1"/>
  <c r="HJD7" i="1"/>
  <c r="HJC7" i="1"/>
  <c r="HJB7" i="1"/>
  <c r="HJA7" i="1"/>
  <c r="HIZ7" i="1"/>
  <c r="HIY7" i="1"/>
  <c r="HIX7" i="1"/>
  <c r="HIW7" i="1"/>
  <c r="HIV7" i="1"/>
  <c r="HIU7" i="1"/>
  <c r="HIT7" i="1"/>
  <c r="HIS7" i="1"/>
  <c r="HIR7" i="1"/>
  <c r="HIQ7" i="1"/>
  <c r="HIP7" i="1"/>
  <c r="HIO7" i="1"/>
  <c r="HIN7" i="1"/>
  <c r="HIM7" i="1"/>
  <c r="HIL7" i="1"/>
  <c r="HIK7" i="1"/>
  <c r="HIJ7" i="1"/>
  <c r="HII7" i="1"/>
  <c r="HIH7" i="1"/>
  <c r="HIG7" i="1"/>
  <c r="HIF7" i="1"/>
  <c r="HIE7" i="1"/>
  <c r="HID7" i="1"/>
  <c r="HIC7" i="1"/>
  <c r="HIB7" i="1"/>
  <c r="HIA7" i="1"/>
  <c r="HHZ7" i="1"/>
  <c r="HHY7" i="1"/>
  <c r="HHX7" i="1"/>
  <c r="HHW7" i="1"/>
  <c r="HHV7" i="1"/>
  <c r="HHU7" i="1"/>
  <c r="HHT7" i="1"/>
  <c r="HHS7" i="1"/>
  <c r="HHR7" i="1"/>
  <c r="HHQ7" i="1"/>
  <c r="HHP7" i="1"/>
  <c r="HHO7" i="1"/>
  <c r="HHN7" i="1"/>
  <c r="HHM7" i="1"/>
  <c r="HHL7" i="1"/>
  <c r="HHK7" i="1"/>
  <c r="HHJ7" i="1"/>
  <c r="HHI7" i="1"/>
  <c r="HHH7" i="1"/>
  <c r="HHG7" i="1"/>
  <c r="HHF7" i="1"/>
  <c r="HHE7" i="1"/>
  <c r="HHD7" i="1"/>
  <c r="HHC7" i="1"/>
  <c r="HHB7" i="1"/>
  <c r="HHA7" i="1"/>
  <c r="HGZ7" i="1"/>
  <c r="HGY7" i="1"/>
  <c r="HGX7" i="1"/>
  <c r="HGW7" i="1"/>
  <c r="HGV7" i="1"/>
  <c r="HGU7" i="1"/>
  <c r="HGT7" i="1"/>
  <c r="HGS7" i="1"/>
  <c r="HGR7" i="1"/>
  <c r="HGQ7" i="1"/>
  <c r="HGP7" i="1"/>
  <c r="HGO7" i="1"/>
  <c r="HGN7" i="1"/>
  <c r="HGM7" i="1"/>
  <c r="HGL7" i="1"/>
  <c r="HGK7" i="1"/>
  <c r="HGJ7" i="1"/>
  <c r="HGI7" i="1"/>
  <c r="HGH7" i="1"/>
  <c r="HGG7" i="1"/>
  <c r="HGF7" i="1"/>
  <c r="HGE7" i="1"/>
  <c r="HGD7" i="1"/>
  <c r="HGC7" i="1"/>
  <c r="HGB7" i="1"/>
  <c r="HGA7" i="1"/>
  <c r="HFZ7" i="1"/>
  <c r="HFY7" i="1"/>
  <c r="HFX7" i="1"/>
  <c r="HFW7" i="1"/>
  <c r="HFV7" i="1"/>
  <c r="HFU7" i="1"/>
  <c r="HFT7" i="1"/>
  <c r="HFS7" i="1"/>
  <c r="HFR7" i="1"/>
  <c r="HFQ7" i="1"/>
  <c r="HFP7" i="1"/>
  <c r="HFO7" i="1"/>
  <c r="HFN7" i="1"/>
  <c r="HFM7" i="1"/>
  <c r="HFL7" i="1"/>
  <c r="HFK7" i="1"/>
  <c r="HFJ7" i="1"/>
  <c r="HFI7" i="1"/>
  <c r="HFH7" i="1"/>
  <c r="HFG7" i="1"/>
  <c r="HFF7" i="1"/>
  <c r="HFE7" i="1"/>
  <c r="HFD7" i="1"/>
  <c r="HFC7" i="1"/>
  <c r="HFB7" i="1"/>
  <c r="HFA7" i="1"/>
  <c r="HEZ7" i="1"/>
  <c r="HEY7" i="1"/>
  <c r="HEX7" i="1"/>
  <c r="HEW7" i="1"/>
  <c r="HEV7" i="1"/>
  <c r="HEU7" i="1"/>
  <c r="HET7" i="1"/>
  <c r="HES7" i="1"/>
  <c r="HER7" i="1"/>
  <c r="HEQ7" i="1"/>
  <c r="HEP7" i="1"/>
  <c r="HEO7" i="1"/>
  <c r="HEN7" i="1"/>
  <c r="HEM7" i="1"/>
  <c r="HEL7" i="1"/>
  <c r="HEK7" i="1"/>
  <c r="HEJ7" i="1"/>
  <c r="HEI7" i="1"/>
  <c r="HEH7" i="1"/>
  <c r="HEG7" i="1"/>
  <c r="HEF7" i="1"/>
  <c r="HEE7" i="1"/>
  <c r="HED7" i="1"/>
  <c r="HEC7" i="1"/>
  <c r="HEB7" i="1"/>
  <c r="HEA7" i="1"/>
  <c r="HDZ7" i="1"/>
  <c r="HDY7" i="1"/>
  <c r="HDX7" i="1"/>
  <c r="HDW7" i="1"/>
  <c r="HDV7" i="1"/>
  <c r="HDU7" i="1"/>
  <c r="HDT7" i="1"/>
  <c r="HDS7" i="1"/>
  <c r="HDR7" i="1"/>
  <c r="HDQ7" i="1"/>
  <c r="HDP7" i="1"/>
  <c r="HDO7" i="1"/>
  <c r="HDN7" i="1"/>
  <c r="HDM7" i="1"/>
  <c r="HDL7" i="1"/>
  <c r="HDK7" i="1"/>
  <c r="HDJ7" i="1"/>
  <c r="HDI7" i="1"/>
  <c r="HDH7" i="1"/>
  <c r="HDG7" i="1"/>
  <c r="HDF7" i="1"/>
  <c r="HDE7" i="1"/>
  <c r="HDD7" i="1"/>
  <c r="HDC7" i="1"/>
  <c r="HDB7" i="1"/>
  <c r="HDA7" i="1"/>
  <c r="HCZ7" i="1"/>
  <c r="HCY7" i="1"/>
  <c r="HCX7" i="1"/>
  <c r="HCW7" i="1"/>
  <c r="HCV7" i="1"/>
  <c r="HCU7" i="1"/>
  <c r="HCT7" i="1"/>
  <c r="HCS7" i="1"/>
  <c r="HCR7" i="1"/>
  <c r="HCQ7" i="1"/>
  <c r="HCP7" i="1"/>
  <c r="HCO7" i="1"/>
  <c r="HCN7" i="1"/>
  <c r="HCM7" i="1"/>
  <c r="HCL7" i="1"/>
  <c r="HCK7" i="1"/>
  <c r="HCJ7" i="1"/>
  <c r="HCI7" i="1"/>
  <c r="HCH7" i="1"/>
  <c r="HCG7" i="1"/>
  <c r="HCF7" i="1"/>
  <c r="HCE7" i="1"/>
  <c r="HCD7" i="1"/>
  <c r="HCC7" i="1"/>
  <c r="HCB7" i="1"/>
  <c r="HCA7" i="1"/>
  <c r="HBZ7" i="1"/>
  <c r="HBY7" i="1"/>
  <c r="HBX7" i="1"/>
  <c r="HBW7" i="1"/>
  <c r="HBV7" i="1"/>
  <c r="HBU7" i="1"/>
  <c r="HBT7" i="1"/>
  <c r="HBS7" i="1"/>
  <c r="HBR7" i="1"/>
  <c r="HBQ7" i="1"/>
  <c r="HBP7" i="1"/>
  <c r="HBO7" i="1"/>
  <c r="HBN7" i="1"/>
  <c r="HBM7" i="1"/>
  <c r="HBL7" i="1"/>
  <c r="HBK7" i="1"/>
  <c r="HBJ7" i="1"/>
  <c r="HBI7" i="1"/>
  <c r="HBH7" i="1"/>
  <c r="HBG7" i="1"/>
  <c r="HBF7" i="1"/>
  <c r="HBE7" i="1"/>
  <c r="HBD7" i="1"/>
  <c r="HBC7" i="1"/>
  <c r="HBB7" i="1"/>
  <c r="HBA7" i="1"/>
  <c r="HAZ7" i="1"/>
  <c r="HAY7" i="1"/>
  <c r="HAX7" i="1"/>
  <c r="HAW7" i="1"/>
  <c r="HAV7" i="1"/>
  <c r="HAU7" i="1"/>
  <c r="HAT7" i="1"/>
  <c r="HAS7" i="1"/>
  <c r="HAR7" i="1"/>
  <c r="HAQ7" i="1"/>
  <c r="HAP7" i="1"/>
  <c r="HAO7" i="1"/>
  <c r="HAN7" i="1"/>
  <c r="HAM7" i="1"/>
  <c r="HAL7" i="1"/>
  <c r="HAK7" i="1"/>
  <c r="HAJ7" i="1"/>
  <c r="HAI7" i="1"/>
  <c r="HAH7" i="1"/>
  <c r="HAG7" i="1"/>
  <c r="HAF7" i="1"/>
  <c r="HAE7" i="1"/>
  <c r="HAD7" i="1"/>
  <c r="HAC7" i="1"/>
  <c r="HAB7" i="1"/>
  <c r="HAA7" i="1"/>
  <c r="GZZ7" i="1"/>
  <c r="GZY7" i="1"/>
  <c r="GZX7" i="1"/>
  <c r="GZW7" i="1"/>
  <c r="GZV7" i="1"/>
  <c r="GZU7" i="1"/>
  <c r="GZT7" i="1"/>
  <c r="GZS7" i="1"/>
  <c r="GZR7" i="1"/>
  <c r="GZQ7" i="1"/>
  <c r="GZP7" i="1"/>
  <c r="GZO7" i="1"/>
  <c r="GZN7" i="1"/>
  <c r="GZM7" i="1"/>
  <c r="GZL7" i="1"/>
  <c r="GZK7" i="1"/>
  <c r="GZJ7" i="1"/>
  <c r="GZI7" i="1"/>
  <c r="GZH7" i="1"/>
  <c r="GZG7" i="1"/>
  <c r="GZF7" i="1"/>
  <c r="GZE7" i="1"/>
  <c r="GZD7" i="1"/>
  <c r="GZC7" i="1"/>
  <c r="GZB7" i="1"/>
  <c r="GZA7" i="1"/>
  <c r="GYZ7" i="1"/>
  <c r="GYY7" i="1"/>
  <c r="GYX7" i="1"/>
  <c r="GYW7" i="1"/>
  <c r="GYV7" i="1"/>
  <c r="GYU7" i="1"/>
  <c r="GYT7" i="1"/>
  <c r="GYS7" i="1"/>
  <c r="GYR7" i="1"/>
  <c r="GYQ7" i="1"/>
  <c r="GYP7" i="1"/>
  <c r="GYO7" i="1"/>
  <c r="GYN7" i="1"/>
  <c r="GYM7" i="1"/>
  <c r="GYL7" i="1"/>
  <c r="GYK7" i="1"/>
  <c r="GYJ7" i="1"/>
  <c r="GYI7" i="1"/>
  <c r="GYH7" i="1"/>
  <c r="GYG7" i="1"/>
  <c r="GYF7" i="1"/>
  <c r="GYE7" i="1"/>
  <c r="GYD7" i="1"/>
  <c r="GYC7" i="1"/>
  <c r="GYB7" i="1"/>
  <c r="GYA7" i="1"/>
  <c r="GXZ7" i="1"/>
  <c r="GXY7" i="1"/>
  <c r="GXX7" i="1"/>
  <c r="GXW7" i="1"/>
  <c r="GXV7" i="1"/>
  <c r="GXU7" i="1"/>
  <c r="GXT7" i="1"/>
  <c r="GXS7" i="1"/>
  <c r="GXR7" i="1"/>
  <c r="GXQ7" i="1"/>
  <c r="GXP7" i="1"/>
  <c r="GXO7" i="1"/>
  <c r="GXN7" i="1"/>
  <c r="GXM7" i="1"/>
  <c r="GXL7" i="1"/>
  <c r="GXK7" i="1"/>
  <c r="GXJ7" i="1"/>
  <c r="GXI7" i="1"/>
  <c r="GXH7" i="1"/>
  <c r="GXG7" i="1"/>
  <c r="GXF7" i="1"/>
  <c r="GXE7" i="1"/>
  <c r="GXD7" i="1"/>
  <c r="GXC7" i="1"/>
  <c r="GXB7" i="1"/>
  <c r="GXA7" i="1"/>
  <c r="GWZ7" i="1"/>
  <c r="GWY7" i="1"/>
  <c r="GWX7" i="1"/>
  <c r="GWW7" i="1"/>
  <c r="GWV7" i="1"/>
  <c r="GWU7" i="1"/>
  <c r="GWT7" i="1"/>
  <c r="GWS7" i="1"/>
  <c r="GWR7" i="1"/>
  <c r="GWQ7" i="1"/>
  <c r="GWP7" i="1"/>
  <c r="GWO7" i="1"/>
  <c r="GWN7" i="1"/>
  <c r="GWM7" i="1"/>
  <c r="GWL7" i="1"/>
  <c r="GWK7" i="1"/>
  <c r="GWJ7" i="1"/>
  <c r="GWI7" i="1"/>
  <c r="GWH7" i="1"/>
  <c r="GWG7" i="1"/>
  <c r="GWF7" i="1"/>
  <c r="GWE7" i="1"/>
  <c r="GWD7" i="1"/>
  <c r="GWC7" i="1"/>
  <c r="GWB7" i="1"/>
  <c r="GWA7" i="1"/>
  <c r="GVZ7" i="1"/>
  <c r="GVY7" i="1"/>
  <c r="GVX7" i="1"/>
  <c r="GVW7" i="1"/>
  <c r="GVV7" i="1"/>
  <c r="GVU7" i="1"/>
  <c r="GVT7" i="1"/>
  <c r="GVS7" i="1"/>
  <c r="GVR7" i="1"/>
  <c r="GVQ7" i="1"/>
  <c r="GVP7" i="1"/>
  <c r="GVO7" i="1"/>
  <c r="GVN7" i="1"/>
  <c r="GVM7" i="1"/>
  <c r="GVL7" i="1"/>
  <c r="GVK7" i="1"/>
  <c r="GVJ7" i="1"/>
  <c r="GVI7" i="1"/>
  <c r="GVH7" i="1"/>
  <c r="GVG7" i="1"/>
  <c r="GVF7" i="1"/>
  <c r="GVE7" i="1"/>
  <c r="GVD7" i="1"/>
  <c r="GVC7" i="1"/>
  <c r="GVB7" i="1"/>
  <c r="GVA7" i="1"/>
  <c r="GUZ7" i="1"/>
  <c r="GUY7" i="1"/>
  <c r="GUX7" i="1"/>
  <c r="GUW7" i="1"/>
  <c r="GUV7" i="1"/>
  <c r="GUU7" i="1"/>
  <c r="GUT7" i="1"/>
  <c r="GUS7" i="1"/>
  <c r="GUR7" i="1"/>
  <c r="GUQ7" i="1"/>
  <c r="GUP7" i="1"/>
  <c r="GUO7" i="1"/>
  <c r="GUN7" i="1"/>
  <c r="GUM7" i="1"/>
  <c r="GUL7" i="1"/>
  <c r="GUK7" i="1"/>
  <c r="GUJ7" i="1"/>
  <c r="GUI7" i="1"/>
  <c r="GUH7" i="1"/>
  <c r="GUG7" i="1"/>
  <c r="GUF7" i="1"/>
  <c r="GUE7" i="1"/>
  <c r="GUD7" i="1"/>
  <c r="GUC7" i="1"/>
  <c r="GUB7" i="1"/>
  <c r="GUA7" i="1"/>
  <c r="GTZ7" i="1"/>
  <c r="GTY7" i="1"/>
  <c r="GTX7" i="1"/>
  <c r="GTW7" i="1"/>
  <c r="GTV7" i="1"/>
  <c r="GTU7" i="1"/>
  <c r="GTT7" i="1"/>
  <c r="GTS7" i="1"/>
  <c r="GTR7" i="1"/>
  <c r="GTQ7" i="1"/>
  <c r="GTP7" i="1"/>
  <c r="GTO7" i="1"/>
  <c r="GTN7" i="1"/>
  <c r="GTM7" i="1"/>
  <c r="GTL7" i="1"/>
  <c r="GTK7" i="1"/>
  <c r="GTJ7" i="1"/>
  <c r="GTI7" i="1"/>
  <c r="GTH7" i="1"/>
  <c r="GTG7" i="1"/>
  <c r="GTF7" i="1"/>
  <c r="GTE7" i="1"/>
  <c r="GTD7" i="1"/>
  <c r="GTC7" i="1"/>
  <c r="GTB7" i="1"/>
  <c r="GTA7" i="1"/>
  <c r="GSZ7" i="1"/>
  <c r="GSY7" i="1"/>
  <c r="GSX7" i="1"/>
  <c r="GSW7" i="1"/>
  <c r="GSV7" i="1"/>
  <c r="GSU7" i="1"/>
  <c r="GST7" i="1"/>
  <c r="GSS7" i="1"/>
  <c r="GSR7" i="1"/>
  <c r="GSQ7" i="1"/>
  <c r="GSP7" i="1"/>
  <c r="GSO7" i="1"/>
  <c r="GSN7" i="1"/>
  <c r="GSM7" i="1"/>
  <c r="GSL7" i="1"/>
  <c r="GSK7" i="1"/>
  <c r="GSJ7" i="1"/>
  <c r="GSI7" i="1"/>
  <c r="GSH7" i="1"/>
  <c r="GSG7" i="1"/>
  <c r="GSF7" i="1"/>
  <c r="GSE7" i="1"/>
  <c r="GSD7" i="1"/>
  <c r="GSC7" i="1"/>
  <c r="GSB7" i="1"/>
  <c r="GSA7" i="1"/>
  <c r="GRZ7" i="1"/>
  <c r="GRY7" i="1"/>
  <c r="GRX7" i="1"/>
  <c r="GRW7" i="1"/>
  <c r="GRV7" i="1"/>
  <c r="GRU7" i="1"/>
  <c r="GRT7" i="1"/>
  <c r="GRS7" i="1"/>
  <c r="GRR7" i="1"/>
  <c r="GRQ7" i="1"/>
  <c r="GRP7" i="1"/>
  <c r="GRO7" i="1"/>
  <c r="GRN7" i="1"/>
  <c r="GRM7" i="1"/>
  <c r="GRL7" i="1"/>
  <c r="GRK7" i="1"/>
  <c r="GRJ7" i="1"/>
  <c r="GRI7" i="1"/>
  <c r="GRH7" i="1"/>
  <c r="GRG7" i="1"/>
  <c r="GRF7" i="1"/>
  <c r="GRE7" i="1"/>
  <c r="GRD7" i="1"/>
  <c r="GRC7" i="1"/>
  <c r="GRB7" i="1"/>
  <c r="GRA7" i="1"/>
  <c r="GQZ7" i="1"/>
  <c r="GQY7" i="1"/>
  <c r="GQX7" i="1"/>
  <c r="GQW7" i="1"/>
  <c r="GQV7" i="1"/>
  <c r="GQU7" i="1"/>
  <c r="GQT7" i="1"/>
  <c r="GQS7" i="1"/>
  <c r="GQR7" i="1"/>
  <c r="GQQ7" i="1"/>
  <c r="GQP7" i="1"/>
  <c r="GQO7" i="1"/>
  <c r="GQN7" i="1"/>
  <c r="GQM7" i="1"/>
  <c r="GQL7" i="1"/>
  <c r="GQK7" i="1"/>
  <c r="GQJ7" i="1"/>
  <c r="GQI7" i="1"/>
  <c r="GQH7" i="1"/>
  <c r="GQG7" i="1"/>
  <c r="GQF7" i="1"/>
  <c r="GQE7" i="1"/>
  <c r="GQD7" i="1"/>
  <c r="GQC7" i="1"/>
  <c r="GQB7" i="1"/>
  <c r="GQA7" i="1"/>
  <c r="GPZ7" i="1"/>
  <c r="GPY7" i="1"/>
  <c r="GPX7" i="1"/>
  <c r="GPW7" i="1"/>
  <c r="GPV7" i="1"/>
  <c r="GPU7" i="1"/>
  <c r="GPT7" i="1"/>
  <c r="GPS7" i="1"/>
  <c r="GPR7" i="1"/>
  <c r="GPQ7" i="1"/>
  <c r="GPP7" i="1"/>
  <c r="GPO7" i="1"/>
  <c r="GPN7" i="1"/>
  <c r="GPM7" i="1"/>
  <c r="GPL7" i="1"/>
  <c r="GPK7" i="1"/>
  <c r="GPJ7" i="1"/>
  <c r="GPI7" i="1"/>
  <c r="GPH7" i="1"/>
  <c r="GPG7" i="1"/>
  <c r="GPF7" i="1"/>
  <c r="GPE7" i="1"/>
  <c r="GPD7" i="1"/>
  <c r="GPC7" i="1"/>
  <c r="GPB7" i="1"/>
  <c r="GPA7" i="1"/>
  <c r="GOZ7" i="1"/>
  <c r="GOY7" i="1"/>
  <c r="GOX7" i="1"/>
  <c r="GOW7" i="1"/>
  <c r="GOV7" i="1"/>
  <c r="GOU7" i="1"/>
  <c r="GOT7" i="1"/>
  <c r="GOS7" i="1"/>
  <c r="GOR7" i="1"/>
  <c r="GOQ7" i="1"/>
  <c r="GOP7" i="1"/>
  <c r="GOO7" i="1"/>
  <c r="GON7" i="1"/>
  <c r="GOM7" i="1"/>
  <c r="GOL7" i="1"/>
  <c r="GOK7" i="1"/>
  <c r="GOJ7" i="1"/>
  <c r="GOI7" i="1"/>
  <c r="GOH7" i="1"/>
  <c r="GOG7" i="1"/>
  <c r="GOF7" i="1"/>
  <c r="GOE7" i="1"/>
  <c r="GOD7" i="1"/>
  <c r="GOC7" i="1"/>
  <c r="GOB7" i="1"/>
  <c r="GOA7" i="1"/>
  <c r="GNZ7" i="1"/>
  <c r="GNY7" i="1"/>
  <c r="GNX7" i="1"/>
  <c r="GNW7" i="1"/>
  <c r="GNV7" i="1"/>
  <c r="GNU7" i="1"/>
  <c r="GNT7" i="1"/>
  <c r="GNS7" i="1"/>
  <c r="GNR7" i="1"/>
  <c r="GNQ7" i="1"/>
  <c r="GNP7" i="1"/>
  <c r="GNO7" i="1"/>
  <c r="GNN7" i="1"/>
  <c r="GNM7" i="1"/>
  <c r="GNL7" i="1"/>
  <c r="GNK7" i="1"/>
  <c r="GNJ7" i="1"/>
  <c r="GNI7" i="1"/>
  <c r="GNH7" i="1"/>
  <c r="GNG7" i="1"/>
  <c r="GNF7" i="1"/>
  <c r="GNE7" i="1"/>
  <c r="GND7" i="1"/>
  <c r="GNC7" i="1"/>
  <c r="GNB7" i="1"/>
  <c r="GNA7" i="1"/>
  <c r="GMZ7" i="1"/>
  <c r="GMY7" i="1"/>
  <c r="GMX7" i="1"/>
  <c r="GMW7" i="1"/>
  <c r="GMV7" i="1"/>
  <c r="GMU7" i="1"/>
  <c r="GMT7" i="1"/>
  <c r="GMS7" i="1"/>
  <c r="GMR7" i="1"/>
  <c r="GMQ7" i="1"/>
  <c r="GMP7" i="1"/>
  <c r="GMO7" i="1"/>
  <c r="GMN7" i="1"/>
  <c r="GMM7" i="1"/>
  <c r="GML7" i="1"/>
  <c r="GMK7" i="1"/>
  <c r="GMJ7" i="1"/>
  <c r="GMI7" i="1"/>
  <c r="GMH7" i="1"/>
  <c r="GMG7" i="1"/>
  <c r="GMF7" i="1"/>
  <c r="GME7" i="1"/>
  <c r="GMD7" i="1"/>
  <c r="GMC7" i="1"/>
  <c r="GMB7" i="1"/>
  <c r="GMA7" i="1"/>
  <c r="GLZ7" i="1"/>
  <c r="GLY7" i="1"/>
  <c r="GLX7" i="1"/>
  <c r="GLW7" i="1"/>
  <c r="GLV7" i="1"/>
  <c r="GLU7" i="1"/>
  <c r="GLT7" i="1"/>
  <c r="GLS7" i="1"/>
  <c r="GLR7" i="1"/>
  <c r="GLQ7" i="1"/>
  <c r="GLP7" i="1"/>
  <c r="GLO7" i="1"/>
  <c r="GLN7" i="1"/>
  <c r="GLM7" i="1"/>
  <c r="GLL7" i="1"/>
  <c r="GLK7" i="1"/>
  <c r="GLJ7" i="1"/>
  <c r="GLI7" i="1"/>
  <c r="GLH7" i="1"/>
  <c r="GLG7" i="1"/>
  <c r="GLF7" i="1"/>
  <c r="GLE7" i="1"/>
  <c r="GLD7" i="1"/>
  <c r="GLC7" i="1"/>
  <c r="GLB7" i="1"/>
  <c r="GLA7" i="1"/>
  <c r="GKZ7" i="1"/>
  <c r="GKY7" i="1"/>
  <c r="GKX7" i="1"/>
  <c r="GKW7" i="1"/>
  <c r="GKV7" i="1"/>
  <c r="GKU7" i="1"/>
  <c r="GKT7" i="1"/>
  <c r="GKS7" i="1"/>
  <c r="GKR7" i="1"/>
  <c r="GKQ7" i="1"/>
  <c r="GKP7" i="1"/>
  <c r="GKO7" i="1"/>
  <c r="GKN7" i="1"/>
  <c r="GKM7" i="1"/>
  <c r="GKL7" i="1"/>
  <c r="GKK7" i="1"/>
  <c r="GKJ7" i="1"/>
  <c r="GKI7" i="1"/>
  <c r="GKH7" i="1"/>
  <c r="GKG7" i="1"/>
  <c r="GKF7" i="1"/>
  <c r="GKE7" i="1"/>
  <c r="GKD7" i="1"/>
  <c r="GKC7" i="1"/>
  <c r="GKB7" i="1"/>
  <c r="GKA7" i="1"/>
  <c r="GJZ7" i="1"/>
  <c r="GJY7" i="1"/>
  <c r="GJX7" i="1"/>
  <c r="GJW7" i="1"/>
  <c r="GJV7" i="1"/>
  <c r="GJU7" i="1"/>
  <c r="GJT7" i="1"/>
  <c r="GJS7" i="1"/>
  <c r="GJR7" i="1"/>
  <c r="GJQ7" i="1"/>
  <c r="GJP7" i="1"/>
  <c r="GJO7" i="1"/>
  <c r="GJN7" i="1"/>
  <c r="GJM7" i="1"/>
  <c r="GJL7" i="1"/>
  <c r="GJK7" i="1"/>
  <c r="GJJ7" i="1"/>
  <c r="GJI7" i="1"/>
  <c r="GJH7" i="1"/>
  <c r="GJG7" i="1"/>
  <c r="GJF7" i="1"/>
  <c r="GJE7" i="1"/>
  <c r="GJD7" i="1"/>
  <c r="GJC7" i="1"/>
  <c r="GJB7" i="1"/>
  <c r="GJA7" i="1"/>
  <c r="GIZ7" i="1"/>
  <c r="GIY7" i="1"/>
  <c r="GIX7" i="1"/>
  <c r="GIW7" i="1"/>
  <c r="GIV7" i="1"/>
  <c r="GIU7" i="1"/>
  <c r="GIT7" i="1"/>
  <c r="GIS7" i="1"/>
  <c r="GIR7" i="1"/>
  <c r="GIQ7" i="1"/>
  <c r="GIP7" i="1"/>
  <c r="GIO7" i="1"/>
  <c r="GIN7" i="1"/>
  <c r="GIM7" i="1"/>
  <c r="GIL7" i="1"/>
  <c r="GIK7" i="1"/>
  <c r="GIJ7" i="1"/>
  <c r="GII7" i="1"/>
  <c r="GIH7" i="1"/>
  <c r="GIG7" i="1"/>
  <c r="GIF7" i="1"/>
  <c r="GIE7" i="1"/>
  <c r="GID7" i="1"/>
  <c r="GIC7" i="1"/>
  <c r="GIB7" i="1"/>
  <c r="GIA7" i="1"/>
  <c r="GHZ7" i="1"/>
  <c r="GHY7" i="1"/>
  <c r="GHX7" i="1"/>
  <c r="GHW7" i="1"/>
  <c r="GHV7" i="1"/>
  <c r="GHU7" i="1"/>
  <c r="GHT7" i="1"/>
  <c r="GHS7" i="1"/>
  <c r="GHR7" i="1"/>
  <c r="GHQ7" i="1"/>
  <c r="GHP7" i="1"/>
  <c r="GHO7" i="1"/>
  <c r="GHN7" i="1"/>
  <c r="GHM7" i="1"/>
  <c r="GHL7" i="1"/>
  <c r="GHK7" i="1"/>
  <c r="GHJ7" i="1"/>
  <c r="GHI7" i="1"/>
  <c r="GHH7" i="1"/>
  <c r="GHG7" i="1"/>
  <c r="GHF7" i="1"/>
  <c r="GHE7" i="1"/>
  <c r="GHD7" i="1"/>
  <c r="GHC7" i="1"/>
  <c r="GHB7" i="1"/>
  <c r="GHA7" i="1"/>
  <c r="GGZ7" i="1"/>
  <c r="GGY7" i="1"/>
  <c r="GGX7" i="1"/>
  <c r="GGW7" i="1"/>
  <c r="GGV7" i="1"/>
  <c r="GGU7" i="1"/>
  <c r="GGT7" i="1"/>
  <c r="GGS7" i="1"/>
  <c r="GGR7" i="1"/>
  <c r="GGQ7" i="1"/>
  <c r="GGP7" i="1"/>
  <c r="GGO7" i="1"/>
  <c r="GGN7" i="1"/>
  <c r="GGM7" i="1"/>
  <c r="GGL7" i="1"/>
  <c r="GGK7" i="1"/>
  <c r="GGJ7" i="1"/>
  <c r="GGI7" i="1"/>
  <c r="GGH7" i="1"/>
  <c r="GGG7" i="1"/>
  <c r="GGF7" i="1"/>
  <c r="GGE7" i="1"/>
  <c r="GGD7" i="1"/>
  <c r="GGC7" i="1"/>
  <c r="GGB7" i="1"/>
  <c r="GGA7" i="1"/>
  <c r="GFZ7" i="1"/>
  <c r="GFY7" i="1"/>
  <c r="GFX7" i="1"/>
  <c r="GFW7" i="1"/>
  <c r="GFV7" i="1"/>
  <c r="GFU7" i="1"/>
  <c r="GFT7" i="1"/>
  <c r="GFS7" i="1"/>
  <c r="GFR7" i="1"/>
  <c r="GFQ7" i="1"/>
  <c r="GFP7" i="1"/>
  <c r="GFO7" i="1"/>
  <c r="GFN7" i="1"/>
  <c r="GFM7" i="1"/>
  <c r="GFL7" i="1"/>
  <c r="GFK7" i="1"/>
  <c r="GFJ7" i="1"/>
  <c r="GFI7" i="1"/>
  <c r="GFH7" i="1"/>
  <c r="GFG7" i="1"/>
  <c r="GFF7" i="1"/>
  <c r="GFE7" i="1"/>
  <c r="GFD7" i="1"/>
  <c r="GFC7" i="1"/>
  <c r="GFB7" i="1"/>
  <c r="GFA7" i="1"/>
  <c r="GEZ7" i="1"/>
  <c r="GEY7" i="1"/>
  <c r="GEX7" i="1"/>
  <c r="GEW7" i="1"/>
  <c r="GEV7" i="1"/>
  <c r="GEU7" i="1"/>
  <c r="GET7" i="1"/>
  <c r="GES7" i="1"/>
  <c r="GER7" i="1"/>
  <c r="GEQ7" i="1"/>
  <c r="GEP7" i="1"/>
  <c r="GEO7" i="1"/>
  <c r="GEN7" i="1"/>
  <c r="GEM7" i="1"/>
  <c r="GEL7" i="1"/>
  <c r="GEK7" i="1"/>
  <c r="GEJ7" i="1"/>
  <c r="GEI7" i="1"/>
  <c r="GEH7" i="1"/>
  <c r="GEG7" i="1"/>
  <c r="GEF7" i="1"/>
  <c r="GEE7" i="1"/>
  <c r="GED7" i="1"/>
  <c r="GEC7" i="1"/>
  <c r="GEB7" i="1"/>
  <c r="GEA7" i="1"/>
  <c r="GDZ7" i="1"/>
  <c r="GDY7" i="1"/>
  <c r="GDX7" i="1"/>
  <c r="GDW7" i="1"/>
  <c r="GDV7" i="1"/>
  <c r="GDU7" i="1"/>
  <c r="GDT7" i="1"/>
  <c r="GDS7" i="1"/>
  <c r="GDR7" i="1"/>
  <c r="GDQ7" i="1"/>
  <c r="GDP7" i="1"/>
  <c r="GDO7" i="1"/>
  <c r="GDN7" i="1"/>
  <c r="GDM7" i="1"/>
  <c r="GDL7" i="1"/>
  <c r="GDK7" i="1"/>
  <c r="GDJ7" i="1"/>
  <c r="GDI7" i="1"/>
  <c r="GDH7" i="1"/>
  <c r="GDG7" i="1"/>
  <c r="GDF7" i="1"/>
  <c r="GDE7" i="1"/>
  <c r="GDD7" i="1"/>
  <c r="GDC7" i="1"/>
  <c r="GDB7" i="1"/>
  <c r="GDA7" i="1"/>
  <c r="GCZ7" i="1"/>
  <c r="GCY7" i="1"/>
  <c r="GCX7" i="1"/>
  <c r="GCW7" i="1"/>
  <c r="GCV7" i="1"/>
  <c r="GCU7" i="1"/>
  <c r="GCT7" i="1"/>
  <c r="GCS7" i="1"/>
  <c r="GCR7" i="1"/>
  <c r="GCQ7" i="1"/>
  <c r="GCP7" i="1"/>
  <c r="GCO7" i="1"/>
  <c r="GCN7" i="1"/>
  <c r="GCM7" i="1"/>
  <c r="GCL7" i="1"/>
  <c r="GCK7" i="1"/>
  <c r="GCJ7" i="1"/>
  <c r="GCI7" i="1"/>
  <c r="GCH7" i="1"/>
  <c r="GCG7" i="1"/>
  <c r="GCF7" i="1"/>
  <c r="GCE7" i="1"/>
  <c r="GCD7" i="1"/>
  <c r="GCC7" i="1"/>
  <c r="GCB7" i="1"/>
  <c r="GCA7" i="1"/>
  <c r="GBZ7" i="1"/>
  <c r="GBY7" i="1"/>
  <c r="GBX7" i="1"/>
  <c r="GBW7" i="1"/>
  <c r="GBV7" i="1"/>
  <c r="GBU7" i="1"/>
  <c r="GBT7" i="1"/>
  <c r="GBS7" i="1"/>
  <c r="GBR7" i="1"/>
  <c r="GBQ7" i="1"/>
  <c r="GBP7" i="1"/>
  <c r="GBO7" i="1"/>
  <c r="GBN7" i="1"/>
  <c r="GBM7" i="1"/>
  <c r="GBL7" i="1"/>
  <c r="GBK7" i="1"/>
  <c r="GBJ7" i="1"/>
  <c r="GBI7" i="1"/>
  <c r="GBH7" i="1"/>
  <c r="GBG7" i="1"/>
  <c r="GBF7" i="1"/>
  <c r="GBE7" i="1"/>
  <c r="GBD7" i="1"/>
  <c r="GBC7" i="1"/>
  <c r="GBB7" i="1"/>
  <c r="GBA7" i="1"/>
  <c r="GAZ7" i="1"/>
  <c r="GAY7" i="1"/>
  <c r="GAX7" i="1"/>
  <c r="GAW7" i="1"/>
  <c r="GAV7" i="1"/>
  <c r="GAU7" i="1"/>
  <c r="GAT7" i="1"/>
  <c r="GAS7" i="1"/>
  <c r="GAR7" i="1"/>
  <c r="GAQ7" i="1"/>
  <c r="GAP7" i="1"/>
  <c r="GAO7" i="1"/>
  <c r="GAN7" i="1"/>
  <c r="GAM7" i="1"/>
  <c r="GAL7" i="1"/>
  <c r="GAK7" i="1"/>
  <c r="GAJ7" i="1"/>
  <c r="GAI7" i="1"/>
  <c r="GAH7" i="1"/>
  <c r="GAG7" i="1"/>
  <c r="GAF7" i="1"/>
  <c r="GAE7" i="1"/>
  <c r="GAD7" i="1"/>
  <c r="GAC7" i="1"/>
  <c r="GAB7" i="1"/>
  <c r="GAA7" i="1"/>
  <c r="FZZ7" i="1"/>
  <c r="FZY7" i="1"/>
  <c r="FZX7" i="1"/>
  <c r="FZW7" i="1"/>
  <c r="FZV7" i="1"/>
  <c r="FZU7" i="1"/>
  <c r="FZT7" i="1"/>
  <c r="FZS7" i="1"/>
  <c r="FZR7" i="1"/>
  <c r="FZQ7" i="1"/>
  <c r="FZP7" i="1"/>
  <c r="FZO7" i="1"/>
  <c r="FZN7" i="1"/>
  <c r="FZM7" i="1"/>
  <c r="FZL7" i="1"/>
  <c r="FZK7" i="1"/>
  <c r="FZJ7" i="1"/>
  <c r="FZI7" i="1"/>
  <c r="FZH7" i="1"/>
  <c r="FZG7" i="1"/>
  <c r="FZF7" i="1"/>
  <c r="FZE7" i="1"/>
  <c r="FZD7" i="1"/>
  <c r="FZC7" i="1"/>
  <c r="FZB7" i="1"/>
  <c r="FZA7" i="1"/>
  <c r="FYZ7" i="1"/>
  <c r="FYY7" i="1"/>
  <c r="FYX7" i="1"/>
  <c r="FYW7" i="1"/>
  <c r="FYV7" i="1"/>
  <c r="FYU7" i="1"/>
  <c r="FYT7" i="1"/>
  <c r="FYS7" i="1"/>
  <c r="FYR7" i="1"/>
  <c r="FYQ7" i="1"/>
  <c r="FYP7" i="1"/>
  <c r="FYO7" i="1"/>
  <c r="FYN7" i="1"/>
  <c r="FYM7" i="1"/>
  <c r="FYL7" i="1"/>
  <c r="FYK7" i="1"/>
  <c r="FYJ7" i="1"/>
  <c r="FYI7" i="1"/>
  <c r="FYH7" i="1"/>
  <c r="FYG7" i="1"/>
  <c r="FYF7" i="1"/>
  <c r="FYE7" i="1"/>
  <c r="FYD7" i="1"/>
  <c r="FYC7" i="1"/>
  <c r="FYB7" i="1"/>
  <c r="FYA7" i="1"/>
  <c r="FXZ7" i="1"/>
  <c r="FXY7" i="1"/>
  <c r="FXX7" i="1"/>
  <c r="FXW7" i="1"/>
  <c r="FXV7" i="1"/>
  <c r="FXU7" i="1"/>
  <c r="FXT7" i="1"/>
  <c r="FXS7" i="1"/>
  <c r="FXR7" i="1"/>
  <c r="FXQ7" i="1"/>
  <c r="FXP7" i="1"/>
  <c r="FXO7" i="1"/>
  <c r="FXN7" i="1"/>
  <c r="FXM7" i="1"/>
  <c r="FXL7" i="1"/>
  <c r="FXK7" i="1"/>
  <c r="FXJ7" i="1"/>
  <c r="FXI7" i="1"/>
  <c r="FXH7" i="1"/>
  <c r="FXG7" i="1"/>
  <c r="FXF7" i="1"/>
  <c r="FXE7" i="1"/>
  <c r="FXD7" i="1"/>
  <c r="FXC7" i="1"/>
  <c r="FXB7" i="1"/>
  <c r="FXA7" i="1"/>
  <c r="FWZ7" i="1"/>
  <c r="FWY7" i="1"/>
  <c r="FWX7" i="1"/>
  <c r="FWW7" i="1"/>
  <c r="FWV7" i="1"/>
  <c r="FWU7" i="1"/>
  <c r="FWT7" i="1"/>
  <c r="FWS7" i="1"/>
  <c r="FWR7" i="1"/>
  <c r="FWQ7" i="1"/>
  <c r="FWP7" i="1"/>
  <c r="FWO7" i="1"/>
  <c r="FWN7" i="1"/>
  <c r="FWM7" i="1"/>
  <c r="FWL7" i="1"/>
  <c r="FWK7" i="1"/>
  <c r="FWJ7" i="1"/>
  <c r="FWI7" i="1"/>
  <c r="FWH7" i="1"/>
  <c r="FWG7" i="1"/>
  <c r="FWF7" i="1"/>
  <c r="FWE7" i="1"/>
  <c r="FWD7" i="1"/>
  <c r="FWC7" i="1"/>
  <c r="FWB7" i="1"/>
  <c r="FWA7" i="1"/>
  <c r="FVZ7" i="1"/>
  <c r="FVY7" i="1"/>
  <c r="FVX7" i="1"/>
  <c r="FVW7" i="1"/>
  <c r="FVV7" i="1"/>
  <c r="FVU7" i="1"/>
  <c r="FVT7" i="1"/>
  <c r="FVS7" i="1"/>
  <c r="FVR7" i="1"/>
  <c r="FVQ7" i="1"/>
  <c r="FVP7" i="1"/>
  <c r="FVO7" i="1"/>
  <c r="FVN7" i="1"/>
  <c r="FVM7" i="1"/>
  <c r="FVL7" i="1"/>
  <c r="FVK7" i="1"/>
  <c r="FVJ7" i="1"/>
  <c r="FVI7" i="1"/>
  <c r="FVH7" i="1"/>
  <c r="FVG7" i="1"/>
  <c r="FVF7" i="1"/>
  <c r="FVE7" i="1"/>
  <c r="FVD7" i="1"/>
  <c r="FVC7" i="1"/>
  <c r="FVB7" i="1"/>
  <c r="FVA7" i="1"/>
  <c r="FUZ7" i="1"/>
  <c r="FUY7" i="1"/>
  <c r="FUX7" i="1"/>
  <c r="FUW7" i="1"/>
  <c r="FUV7" i="1"/>
  <c r="FUU7" i="1"/>
  <c r="FUT7" i="1"/>
  <c r="FUS7" i="1"/>
  <c r="FUR7" i="1"/>
  <c r="FUQ7" i="1"/>
  <c r="FUP7" i="1"/>
  <c r="FUO7" i="1"/>
  <c r="FUN7" i="1"/>
  <c r="FUM7" i="1"/>
  <c r="FUL7" i="1"/>
  <c r="FUK7" i="1"/>
  <c r="FUJ7" i="1"/>
  <c r="FUI7" i="1"/>
  <c r="FUH7" i="1"/>
  <c r="FUG7" i="1"/>
  <c r="FUF7" i="1"/>
  <c r="FUE7" i="1"/>
  <c r="FUD7" i="1"/>
  <c r="FUC7" i="1"/>
  <c r="FUB7" i="1"/>
  <c r="FUA7" i="1"/>
  <c r="FTZ7" i="1"/>
  <c r="FTY7" i="1"/>
  <c r="FTX7" i="1"/>
  <c r="FTW7" i="1"/>
  <c r="FTV7" i="1"/>
  <c r="FTU7" i="1"/>
  <c r="FTT7" i="1"/>
  <c r="FTS7" i="1"/>
  <c r="FTR7" i="1"/>
  <c r="FTQ7" i="1"/>
  <c r="FTP7" i="1"/>
  <c r="FTO7" i="1"/>
  <c r="FTN7" i="1"/>
  <c r="FTM7" i="1"/>
  <c r="FTL7" i="1"/>
  <c r="FTK7" i="1"/>
  <c r="FTJ7" i="1"/>
  <c r="FTI7" i="1"/>
  <c r="FTH7" i="1"/>
  <c r="FTG7" i="1"/>
  <c r="FTF7" i="1"/>
  <c r="FTE7" i="1"/>
  <c r="FTD7" i="1"/>
  <c r="FTC7" i="1"/>
  <c r="FTB7" i="1"/>
  <c r="FTA7" i="1"/>
  <c r="FSZ7" i="1"/>
  <c r="FSY7" i="1"/>
  <c r="FSX7" i="1"/>
  <c r="FSW7" i="1"/>
  <c r="FSV7" i="1"/>
  <c r="FSU7" i="1"/>
  <c r="FST7" i="1"/>
  <c r="FSS7" i="1"/>
  <c r="FSR7" i="1"/>
  <c r="FSQ7" i="1"/>
  <c r="FSP7" i="1"/>
  <c r="FSO7" i="1"/>
  <c r="FSN7" i="1"/>
  <c r="FSM7" i="1"/>
  <c r="FSL7" i="1"/>
  <c r="FSK7" i="1"/>
  <c r="FSJ7" i="1"/>
  <c r="FSI7" i="1"/>
  <c r="FSH7" i="1"/>
  <c r="FSG7" i="1"/>
  <c r="FSF7" i="1"/>
  <c r="FSE7" i="1"/>
  <c r="FSD7" i="1"/>
  <c r="FSC7" i="1"/>
  <c r="FSB7" i="1"/>
  <c r="FSA7" i="1"/>
  <c r="FRZ7" i="1"/>
  <c r="FRY7" i="1"/>
  <c r="FRX7" i="1"/>
  <c r="FRW7" i="1"/>
  <c r="FRV7" i="1"/>
  <c r="FRU7" i="1"/>
  <c r="FRT7" i="1"/>
  <c r="FRS7" i="1"/>
  <c r="FRR7" i="1"/>
  <c r="FRQ7" i="1"/>
  <c r="FRP7" i="1"/>
  <c r="FRO7" i="1"/>
  <c r="FRN7" i="1"/>
  <c r="FRM7" i="1"/>
  <c r="FRL7" i="1"/>
  <c r="FRK7" i="1"/>
  <c r="FRJ7" i="1"/>
  <c r="FRI7" i="1"/>
  <c r="FRH7" i="1"/>
  <c r="FRG7" i="1"/>
  <c r="FRF7" i="1"/>
  <c r="FRE7" i="1"/>
  <c r="FRD7" i="1"/>
  <c r="FRC7" i="1"/>
  <c r="FRB7" i="1"/>
  <c r="FRA7" i="1"/>
  <c r="FQZ7" i="1"/>
  <c r="FQY7" i="1"/>
  <c r="FQX7" i="1"/>
  <c r="FQW7" i="1"/>
  <c r="FQV7" i="1"/>
  <c r="FQU7" i="1"/>
  <c r="FQT7" i="1"/>
  <c r="FQS7" i="1"/>
  <c r="FQR7" i="1"/>
  <c r="FQQ7" i="1"/>
  <c r="FQP7" i="1"/>
  <c r="FQO7" i="1"/>
  <c r="FQN7" i="1"/>
  <c r="FQM7" i="1"/>
  <c r="FQL7" i="1"/>
  <c r="FQK7" i="1"/>
  <c r="FQJ7" i="1"/>
  <c r="FQI7" i="1"/>
  <c r="FQH7" i="1"/>
  <c r="FQG7" i="1"/>
  <c r="FQF7" i="1"/>
  <c r="FQE7" i="1"/>
  <c r="FQD7" i="1"/>
  <c r="FQC7" i="1"/>
  <c r="FQB7" i="1"/>
  <c r="FQA7" i="1"/>
  <c r="FPZ7" i="1"/>
  <c r="FPY7" i="1"/>
  <c r="FPX7" i="1"/>
  <c r="FPW7" i="1"/>
  <c r="FPV7" i="1"/>
  <c r="FPU7" i="1"/>
  <c r="FPT7" i="1"/>
  <c r="FPS7" i="1"/>
  <c r="FPR7" i="1"/>
  <c r="FPQ7" i="1"/>
  <c r="FPP7" i="1"/>
  <c r="FPO7" i="1"/>
  <c r="FPN7" i="1"/>
  <c r="FPM7" i="1"/>
  <c r="FPL7" i="1"/>
  <c r="FPK7" i="1"/>
  <c r="FPJ7" i="1"/>
  <c r="FPI7" i="1"/>
  <c r="FPH7" i="1"/>
  <c r="FPG7" i="1"/>
  <c r="FPF7" i="1"/>
  <c r="FPE7" i="1"/>
  <c r="FPD7" i="1"/>
  <c r="FPC7" i="1"/>
  <c r="FPB7" i="1"/>
  <c r="FPA7" i="1"/>
  <c r="FOZ7" i="1"/>
  <c r="FOY7" i="1"/>
  <c r="FOX7" i="1"/>
  <c r="FOW7" i="1"/>
  <c r="FOV7" i="1"/>
  <c r="FOU7" i="1"/>
  <c r="FOT7" i="1"/>
  <c r="FOS7" i="1"/>
  <c r="FOR7" i="1"/>
  <c r="FOQ7" i="1"/>
  <c r="FOP7" i="1"/>
  <c r="FOO7" i="1"/>
  <c r="FON7" i="1"/>
  <c r="FOM7" i="1"/>
  <c r="FOL7" i="1"/>
  <c r="FOK7" i="1"/>
  <c r="FOJ7" i="1"/>
  <c r="FOI7" i="1"/>
  <c r="FOH7" i="1"/>
  <c r="FOG7" i="1"/>
  <c r="FOF7" i="1"/>
  <c r="FOE7" i="1"/>
  <c r="FOD7" i="1"/>
  <c r="FOC7" i="1"/>
  <c r="FOB7" i="1"/>
  <c r="FOA7" i="1"/>
  <c r="FNZ7" i="1"/>
  <c r="FNY7" i="1"/>
  <c r="FNX7" i="1"/>
  <c r="FNW7" i="1"/>
  <c r="FNV7" i="1"/>
  <c r="FNU7" i="1"/>
  <c r="FNT7" i="1"/>
  <c r="FNS7" i="1"/>
  <c r="FNR7" i="1"/>
  <c r="FNQ7" i="1"/>
  <c r="FNP7" i="1"/>
  <c r="FNO7" i="1"/>
  <c r="FNN7" i="1"/>
  <c r="FNM7" i="1"/>
  <c r="FNL7" i="1"/>
  <c r="FNK7" i="1"/>
  <c r="FNJ7" i="1"/>
  <c r="FNI7" i="1"/>
  <c r="FNH7" i="1"/>
  <c r="FNG7" i="1"/>
  <c r="FNF7" i="1"/>
  <c r="FNE7" i="1"/>
  <c r="FND7" i="1"/>
  <c r="FNC7" i="1"/>
  <c r="FNB7" i="1"/>
  <c r="FNA7" i="1"/>
  <c r="FMZ7" i="1"/>
  <c r="FMY7" i="1"/>
  <c r="FMX7" i="1"/>
  <c r="FMW7" i="1"/>
  <c r="FMV7" i="1"/>
  <c r="FMU7" i="1"/>
  <c r="FMT7" i="1"/>
  <c r="FMS7" i="1"/>
  <c r="FMR7" i="1"/>
  <c r="FMQ7" i="1"/>
  <c r="FMP7" i="1"/>
  <c r="FMO7" i="1"/>
  <c r="FMN7" i="1"/>
  <c r="FMM7" i="1"/>
  <c r="FML7" i="1"/>
  <c r="FMK7" i="1"/>
  <c r="FMJ7" i="1"/>
  <c r="FMI7" i="1"/>
  <c r="FMH7" i="1"/>
  <c r="FMG7" i="1"/>
  <c r="FMF7" i="1"/>
  <c r="FME7" i="1"/>
  <c r="FMD7" i="1"/>
  <c r="FMC7" i="1"/>
  <c r="FMB7" i="1"/>
  <c r="FMA7" i="1"/>
  <c r="FLZ7" i="1"/>
  <c r="FLY7" i="1"/>
  <c r="FLX7" i="1"/>
  <c r="FLW7" i="1"/>
  <c r="FLV7" i="1"/>
  <c r="FLU7" i="1"/>
  <c r="FLT7" i="1"/>
  <c r="FLS7" i="1"/>
  <c r="FLR7" i="1"/>
  <c r="FLQ7" i="1"/>
  <c r="FLP7" i="1"/>
  <c r="FLO7" i="1"/>
  <c r="FLN7" i="1"/>
  <c r="FLM7" i="1"/>
  <c r="FLL7" i="1"/>
  <c r="FLK7" i="1"/>
  <c r="FLJ7" i="1"/>
  <c r="FLI7" i="1"/>
  <c r="FLH7" i="1"/>
  <c r="FLG7" i="1"/>
  <c r="FLF7" i="1"/>
  <c r="FLE7" i="1"/>
  <c r="FLD7" i="1"/>
  <c r="FLC7" i="1"/>
  <c r="FLB7" i="1"/>
  <c r="FLA7" i="1"/>
  <c r="FKZ7" i="1"/>
  <c r="FKY7" i="1"/>
  <c r="FKX7" i="1"/>
  <c r="FKW7" i="1"/>
  <c r="FKV7" i="1"/>
  <c r="FKU7" i="1"/>
  <c r="FKT7" i="1"/>
  <c r="FKS7" i="1"/>
  <c r="FKR7" i="1"/>
  <c r="FKQ7" i="1"/>
  <c r="FKP7" i="1"/>
  <c r="FKO7" i="1"/>
  <c r="FKN7" i="1"/>
  <c r="FKM7" i="1"/>
  <c r="FKL7" i="1"/>
  <c r="FKK7" i="1"/>
  <c r="FKJ7" i="1"/>
  <c r="FKI7" i="1"/>
  <c r="FKH7" i="1"/>
  <c r="FKG7" i="1"/>
  <c r="FKF7" i="1"/>
  <c r="FKE7" i="1"/>
  <c r="FKD7" i="1"/>
  <c r="FKC7" i="1"/>
  <c r="FKB7" i="1"/>
  <c r="FKA7" i="1"/>
  <c r="FJZ7" i="1"/>
  <c r="FJY7" i="1"/>
  <c r="FJX7" i="1"/>
  <c r="FJW7" i="1"/>
  <c r="FJV7" i="1"/>
  <c r="FJU7" i="1"/>
  <c r="FJT7" i="1"/>
  <c r="FJS7" i="1"/>
  <c r="FJR7" i="1"/>
  <c r="FJQ7" i="1"/>
  <c r="FJP7" i="1"/>
  <c r="FJO7" i="1"/>
  <c r="FJN7" i="1"/>
  <c r="FJM7" i="1"/>
  <c r="FJL7" i="1"/>
  <c r="FJK7" i="1"/>
  <c r="FJJ7" i="1"/>
  <c r="FJI7" i="1"/>
  <c r="FJH7" i="1"/>
  <c r="FJG7" i="1"/>
  <c r="FJF7" i="1"/>
  <c r="FJE7" i="1"/>
  <c r="FJD7" i="1"/>
  <c r="FJC7" i="1"/>
  <c r="FJB7" i="1"/>
  <c r="FJA7" i="1"/>
  <c r="FIZ7" i="1"/>
  <c r="FIY7" i="1"/>
  <c r="FIX7" i="1"/>
  <c r="FIW7" i="1"/>
  <c r="FIV7" i="1"/>
  <c r="FIU7" i="1"/>
  <c r="FIT7" i="1"/>
  <c r="FIS7" i="1"/>
  <c r="FIR7" i="1"/>
  <c r="FIQ7" i="1"/>
  <c r="FIP7" i="1"/>
  <c r="FIO7" i="1"/>
  <c r="FIN7" i="1"/>
  <c r="FIM7" i="1"/>
  <c r="FIL7" i="1"/>
  <c r="FIK7" i="1"/>
  <c r="FIJ7" i="1"/>
  <c r="FII7" i="1"/>
  <c r="FIH7" i="1"/>
  <c r="FIG7" i="1"/>
  <c r="FIF7" i="1"/>
  <c r="FIE7" i="1"/>
  <c r="FID7" i="1"/>
  <c r="FIC7" i="1"/>
  <c r="FIB7" i="1"/>
  <c r="FIA7" i="1"/>
  <c r="FHZ7" i="1"/>
  <c r="FHY7" i="1"/>
  <c r="FHX7" i="1"/>
  <c r="FHW7" i="1"/>
  <c r="FHV7" i="1"/>
  <c r="FHU7" i="1"/>
  <c r="FHT7" i="1"/>
  <c r="FHS7" i="1"/>
  <c r="FHR7" i="1"/>
  <c r="FHQ7" i="1"/>
  <c r="FHP7" i="1"/>
  <c r="FHO7" i="1"/>
  <c r="FHN7" i="1"/>
  <c r="FHM7" i="1"/>
  <c r="FHL7" i="1"/>
  <c r="FHK7" i="1"/>
  <c r="FHJ7" i="1"/>
  <c r="FHI7" i="1"/>
  <c r="FHH7" i="1"/>
  <c r="FHG7" i="1"/>
  <c r="FHF7" i="1"/>
  <c r="FHE7" i="1"/>
  <c r="FHD7" i="1"/>
  <c r="FHC7" i="1"/>
  <c r="FHB7" i="1"/>
  <c r="FHA7" i="1"/>
  <c r="FGZ7" i="1"/>
  <c r="FGY7" i="1"/>
  <c r="FGX7" i="1"/>
  <c r="FGW7" i="1"/>
  <c r="FGV7" i="1"/>
  <c r="FGU7" i="1"/>
  <c r="FGT7" i="1"/>
  <c r="FGS7" i="1"/>
  <c r="FGR7" i="1"/>
  <c r="FGQ7" i="1"/>
  <c r="FGP7" i="1"/>
  <c r="FGO7" i="1"/>
  <c r="FGN7" i="1"/>
  <c r="FGM7" i="1"/>
  <c r="FGL7" i="1"/>
  <c r="FGK7" i="1"/>
  <c r="FGJ7" i="1"/>
  <c r="FGI7" i="1"/>
  <c r="FGH7" i="1"/>
  <c r="FGG7" i="1"/>
  <c r="FGF7" i="1"/>
  <c r="FGE7" i="1"/>
  <c r="FGD7" i="1"/>
  <c r="FGC7" i="1"/>
  <c r="FGB7" i="1"/>
  <c r="FGA7" i="1"/>
  <c r="FFZ7" i="1"/>
  <c r="FFY7" i="1"/>
  <c r="FFX7" i="1"/>
  <c r="FFW7" i="1"/>
  <c r="FFV7" i="1"/>
  <c r="FFU7" i="1"/>
  <c r="FFT7" i="1"/>
  <c r="FFS7" i="1"/>
  <c r="FFR7" i="1"/>
  <c r="FFQ7" i="1"/>
  <c r="FFP7" i="1"/>
  <c r="FFO7" i="1"/>
  <c r="FFN7" i="1"/>
  <c r="FFM7" i="1"/>
  <c r="FFL7" i="1"/>
  <c r="FFK7" i="1"/>
  <c r="FFJ7" i="1"/>
  <c r="FFI7" i="1"/>
  <c r="FFH7" i="1"/>
  <c r="FFG7" i="1"/>
  <c r="FFF7" i="1"/>
  <c r="FFE7" i="1"/>
  <c r="FFD7" i="1"/>
  <c r="FFC7" i="1"/>
  <c r="FFB7" i="1"/>
  <c r="FFA7" i="1"/>
  <c r="FEZ7" i="1"/>
  <c r="FEY7" i="1"/>
  <c r="FEX7" i="1"/>
  <c r="FEW7" i="1"/>
  <c r="FEV7" i="1"/>
  <c r="FEU7" i="1"/>
  <c r="FET7" i="1"/>
  <c r="FES7" i="1"/>
  <c r="FER7" i="1"/>
  <c r="FEQ7" i="1"/>
  <c r="FEP7" i="1"/>
  <c r="FEO7" i="1"/>
  <c r="FEN7" i="1"/>
  <c r="FEM7" i="1"/>
  <c r="FEL7" i="1"/>
  <c r="FEK7" i="1"/>
  <c r="FEJ7" i="1"/>
  <c r="FEI7" i="1"/>
  <c r="FEH7" i="1"/>
  <c r="FEG7" i="1"/>
  <c r="FEF7" i="1"/>
  <c r="FEE7" i="1"/>
  <c r="FED7" i="1"/>
  <c r="FEC7" i="1"/>
  <c r="FEB7" i="1"/>
  <c r="FEA7" i="1"/>
  <c r="FDZ7" i="1"/>
  <c r="FDY7" i="1"/>
  <c r="FDX7" i="1"/>
  <c r="FDW7" i="1"/>
  <c r="FDV7" i="1"/>
  <c r="FDU7" i="1"/>
  <c r="FDT7" i="1"/>
  <c r="FDS7" i="1"/>
  <c r="FDR7" i="1"/>
  <c r="FDQ7" i="1"/>
  <c r="FDP7" i="1"/>
  <c r="FDO7" i="1"/>
  <c r="FDN7" i="1"/>
  <c r="FDM7" i="1"/>
  <c r="FDL7" i="1"/>
  <c r="FDK7" i="1"/>
  <c r="FDJ7" i="1"/>
  <c r="FDI7" i="1"/>
  <c r="FDH7" i="1"/>
  <c r="FDG7" i="1"/>
  <c r="FDF7" i="1"/>
  <c r="FDE7" i="1"/>
  <c r="FDD7" i="1"/>
  <c r="FDC7" i="1"/>
  <c r="FDB7" i="1"/>
  <c r="FDA7" i="1"/>
  <c r="FCZ7" i="1"/>
  <c r="FCY7" i="1"/>
  <c r="FCX7" i="1"/>
  <c r="FCW7" i="1"/>
  <c r="FCV7" i="1"/>
  <c r="FCU7" i="1"/>
  <c r="FCT7" i="1"/>
  <c r="FCS7" i="1"/>
  <c r="FCR7" i="1"/>
  <c r="FCQ7" i="1"/>
  <c r="FCP7" i="1"/>
  <c r="FCO7" i="1"/>
  <c r="FCN7" i="1"/>
  <c r="FCM7" i="1"/>
  <c r="FCL7" i="1"/>
  <c r="FCK7" i="1"/>
  <c r="FCJ7" i="1"/>
  <c r="FCI7" i="1"/>
  <c r="FCH7" i="1"/>
  <c r="FCG7" i="1"/>
  <c r="FCF7" i="1"/>
  <c r="FCE7" i="1"/>
  <c r="FCD7" i="1"/>
  <c r="FCC7" i="1"/>
  <c r="FCB7" i="1"/>
  <c r="FCA7" i="1"/>
  <c r="FBZ7" i="1"/>
  <c r="FBY7" i="1"/>
  <c r="FBX7" i="1"/>
  <c r="FBW7" i="1"/>
  <c r="FBV7" i="1"/>
  <c r="FBU7" i="1"/>
  <c r="FBT7" i="1"/>
  <c r="FBS7" i="1"/>
  <c r="FBR7" i="1"/>
  <c r="FBQ7" i="1"/>
  <c r="FBP7" i="1"/>
  <c r="FBO7" i="1"/>
  <c r="FBN7" i="1"/>
  <c r="FBM7" i="1"/>
  <c r="FBL7" i="1"/>
  <c r="FBK7" i="1"/>
  <c r="FBJ7" i="1"/>
  <c r="FBI7" i="1"/>
  <c r="FBH7" i="1"/>
  <c r="FBG7" i="1"/>
  <c r="FBF7" i="1"/>
  <c r="FBE7" i="1"/>
  <c r="FBD7" i="1"/>
  <c r="FBC7" i="1"/>
  <c r="FBB7" i="1"/>
  <c r="FBA7" i="1"/>
  <c r="FAZ7" i="1"/>
  <c r="FAY7" i="1"/>
  <c r="FAX7" i="1"/>
  <c r="FAW7" i="1"/>
  <c r="FAV7" i="1"/>
  <c r="FAU7" i="1"/>
  <c r="FAT7" i="1"/>
  <c r="FAS7" i="1"/>
  <c r="FAR7" i="1"/>
  <c r="FAQ7" i="1"/>
  <c r="FAP7" i="1"/>
  <c r="FAO7" i="1"/>
  <c r="FAN7" i="1"/>
  <c r="FAM7" i="1"/>
  <c r="FAL7" i="1"/>
  <c r="FAK7" i="1"/>
  <c r="FAJ7" i="1"/>
  <c r="FAI7" i="1"/>
  <c r="FAH7" i="1"/>
  <c r="FAG7" i="1"/>
  <c r="FAF7" i="1"/>
  <c r="FAE7" i="1"/>
  <c r="FAD7" i="1"/>
  <c r="FAC7" i="1"/>
  <c r="FAB7" i="1"/>
  <c r="FAA7" i="1"/>
  <c r="EZZ7" i="1"/>
  <c r="EZY7" i="1"/>
  <c r="EZX7" i="1"/>
  <c r="EZW7" i="1"/>
  <c r="EZV7" i="1"/>
  <c r="EZU7" i="1"/>
  <c r="EZT7" i="1"/>
  <c r="EZS7" i="1"/>
  <c r="EZR7" i="1"/>
  <c r="EZQ7" i="1"/>
  <c r="EZP7" i="1"/>
  <c r="EZO7" i="1"/>
  <c r="EZN7" i="1"/>
  <c r="EZM7" i="1"/>
  <c r="EZL7" i="1"/>
  <c r="EZK7" i="1"/>
  <c r="EZJ7" i="1"/>
  <c r="EZI7" i="1"/>
  <c r="EZH7" i="1"/>
  <c r="EZG7" i="1"/>
  <c r="EZF7" i="1"/>
  <c r="EZE7" i="1"/>
  <c r="EZD7" i="1"/>
  <c r="EZC7" i="1"/>
  <c r="EZB7" i="1"/>
  <c r="EZA7" i="1"/>
  <c r="EYZ7" i="1"/>
  <c r="EYY7" i="1"/>
  <c r="EYX7" i="1"/>
  <c r="EYW7" i="1"/>
  <c r="EYV7" i="1"/>
  <c r="EYU7" i="1"/>
  <c r="EYT7" i="1"/>
  <c r="EYS7" i="1"/>
  <c r="EYR7" i="1"/>
  <c r="EYQ7" i="1"/>
  <c r="EYP7" i="1"/>
  <c r="EYO7" i="1"/>
  <c r="EYN7" i="1"/>
  <c r="EYM7" i="1"/>
  <c r="EYL7" i="1"/>
  <c r="EYK7" i="1"/>
  <c r="EYJ7" i="1"/>
  <c r="EYI7" i="1"/>
  <c r="EYH7" i="1"/>
  <c r="EYG7" i="1"/>
  <c r="EYF7" i="1"/>
  <c r="EYE7" i="1"/>
  <c r="EYD7" i="1"/>
  <c r="EYC7" i="1"/>
  <c r="EYB7" i="1"/>
  <c r="EYA7" i="1"/>
  <c r="EXZ7" i="1"/>
  <c r="EXY7" i="1"/>
  <c r="EXX7" i="1"/>
  <c r="EXW7" i="1"/>
  <c r="EXV7" i="1"/>
  <c r="EXU7" i="1"/>
  <c r="EXT7" i="1"/>
  <c r="EXS7" i="1"/>
  <c r="EXR7" i="1"/>
  <c r="EXQ7" i="1"/>
  <c r="EXP7" i="1"/>
  <c r="EXO7" i="1"/>
  <c r="EXN7" i="1"/>
  <c r="EXM7" i="1"/>
  <c r="EXL7" i="1"/>
  <c r="EXK7" i="1"/>
  <c r="EXJ7" i="1"/>
  <c r="EXI7" i="1"/>
  <c r="EXH7" i="1"/>
  <c r="EXG7" i="1"/>
  <c r="EXF7" i="1"/>
  <c r="EXE7" i="1"/>
  <c r="EXD7" i="1"/>
  <c r="EXC7" i="1"/>
  <c r="EXB7" i="1"/>
  <c r="EXA7" i="1"/>
  <c r="EWZ7" i="1"/>
  <c r="EWY7" i="1"/>
  <c r="EWX7" i="1"/>
  <c r="EWW7" i="1"/>
  <c r="EWV7" i="1"/>
  <c r="EWU7" i="1"/>
  <c r="EWT7" i="1"/>
  <c r="EWS7" i="1"/>
  <c r="EWR7" i="1"/>
  <c r="EWQ7" i="1"/>
  <c r="EWP7" i="1"/>
  <c r="EWO7" i="1"/>
  <c r="EWN7" i="1"/>
  <c r="EWM7" i="1"/>
  <c r="EWL7" i="1"/>
  <c r="EWK7" i="1"/>
  <c r="EWJ7" i="1"/>
  <c r="EWI7" i="1"/>
  <c r="EWH7" i="1"/>
  <c r="EWG7" i="1"/>
  <c r="EWF7" i="1"/>
  <c r="EWE7" i="1"/>
  <c r="EWD7" i="1"/>
  <c r="EWC7" i="1"/>
  <c r="EWB7" i="1"/>
  <c r="EWA7" i="1"/>
  <c r="EVZ7" i="1"/>
  <c r="EVY7" i="1"/>
  <c r="EVX7" i="1"/>
  <c r="EVW7" i="1"/>
  <c r="EVV7" i="1"/>
  <c r="EVU7" i="1"/>
  <c r="EVT7" i="1"/>
  <c r="EVS7" i="1"/>
  <c r="EVR7" i="1"/>
  <c r="EVQ7" i="1"/>
  <c r="EVP7" i="1"/>
  <c r="EVO7" i="1"/>
  <c r="EVN7" i="1"/>
  <c r="EVM7" i="1"/>
  <c r="EVL7" i="1"/>
  <c r="EVK7" i="1"/>
  <c r="EVJ7" i="1"/>
  <c r="EVI7" i="1"/>
  <c r="EVH7" i="1"/>
  <c r="EVG7" i="1"/>
  <c r="EVF7" i="1"/>
  <c r="EVE7" i="1"/>
  <c r="EVD7" i="1"/>
  <c r="EVC7" i="1"/>
  <c r="EVB7" i="1"/>
  <c r="EVA7" i="1"/>
  <c r="EUZ7" i="1"/>
  <c r="EUY7" i="1"/>
  <c r="EUX7" i="1"/>
  <c r="EUW7" i="1"/>
  <c r="EUV7" i="1"/>
  <c r="EUU7" i="1"/>
  <c r="EUT7" i="1"/>
  <c r="EUS7" i="1"/>
  <c r="EUR7" i="1"/>
  <c r="EUQ7" i="1"/>
  <c r="EUP7" i="1"/>
  <c r="EUO7" i="1"/>
  <c r="EUN7" i="1"/>
  <c r="EUM7" i="1"/>
  <c r="EUL7" i="1"/>
  <c r="EUK7" i="1"/>
  <c r="EUJ7" i="1"/>
  <c r="EUI7" i="1"/>
  <c r="EUH7" i="1"/>
  <c r="EUG7" i="1"/>
  <c r="EUF7" i="1"/>
  <c r="EUE7" i="1"/>
  <c r="EUD7" i="1"/>
  <c r="EUC7" i="1"/>
  <c r="EUB7" i="1"/>
  <c r="EUA7" i="1"/>
  <c r="ETZ7" i="1"/>
  <c r="ETY7" i="1"/>
  <c r="ETX7" i="1"/>
  <c r="ETW7" i="1"/>
  <c r="ETV7" i="1"/>
  <c r="ETU7" i="1"/>
  <c r="ETT7" i="1"/>
  <c r="ETS7" i="1"/>
  <c r="ETR7" i="1"/>
  <c r="ETQ7" i="1"/>
  <c r="ETP7" i="1"/>
  <c r="ETO7" i="1"/>
  <c r="ETN7" i="1"/>
  <c r="ETM7" i="1"/>
  <c r="ETL7" i="1"/>
  <c r="ETK7" i="1"/>
  <c r="ETJ7" i="1"/>
  <c r="ETI7" i="1"/>
  <c r="ETH7" i="1"/>
  <c r="ETG7" i="1"/>
  <c r="ETF7" i="1"/>
  <c r="ETE7" i="1"/>
  <c r="ETD7" i="1"/>
  <c r="ETC7" i="1"/>
  <c r="ETB7" i="1"/>
  <c r="ETA7" i="1"/>
  <c r="ESZ7" i="1"/>
  <c r="ESY7" i="1"/>
  <c r="ESX7" i="1"/>
  <c r="ESW7" i="1"/>
  <c r="ESV7" i="1"/>
  <c r="ESU7" i="1"/>
  <c r="EST7" i="1"/>
  <c r="ESS7" i="1"/>
  <c r="ESR7" i="1"/>
  <c r="ESQ7" i="1"/>
  <c r="ESP7" i="1"/>
  <c r="ESO7" i="1"/>
  <c r="ESN7" i="1"/>
  <c r="ESM7" i="1"/>
  <c r="ESL7" i="1"/>
  <c r="ESK7" i="1"/>
  <c r="ESJ7" i="1"/>
  <c r="ESI7" i="1"/>
  <c r="ESH7" i="1"/>
  <c r="ESG7" i="1"/>
  <c r="ESF7" i="1"/>
  <c r="ESE7" i="1"/>
  <c r="ESD7" i="1"/>
  <c r="ESC7" i="1"/>
  <c r="ESB7" i="1"/>
  <c r="ESA7" i="1"/>
  <c r="ERZ7" i="1"/>
  <c r="ERY7" i="1"/>
  <c r="ERX7" i="1"/>
  <c r="ERW7" i="1"/>
  <c r="ERV7" i="1"/>
  <c r="ERU7" i="1"/>
  <c r="ERT7" i="1"/>
  <c r="ERS7" i="1"/>
  <c r="ERR7" i="1"/>
  <c r="ERQ7" i="1"/>
  <c r="ERP7" i="1"/>
  <c r="ERO7" i="1"/>
  <c r="ERN7" i="1"/>
  <c r="ERM7" i="1"/>
  <c r="ERL7" i="1"/>
  <c r="ERK7" i="1"/>
  <c r="ERJ7" i="1"/>
  <c r="ERI7" i="1"/>
  <c r="ERH7" i="1"/>
  <c r="ERG7" i="1"/>
  <c r="ERF7" i="1"/>
  <c r="ERE7" i="1"/>
  <c r="ERD7" i="1"/>
  <c r="ERC7" i="1"/>
  <c r="ERB7" i="1"/>
  <c r="ERA7" i="1"/>
  <c r="EQZ7" i="1"/>
  <c r="EQY7" i="1"/>
  <c r="EQX7" i="1"/>
  <c r="EQW7" i="1"/>
  <c r="EQV7" i="1"/>
  <c r="EQU7" i="1"/>
  <c r="EQT7" i="1"/>
  <c r="EQS7" i="1"/>
  <c r="EQR7" i="1"/>
  <c r="EQQ7" i="1"/>
  <c r="EQP7" i="1"/>
  <c r="EQO7" i="1"/>
  <c r="EQN7" i="1"/>
  <c r="EQM7" i="1"/>
  <c r="EQL7" i="1"/>
  <c r="EQK7" i="1"/>
  <c r="EQJ7" i="1"/>
  <c r="EQI7" i="1"/>
  <c r="EQH7" i="1"/>
  <c r="EQG7" i="1"/>
  <c r="EQF7" i="1"/>
  <c r="EQE7" i="1"/>
  <c r="EQD7" i="1"/>
  <c r="EQC7" i="1"/>
  <c r="EQB7" i="1"/>
  <c r="EQA7" i="1"/>
  <c r="EPZ7" i="1"/>
  <c r="EPY7" i="1"/>
  <c r="EPX7" i="1"/>
  <c r="EPW7" i="1"/>
  <c r="EPV7" i="1"/>
  <c r="EPU7" i="1"/>
  <c r="EPT7" i="1"/>
  <c r="EPS7" i="1"/>
  <c r="EPR7" i="1"/>
  <c r="EPQ7" i="1"/>
  <c r="EPP7" i="1"/>
  <c r="EPO7" i="1"/>
  <c r="EPN7" i="1"/>
  <c r="EPM7" i="1"/>
  <c r="EPL7" i="1"/>
  <c r="EPK7" i="1"/>
  <c r="EPJ7" i="1"/>
  <c r="EPI7" i="1"/>
  <c r="EPH7" i="1"/>
  <c r="EPG7" i="1"/>
  <c r="EPF7" i="1"/>
  <c r="EPE7" i="1"/>
  <c r="EPD7" i="1"/>
  <c r="EPC7" i="1"/>
  <c r="EPB7" i="1"/>
  <c r="EPA7" i="1"/>
  <c r="EOZ7" i="1"/>
  <c r="EOY7" i="1"/>
  <c r="EOX7" i="1"/>
  <c r="EOW7" i="1"/>
  <c r="EOV7" i="1"/>
  <c r="EOU7" i="1"/>
  <c r="EOT7" i="1"/>
  <c r="EOS7" i="1"/>
  <c r="EOR7" i="1"/>
  <c r="EOQ7" i="1"/>
  <c r="EOP7" i="1"/>
  <c r="EOO7" i="1"/>
  <c r="EON7" i="1"/>
  <c r="EOM7" i="1"/>
  <c r="EOL7" i="1"/>
  <c r="EOK7" i="1"/>
  <c r="EOJ7" i="1"/>
  <c r="EOI7" i="1"/>
  <c r="EOH7" i="1"/>
  <c r="EOG7" i="1"/>
  <c r="EOF7" i="1"/>
  <c r="EOE7" i="1"/>
  <c r="EOD7" i="1"/>
  <c r="EOC7" i="1"/>
  <c r="EOB7" i="1"/>
  <c r="EOA7" i="1"/>
  <c r="ENZ7" i="1"/>
  <c r="ENY7" i="1"/>
  <c r="ENX7" i="1"/>
  <c r="ENW7" i="1"/>
  <c r="ENV7" i="1"/>
  <c r="ENU7" i="1"/>
  <c r="ENT7" i="1"/>
  <c r="ENS7" i="1"/>
  <c r="ENR7" i="1"/>
  <c r="ENQ7" i="1"/>
  <c r="ENP7" i="1"/>
  <c r="ENO7" i="1"/>
  <c r="ENN7" i="1"/>
  <c r="ENM7" i="1"/>
  <c r="ENL7" i="1"/>
  <c r="ENK7" i="1"/>
  <c r="ENJ7" i="1"/>
  <c r="ENI7" i="1"/>
  <c r="ENH7" i="1"/>
  <c r="ENG7" i="1"/>
  <c r="ENF7" i="1"/>
  <c r="ENE7" i="1"/>
  <c r="END7" i="1"/>
  <c r="ENC7" i="1"/>
  <c r="ENB7" i="1"/>
  <c r="ENA7" i="1"/>
  <c r="EMZ7" i="1"/>
  <c r="EMY7" i="1"/>
  <c r="EMX7" i="1"/>
  <c r="EMW7" i="1"/>
  <c r="EMV7" i="1"/>
  <c r="EMU7" i="1"/>
  <c r="EMT7" i="1"/>
  <c r="EMS7" i="1"/>
  <c r="EMR7" i="1"/>
  <c r="EMQ7" i="1"/>
  <c r="EMP7" i="1"/>
  <c r="EMO7" i="1"/>
  <c r="EMN7" i="1"/>
  <c r="EMM7" i="1"/>
  <c r="EML7" i="1"/>
  <c r="EMK7" i="1"/>
  <c r="EMJ7" i="1"/>
  <c r="EMI7" i="1"/>
  <c r="EMH7" i="1"/>
  <c r="EMG7" i="1"/>
  <c r="EMF7" i="1"/>
  <c r="EME7" i="1"/>
  <c r="EMD7" i="1"/>
  <c r="EMC7" i="1"/>
  <c r="EMB7" i="1"/>
  <c r="EMA7" i="1"/>
  <c r="ELZ7" i="1"/>
  <c r="ELY7" i="1"/>
  <c r="ELX7" i="1"/>
  <c r="ELW7" i="1"/>
  <c r="ELV7" i="1"/>
  <c r="ELU7" i="1"/>
  <c r="ELT7" i="1"/>
  <c r="ELS7" i="1"/>
  <c r="ELR7" i="1"/>
  <c r="ELQ7" i="1"/>
  <c r="ELP7" i="1"/>
  <c r="ELO7" i="1"/>
  <c r="ELN7" i="1"/>
  <c r="ELM7" i="1"/>
  <c r="ELL7" i="1"/>
  <c r="ELK7" i="1"/>
  <c r="ELJ7" i="1"/>
  <c r="ELI7" i="1"/>
  <c r="ELH7" i="1"/>
  <c r="ELG7" i="1"/>
  <c r="ELF7" i="1"/>
  <c r="ELE7" i="1"/>
  <c r="ELD7" i="1"/>
  <c r="ELC7" i="1"/>
  <c r="ELB7" i="1"/>
  <c r="ELA7" i="1"/>
  <c r="EKZ7" i="1"/>
  <c r="EKY7" i="1"/>
  <c r="EKX7" i="1"/>
  <c r="EKW7" i="1"/>
  <c r="EKV7" i="1"/>
  <c r="EKU7" i="1"/>
  <c r="EKT7" i="1"/>
  <c r="EKS7" i="1"/>
  <c r="EKR7" i="1"/>
  <c r="EKQ7" i="1"/>
  <c r="EKP7" i="1"/>
  <c r="EKO7" i="1"/>
  <c r="EKN7" i="1"/>
  <c r="EKM7" i="1"/>
  <c r="EKL7" i="1"/>
  <c r="EKK7" i="1"/>
  <c r="EKJ7" i="1"/>
  <c r="EKI7" i="1"/>
  <c r="EKH7" i="1"/>
  <c r="EKG7" i="1"/>
  <c r="EKF7" i="1"/>
  <c r="EKE7" i="1"/>
  <c r="EKD7" i="1"/>
  <c r="EKC7" i="1"/>
  <c r="EKB7" i="1"/>
  <c r="EKA7" i="1"/>
  <c r="EJZ7" i="1"/>
  <c r="EJY7" i="1"/>
  <c r="EJX7" i="1"/>
  <c r="EJW7" i="1"/>
  <c r="EJV7" i="1"/>
  <c r="EJU7" i="1"/>
  <c r="EJT7" i="1"/>
  <c r="EJS7" i="1"/>
  <c r="EJR7" i="1"/>
  <c r="EJQ7" i="1"/>
  <c r="EJP7" i="1"/>
  <c r="EJO7" i="1"/>
  <c r="EJN7" i="1"/>
  <c r="EJM7" i="1"/>
  <c r="EJL7" i="1"/>
  <c r="EJK7" i="1"/>
  <c r="EJJ7" i="1"/>
  <c r="EJI7" i="1"/>
  <c r="EJH7" i="1"/>
  <c r="EJG7" i="1"/>
  <c r="EJF7" i="1"/>
  <c r="EJE7" i="1"/>
  <c r="EJD7" i="1"/>
  <c r="EJC7" i="1"/>
  <c r="EJB7" i="1"/>
  <c r="EJA7" i="1"/>
  <c r="EIZ7" i="1"/>
  <c r="EIY7" i="1"/>
  <c r="EIX7" i="1"/>
  <c r="EIW7" i="1"/>
  <c r="EIV7" i="1"/>
  <c r="EIU7" i="1"/>
  <c r="EIT7" i="1"/>
  <c r="EIS7" i="1"/>
  <c r="EIR7" i="1"/>
  <c r="EIQ7" i="1"/>
  <c r="EIP7" i="1"/>
  <c r="EIO7" i="1"/>
  <c r="EIN7" i="1"/>
  <c r="EIM7" i="1"/>
  <c r="EIL7" i="1"/>
  <c r="EIK7" i="1"/>
  <c r="EIJ7" i="1"/>
  <c r="EII7" i="1"/>
  <c r="EIH7" i="1"/>
  <c r="EIG7" i="1"/>
  <c r="EIF7" i="1"/>
  <c r="EIE7" i="1"/>
  <c r="EID7" i="1"/>
  <c r="EIC7" i="1"/>
  <c r="EIB7" i="1"/>
  <c r="EIA7" i="1"/>
  <c r="EHZ7" i="1"/>
  <c r="EHY7" i="1"/>
  <c r="EHX7" i="1"/>
  <c r="EHW7" i="1"/>
  <c r="EHV7" i="1"/>
  <c r="EHU7" i="1"/>
  <c r="EHT7" i="1"/>
  <c r="EHS7" i="1"/>
  <c r="EHR7" i="1"/>
  <c r="EHQ7" i="1"/>
  <c r="EHP7" i="1"/>
  <c r="EHO7" i="1"/>
  <c r="EHN7" i="1"/>
  <c r="EHM7" i="1"/>
  <c r="EHL7" i="1"/>
  <c r="EHK7" i="1"/>
  <c r="EHJ7" i="1"/>
  <c r="EHI7" i="1"/>
  <c r="EHH7" i="1"/>
  <c r="EHG7" i="1"/>
  <c r="EHF7" i="1"/>
  <c r="EHE7" i="1"/>
  <c r="EHD7" i="1"/>
  <c r="EHC7" i="1"/>
  <c r="EHB7" i="1"/>
  <c r="EHA7" i="1"/>
  <c r="EGZ7" i="1"/>
  <c r="EGY7" i="1"/>
  <c r="EGX7" i="1"/>
  <c r="EGW7" i="1"/>
  <c r="EGV7" i="1"/>
  <c r="EGU7" i="1"/>
  <c r="EGT7" i="1"/>
  <c r="EGS7" i="1"/>
  <c r="EGR7" i="1"/>
  <c r="EGQ7" i="1"/>
  <c r="EGP7" i="1"/>
  <c r="EGO7" i="1"/>
  <c r="EGN7" i="1"/>
  <c r="EGM7" i="1"/>
  <c r="EGL7" i="1"/>
  <c r="EGK7" i="1"/>
  <c r="EGJ7" i="1"/>
  <c r="EGI7" i="1"/>
  <c r="EGH7" i="1"/>
  <c r="EGG7" i="1"/>
  <c r="EGF7" i="1"/>
  <c r="EGE7" i="1"/>
  <c r="EGD7" i="1"/>
  <c r="EGC7" i="1"/>
  <c r="EGB7" i="1"/>
  <c r="EGA7" i="1"/>
  <c r="EFZ7" i="1"/>
  <c r="EFY7" i="1"/>
  <c r="EFX7" i="1"/>
  <c r="EFW7" i="1"/>
  <c r="EFV7" i="1"/>
  <c r="EFU7" i="1"/>
  <c r="EFT7" i="1"/>
  <c r="EFS7" i="1"/>
  <c r="EFR7" i="1"/>
  <c r="EFQ7" i="1"/>
  <c r="EFP7" i="1"/>
  <c r="EFO7" i="1"/>
  <c r="EFN7" i="1"/>
  <c r="EFM7" i="1"/>
  <c r="EFL7" i="1"/>
  <c r="EFK7" i="1"/>
  <c r="EFJ7" i="1"/>
  <c r="EFI7" i="1"/>
  <c r="EFH7" i="1"/>
  <c r="EFG7" i="1"/>
  <c r="EFF7" i="1"/>
  <c r="EFE7" i="1"/>
  <c r="EFD7" i="1"/>
  <c r="EFC7" i="1"/>
  <c r="EFB7" i="1"/>
  <c r="EFA7" i="1"/>
  <c r="EEZ7" i="1"/>
  <c r="EEY7" i="1"/>
  <c r="EEX7" i="1"/>
  <c r="EEW7" i="1"/>
  <c r="EEV7" i="1"/>
  <c r="EEU7" i="1"/>
  <c r="EET7" i="1"/>
  <c r="EES7" i="1"/>
  <c r="EER7" i="1"/>
  <c r="EEQ7" i="1"/>
  <c r="EEP7" i="1"/>
  <c r="EEO7" i="1"/>
  <c r="EEN7" i="1"/>
  <c r="EEM7" i="1"/>
  <c r="EEL7" i="1"/>
  <c r="EEK7" i="1"/>
  <c r="EEJ7" i="1"/>
  <c r="EEI7" i="1"/>
  <c r="EEH7" i="1"/>
  <c r="EEG7" i="1"/>
  <c r="EEF7" i="1"/>
  <c r="EEE7" i="1"/>
  <c r="EED7" i="1"/>
  <c r="EEC7" i="1"/>
  <c r="EEB7" i="1"/>
  <c r="EEA7" i="1"/>
  <c r="EDZ7" i="1"/>
  <c r="EDY7" i="1"/>
  <c r="EDX7" i="1"/>
  <c r="EDW7" i="1"/>
  <c r="EDV7" i="1"/>
  <c r="EDU7" i="1"/>
  <c r="EDT7" i="1"/>
  <c r="EDS7" i="1"/>
  <c r="EDR7" i="1"/>
  <c r="EDQ7" i="1"/>
  <c r="EDP7" i="1"/>
  <c r="EDO7" i="1"/>
  <c r="EDN7" i="1"/>
  <c r="EDM7" i="1"/>
  <c r="EDL7" i="1"/>
  <c r="EDK7" i="1"/>
  <c r="EDJ7" i="1"/>
  <c r="EDI7" i="1"/>
  <c r="EDH7" i="1"/>
  <c r="EDG7" i="1"/>
  <c r="EDF7" i="1"/>
  <c r="EDE7" i="1"/>
  <c r="EDD7" i="1"/>
  <c r="EDC7" i="1"/>
  <c r="EDB7" i="1"/>
  <c r="EDA7" i="1"/>
  <c r="ECZ7" i="1"/>
  <c r="ECY7" i="1"/>
  <c r="ECX7" i="1"/>
  <c r="ECW7" i="1"/>
  <c r="ECV7" i="1"/>
  <c r="ECU7" i="1"/>
  <c r="ECT7" i="1"/>
  <c r="ECS7" i="1"/>
  <c r="ECR7" i="1"/>
  <c r="ECQ7" i="1"/>
  <c r="ECP7" i="1"/>
  <c r="ECO7" i="1"/>
  <c r="ECN7" i="1"/>
  <c r="ECM7" i="1"/>
  <c r="ECL7" i="1"/>
  <c r="ECK7" i="1"/>
  <c r="ECJ7" i="1"/>
  <c r="ECI7" i="1"/>
  <c r="ECH7" i="1"/>
  <c r="ECG7" i="1"/>
  <c r="ECF7" i="1"/>
  <c r="ECE7" i="1"/>
  <c r="ECD7" i="1"/>
  <c r="ECC7" i="1"/>
  <c r="ECB7" i="1"/>
  <c r="ECA7" i="1"/>
  <c r="EBZ7" i="1"/>
  <c r="EBY7" i="1"/>
  <c r="EBX7" i="1"/>
  <c r="EBW7" i="1"/>
  <c r="EBV7" i="1"/>
  <c r="EBU7" i="1"/>
  <c r="EBT7" i="1"/>
  <c r="EBS7" i="1"/>
  <c r="EBR7" i="1"/>
  <c r="EBQ7" i="1"/>
  <c r="EBP7" i="1"/>
  <c r="EBO7" i="1"/>
  <c r="EBN7" i="1"/>
  <c r="EBM7" i="1"/>
  <c r="EBL7" i="1"/>
  <c r="EBK7" i="1"/>
  <c r="EBJ7" i="1"/>
  <c r="EBI7" i="1"/>
  <c r="EBH7" i="1"/>
  <c r="EBG7" i="1"/>
  <c r="EBF7" i="1"/>
  <c r="EBE7" i="1"/>
  <c r="EBD7" i="1"/>
  <c r="EBC7" i="1"/>
  <c r="EBB7" i="1"/>
  <c r="EBA7" i="1"/>
  <c r="EAZ7" i="1"/>
  <c r="EAY7" i="1"/>
  <c r="EAX7" i="1"/>
  <c r="EAW7" i="1"/>
  <c r="EAV7" i="1"/>
  <c r="EAU7" i="1"/>
  <c r="EAT7" i="1"/>
  <c r="EAS7" i="1"/>
  <c r="EAR7" i="1"/>
  <c r="EAQ7" i="1"/>
  <c r="EAP7" i="1"/>
  <c r="EAO7" i="1"/>
  <c r="EAN7" i="1"/>
  <c r="EAM7" i="1"/>
  <c r="EAL7" i="1"/>
  <c r="EAK7" i="1"/>
  <c r="EAJ7" i="1"/>
  <c r="EAI7" i="1"/>
  <c r="EAH7" i="1"/>
  <c r="EAG7" i="1"/>
  <c r="EAF7" i="1"/>
  <c r="EAE7" i="1"/>
  <c r="EAD7" i="1"/>
  <c r="EAC7" i="1"/>
  <c r="EAB7" i="1"/>
  <c r="EAA7" i="1"/>
  <c r="DZZ7" i="1"/>
  <c r="DZY7" i="1"/>
  <c r="DZX7" i="1"/>
  <c r="DZW7" i="1"/>
  <c r="DZV7" i="1"/>
  <c r="DZU7" i="1"/>
  <c r="DZT7" i="1"/>
  <c r="DZS7" i="1"/>
  <c r="DZR7" i="1"/>
  <c r="DZQ7" i="1"/>
  <c r="DZP7" i="1"/>
  <c r="DZO7" i="1"/>
  <c r="DZN7" i="1"/>
  <c r="DZM7" i="1"/>
  <c r="DZL7" i="1"/>
  <c r="DZK7" i="1"/>
  <c r="DZJ7" i="1"/>
  <c r="DZI7" i="1"/>
  <c r="DZH7" i="1"/>
  <c r="DZG7" i="1"/>
  <c r="DZF7" i="1"/>
  <c r="DZE7" i="1"/>
  <c r="DZD7" i="1"/>
  <c r="DZC7" i="1"/>
  <c r="DZB7" i="1"/>
  <c r="DZA7" i="1"/>
  <c r="DYZ7" i="1"/>
  <c r="DYY7" i="1"/>
  <c r="DYX7" i="1"/>
  <c r="DYW7" i="1"/>
  <c r="DYV7" i="1"/>
  <c r="DYU7" i="1"/>
  <c r="DYT7" i="1"/>
  <c r="DYS7" i="1"/>
  <c r="DYR7" i="1"/>
  <c r="DYQ7" i="1"/>
  <c r="DYP7" i="1"/>
  <c r="DYO7" i="1"/>
  <c r="DYN7" i="1"/>
  <c r="DYM7" i="1"/>
  <c r="DYL7" i="1"/>
  <c r="DYK7" i="1"/>
  <c r="DYJ7" i="1"/>
  <c r="DYI7" i="1"/>
  <c r="DYH7" i="1"/>
  <c r="DYG7" i="1"/>
  <c r="DYF7" i="1"/>
  <c r="DYE7" i="1"/>
  <c r="DYD7" i="1"/>
  <c r="DYC7" i="1"/>
  <c r="DYB7" i="1"/>
  <c r="DYA7" i="1"/>
  <c r="DXZ7" i="1"/>
  <c r="DXY7" i="1"/>
  <c r="DXX7" i="1"/>
  <c r="DXW7" i="1"/>
  <c r="DXV7" i="1"/>
  <c r="DXU7" i="1"/>
  <c r="DXT7" i="1"/>
  <c r="DXS7" i="1"/>
  <c r="DXR7" i="1"/>
  <c r="DXQ7" i="1"/>
  <c r="DXP7" i="1"/>
  <c r="DXO7" i="1"/>
  <c r="DXN7" i="1"/>
  <c r="DXM7" i="1"/>
  <c r="DXL7" i="1"/>
  <c r="DXK7" i="1"/>
  <c r="DXJ7" i="1"/>
  <c r="DXI7" i="1"/>
  <c r="DXH7" i="1"/>
  <c r="DXG7" i="1"/>
  <c r="DXF7" i="1"/>
  <c r="DXE7" i="1"/>
  <c r="DXD7" i="1"/>
  <c r="DXC7" i="1"/>
  <c r="DXB7" i="1"/>
  <c r="DXA7" i="1"/>
  <c r="DWZ7" i="1"/>
  <c r="DWY7" i="1"/>
  <c r="DWX7" i="1"/>
  <c r="DWW7" i="1"/>
  <c r="DWV7" i="1"/>
  <c r="DWU7" i="1"/>
  <c r="DWT7" i="1"/>
  <c r="DWS7" i="1"/>
  <c r="DWR7" i="1"/>
  <c r="DWQ7" i="1"/>
  <c r="DWP7" i="1"/>
  <c r="DWO7" i="1"/>
  <c r="DWN7" i="1"/>
  <c r="DWM7" i="1"/>
  <c r="DWL7" i="1"/>
  <c r="DWK7" i="1"/>
  <c r="DWJ7" i="1"/>
  <c r="DWI7" i="1"/>
  <c r="DWH7" i="1"/>
  <c r="DWG7" i="1"/>
  <c r="DWF7" i="1"/>
  <c r="DWE7" i="1"/>
  <c r="DWD7" i="1"/>
  <c r="DWC7" i="1"/>
  <c r="DWB7" i="1"/>
  <c r="DWA7" i="1"/>
  <c r="DVZ7" i="1"/>
  <c r="DVY7" i="1"/>
  <c r="DVX7" i="1"/>
  <c r="DVW7" i="1"/>
  <c r="DVV7" i="1"/>
  <c r="DVU7" i="1"/>
  <c r="DVT7" i="1"/>
  <c r="DVS7" i="1"/>
  <c r="DVR7" i="1"/>
  <c r="DVQ7" i="1"/>
  <c r="DVP7" i="1"/>
  <c r="DVO7" i="1"/>
  <c r="DVN7" i="1"/>
  <c r="DVM7" i="1"/>
  <c r="DVL7" i="1"/>
  <c r="DVK7" i="1"/>
  <c r="DVJ7" i="1"/>
  <c r="DVI7" i="1"/>
  <c r="DVH7" i="1"/>
  <c r="DVG7" i="1"/>
  <c r="DVF7" i="1"/>
  <c r="DVE7" i="1"/>
  <c r="DVD7" i="1"/>
  <c r="DVC7" i="1"/>
  <c r="DVB7" i="1"/>
  <c r="DVA7" i="1"/>
  <c r="DUZ7" i="1"/>
  <c r="DUY7" i="1"/>
  <c r="DUX7" i="1"/>
  <c r="DUW7" i="1"/>
  <c r="DUV7" i="1"/>
  <c r="DUU7" i="1"/>
  <c r="DUT7" i="1"/>
  <c r="DUS7" i="1"/>
  <c r="DUR7" i="1"/>
  <c r="DUQ7" i="1"/>
  <c r="DUP7" i="1"/>
  <c r="DUO7" i="1"/>
  <c r="DUN7" i="1"/>
  <c r="DUM7" i="1"/>
  <c r="DUL7" i="1"/>
  <c r="DUK7" i="1"/>
  <c r="DUJ7" i="1"/>
  <c r="DUI7" i="1"/>
  <c r="DUH7" i="1"/>
  <c r="DUG7" i="1"/>
  <c r="DUF7" i="1"/>
  <c r="DUE7" i="1"/>
  <c r="DUD7" i="1"/>
  <c r="DUC7" i="1"/>
  <c r="DUB7" i="1"/>
  <c r="DUA7" i="1"/>
  <c r="DTZ7" i="1"/>
  <c r="DTY7" i="1"/>
  <c r="DTX7" i="1"/>
  <c r="DTW7" i="1"/>
  <c r="DTV7" i="1"/>
  <c r="DTU7" i="1"/>
  <c r="DTT7" i="1"/>
  <c r="DTS7" i="1"/>
  <c r="DTR7" i="1"/>
  <c r="DTQ7" i="1"/>
  <c r="DTP7" i="1"/>
  <c r="DTO7" i="1"/>
  <c r="DTN7" i="1"/>
  <c r="DTM7" i="1"/>
  <c r="DTL7" i="1"/>
  <c r="DTK7" i="1"/>
  <c r="DTJ7" i="1"/>
  <c r="DTI7" i="1"/>
  <c r="DTH7" i="1"/>
  <c r="DTG7" i="1"/>
  <c r="DTF7" i="1"/>
  <c r="DTE7" i="1"/>
  <c r="DTD7" i="1"/>
  <c r="DTC7" i="1"/>
  <c r="DTB7" i="1"/>
  <c r="DTA7" i="1"/>
  <c r="DSZ7" i="1"/>
  <c r="DSY7" i="1"/>
  <c r="DSX7" i="1"/>
  <c r="DSW7" i="1"/>
  <c r="DSV7" i="1"/>
  <c r="DSU7" i="1"/>
  <c r="DST7" i="1"/>
  <c r="DSS7" i="1"/>
  <c r="DSR7" i="1"/>
  <c r="DSQ7" i="1"/>
  <c r="DSP7" i="1"/>
  <c r="DSO7" i="1"/>
  <c r="DSN7" i="1"/>
  <c r="DSM7" i="1"/>
  <c r="DSL7" i="1"/>
  <c r="DSK7" i="1"/>
  <c r="DSJ7" i="1"/>
  <c r="DSI7" i="1"/>
  <c r="DSH7" i="1"/>
  <c r="DSG7" i="1"/>
  <c r="DSF7" i="1"/>
  <c r="DSE7" i="1"/>
  <c r="DSD7" i="1"/>
  <c r="DSC7" i="1"/>
  <c r="DSB7" i="1"/>
  <c r="DSA7" i="1"/>
  <c r="DRZ7" i="1"/>
  <c r="DRY7" i="1"/>
  <c r="DRX7" i="1"/>
  <c r="DRW7" i="1"/>
  <c r="DRV7" i="1"/>
  <c r="DRU7" i="1"/>
  <c r="DRT7" i="1"/>
  <c r="DRS7" i="1"/>
  <c r="DRR7" i="1"/>
  <c r="DRQ7" i="1"/>
  <c r="DRP7" i="1"/>
  <c r="DRO7" i="1"/>
  <c r="DRN7" i="1"/>
  <c r="DRM7" i="1"/>
  <c r="DRL7" i="1"/>
  <c r="DRK7" i="1"/>
  <c r="DRJ7" i="1"/>
  <c r="DRI7" i="1"/>
  <c r="DRH7" i="1"/>
  <c r="DRG7" i="1"/>
  <c r="DRF7" i="1"/>
  <c r="DRE7" i="1"/>
  <c r="DRD7" i="1"/>
  <c r="DRC7" i="1"/>
  <c r="DRB7" i="1"/>
  <c r="DRA7" i="1"/>
  <c r="DQZ7" i="1"/>
  <c r="DQY7" i="1"/>
  <c r="DQX7" i="1"/>
  <c r="DQW7" i="1"/>
  <c r="DQV7" i="1"/>
  <c r="DQU7" i="1"/>
  <c r="DQT7" i="1"/>
  <c r="DQS7" i="1"/>
  <c r="DQR7" i="1"/>
  <c r="DQQ7" i="1"/>
  <c r="DQP7" i="1"/>
  <c r="DQO7" i="1"/>
  <c r="DQN7" i="1"/>
  <c r="DQM7" i="1"/>
  <c r="DQL7" i="1"/>
  <c r="DQK7" i="1"/>
  <c r="DQJ7" i="1"/>
  <c r="DQI7" i="1"/>
  <c r="DQH7" i="1"/>
  <c r="DQG7" i="1"/>
  <c r="DQF7" i="1"/>
  <c r="DQE7" i="1"/>
  <c r="DQD7" i="1"/>
  <c r="DQC7" i="1"/>
  <c r="DQB7" i="1"/>
  <c r="DQA7" i="1"/>
  <c r="DPZ7" i="1"/>
  <c r="DPY7" i="1"/>
  <c r="DPX7" i="1"/>
  <c r="DPW7" i="1"/>
  <c r="DPV7" i="1"/>
  <c r="DPU7" i="1"/>
  <c r="DPT7" i="1"/>
  <c r="DPS7" i="1"/>
  <c r="DPR7" i="1"/>
  <c r="DPQ7" i="1"/>
  <c r="DPP7" i="1"/>
  <c r="DPO7" i="1"/>
  <c r="DPN7" i="1"/>
  <c r="DPM7" i="1"/>
  <c r="DPL7" i="1"/>
  <c r="DPK7" i="1"/>
  <c r="DPJ7" i="1"/>
  <c r="DPI7" i="1"/>
  <c r="DPH7" i="1"/>
  <c r="DPG7" i="1"/>
  <c r="DPF7" i="1"/>
  <c r="DPE7" i="1"/>
  <c r="DPD7" i="1"/>
  <c r="DPC7" i="1"/>
  <c r="DPB7" i="1"/>
  <c r="DPA7" i="1"/>
  <c r="DOZ7" i="1"/>
  <c r="DOY7" i="1"/>
  <c r="DOX7" i="1"/>
  <c r="DOW7" i="1"/>
  <c r="DOV7" i="1"/>
  <c r="DOU7" i="1"/>
  <c r="DOT7" i="1"/>
  <c r="DOS7" i="1"/>
  <c r="DOR7" i="1"/>
  <c r="DOQ7" i="1"/>
  <c r="DOP7" i="1"/>
  <c r="DOO7" i="1"/>
  <c r="DON7" i="1"/>
  <c r="DOM7" i="1"/>
  <c r="DOL7" i="1"/>
  <c r="DOK7" i="1"/>
  <c r="DOJ7" i="1"/>
  <c r="DOI7" i="1"/>
  <c r="DOH7" i="1"/>
  <c r="DOG7" i="1"/>
  <c r="DOF7" i="1"/>
  <c r="DOE7" i="1"/>
  <c r="DOD7" i="1"/>
  <c r="DOC7" i="1"/>
  <c r="DOB7" i="1"/>
  <c r="DOA7" i="1"/>
  <c r="DNZ7" i="1"/>
  <c r="DNY7" i="1"/>
  <c r="DNX7" i="1"/>
  <c r="DNW7" i="1"/>
  <c r="DNV7" i="1"/>
  <c r="DNU7" i="1"/>
  <c r="DNT7" i="1"/>
  <c r="DNS7" i="1"/>
  <c r="DNR7" i="1"/>
  <c r="DNQ7" i="1"/>
  <c r="DNP7" i="1"/>
  <c r="DNO7" i="1"/>
  <c r="DNN7" i="1"/>
  <c r="DNM7" i="1"/>
  <c r="DNL7" i="1"/>
  <c r="DNK7" i="1"/>
  <c r="DNJ7" i="1"/>
  <c r="DNI7" i="1"/>
  <c r="DNH7" i="1"/>
  <c r="DNG7" i="1"/>
  <c r="DNF7" i="1"/>
  <c r="DNE7" i="1"/>
  <c r="DND7" i="1"/>
  <c r="DNC7" i="1"/>
  <c r="DNB7" i="1"/>
  <c r="DNA7" i="1"/>
  <c r="DMZ7" i="1"/>
  <c r="DMY7" i="1"/>
  <c r="DMX7" i="1"/>
  <c r="DMW7" i="1"/>
  <c r="DMV7" i="1"/>
  <c r="DMU7" i="1"/>
  <c r="DMT7" i="1"/>
  <c r="DMS7" i="1"/>
  <c r="DMR7" i="1"/>
  <c r="DMQ7" i="1"/>
  <c r="DMP7" i="1"/>
  <c r="DMO7" i="1"/>
  <c r="DMN7" i="1"/>
  <c r="DMM7" i="1"/>
  <c r="DML7" i="1"/>
  <c r="DMK7" i="1"/>
  <c r="DMJ7" i="1"/>
  <c r="DMI7" i="1"/>
  <c r="DMH7" i="1"/>
  <c r="DMG7" i="1"/>
  <c r="DMF7" i="1"/>
  <c r="DME7" i="1"/>
  <c r="DMD7" i="1"/>
  <c r="DMC7" i="1"/>
  <c r="DMB7" i="1"/>
  <c r="DMA7" i="1"/>
  <c r="DLZ7" i="1"/>
  <c r="DLY7" i="1"/>
  <c r="DLX7" i="1"/>
  <c r="DLW7" i="1"/>
  <c r="DLV7" i="1"/>
  <c r="DLU7" i="1"/>
  <c r="DLT7" i="1"/>
  <c r="DLS7" i="1"/>
  <c r="DLR7" i="1"/>
  <c r="DLQ7" i="1"/>
  <c r="DLP7" i="1"/>
  <c r="DLO7" i="1"/>
  <c r="DLN7" i="1"/>
  <c r="DLM7" i="1"/>
  <c r="DLL7" i="1"/>
  <c r="DLK7" i="1"/>
  <c r="DLJ7" i="1"/>
  <c r="DLI7" i="1"/>
  <c r="DLH7" i="1"/>
  <c r="DLG7" i="1"/>
  <c r="DLF7" i="1"/>
  <c r="DLE7" i="1"/>
  <c r="DLD7" i="1"/>
  <c r="DLC7" i="1"/>
  <c r="DLB7" i="1"/>
  <c r="DLA7" i="1"/>
  <c r="DKZ7" i="1"/>
  <c r="DKY7" i="1"/>
  <c r="DKX7" i="1"/>
  <c r="DKW7" i="1"/>
  <c r="DKV7" i="1"/>
  <c r="DKU7" i="1"/>
  <c r="DKT7" i="1"/>
  <c r="DKS7" i="1"/>
  <c r="DKR7" i="1"/>
  <c r="DKQ7" i="1"/>
  <c r="DKP7" i="1"/>
  <c r="DKO7" i="1"/>
  <c r="DKN7" i="1"/>
  <c r="DKM7" i="1"/>
  <c r="DKL7" i="1"/>
  <c r="DKK7" i="1"/>
  <c r="DKJ7" i="1"/>
  <c r="DKI7" i="1"/>
  <c r="DKH7" i="1"/>
  <c r="DKG7" i="1"/>
  <c r="DKF7" i="1"/>
  <c r="DKE7" i="1"/>
  <c r="DKD7" i="1"/>
  <c r="DKC7" i="1"/>
  <c r="DKB7" i="1"/>
  <c r="DKA7" i="1"/>
  <c r="DJZ7" i="1"/>
  <c r="DJY7" i="1"/>
  <c r="DJX7" i="1"/>
  <c r="DJW7" i="1"/>
  <c r="DJV7" i="1"/>
  <c r="DJU7" i="1"/>
  <c r="DJT7" i="1"/>
  <c r="DJS7" i="1"/>
  <c r="DJR7" i="1"/>
  <c r="DJQ7" i="1"/>
  <c r="DJP7" i="1"/>
  <c r="DJO7" i="1"/>
  <c r="DJN7" i="1"/>
  <c r="DJM7" i="1"/>
  <c r="DJL7" i="1"/>
  <c r="DJK7" i="1"/>
  <c r="DJJ7" i="1"/>
  <c r="DJI7" i="1"/>
  <c r="DJH7" i="1"/>
  <c r="DJG7" i="1"/>
  <c r="DJF7" i="1"/>
  <c r="DJE7" i="1"/>
  <c r="DJD7" i="1"/>
  <c r="DJC7" i="1"/>
  <c r="DJB7" i="1"/>
  <c r="DJA7" i="1"/>
  <c r="DIZ7" i="1"/>
  <c r="DIY7" i="1"/>
  <c r="DIX7" i="1"/>
  <c r="DIW7" i="1"/>
  <c r="DIV7" i="1"/>
  <c r="DIU7" i="1"/>
  <c r="DIT7" i="1"/>
  <c r="DIS7" i="1"/>
  <c r="DIR7" i="1"/>
  <c r="DIQ7" i="1"/>
  <c r="DIP7" i="1"/>
  <c r="DIO7" i="1"/>
  <c r="DIN7" i="1"/>
  <c r="DIM7" i="1"/>
  <c r="DIL7" i="1"/>
  <c r="DIK7" i="1"/>
  <c r="DIJ7" i="1"/>
  <c r="DII7" i="1"/>
  <c r="DIH7" i="1"/>
  <c r="DIG7" i="1"/>
  <c r="DIF7" i="1"/>
  <c r="DIE7" i="1"/>
  <c r="DID7" i="1"/>
  <c r="DIC7" i="1"/>
  <c r="DIB7" i="1"/>
  <c r="DIA7" i="1"/>
  <c r="DHZ7" i="1"/>
  <c r="DHY7" i="1"/>
  <c r="DHX7" i="1"/>
  <c r="DHW7" i="1"/>
  <c r="DHV7" i="1"/>
  <c r="DHU7" i="1"/>
  <c r="DHT7" i="1"/>
  <c r="DHS7" i="1"/>
  <c r="DHR7" i="1"/>
  <c r="DHQ7" i="1"/>
  <c r="DHP7" i="1"/>
  <c r="DHO7" i="1"/>
  <c r="DHN7" i="1"/>
  <c r="DHM7" i="1"/>
  <c r="DHL7" i="1"/>
  <c r="DHK7" i="1"/>
  <c r="DHJ7" i="1"/>
  <c r="DHI7" i="1"/>
  <c r="DHH7" i="1"/>
  <c r="DHG7" i="1"/>
  <c r="DHF7" i="1"/>
  <c r="DHE7" i="1"/>
  <c r="DHD7" i="1"/>
  <c r="DHC7" i="1"/>
  <c r="DHB7" i="1"/>
  <c r="DHA7" i="1"/>
  <c r="DGZ7" i="1"/>
  <c r="DGY7" i="1"/>
  <c r="DGX7" i="1"/>
  <c r="DGW7" i="1"/>
  <c r="DGV7" i="1"/>
  <c r="DGU7" i="1"/>
  <c r="DGT7" i="1"/>
  <c r="DGS7" i="1"/>
  <c r="DGR7" i="1"/>
  <c r="DGQ7" i="1"/>
  <c r="DGP7" i="1"/>
  <c r="DGO7" i="1"/>
  <c r="DGN7" i="1"/>
  <c r="DGM7" i="1"/>
  <c r="DGL7" i="1"/>
  <c r="DGK7" i="1"/>
  <c r="DGJ7" i="1"/>
  <c r="DGI7" i="1"/>
  <c r="DGH7" i="1"/>
  <c r="DGG7" i="1"/>
  <c r="DGF7" i="1"/>
  <c r="DGE7" i="1"/>
  <c r="DGD7" i="1"/>
  <c r="DGC7" i="1"/>
  <c r="DGB7" i="1"/>
  <c r="DGA7" i="1"/>
  <c r="DFZ7" i="1"/>
  <c r="DFY7" i="1"/>
  <c r="DFX7" i="1"/>
  <c r="DFW7" i="1"/>
  <c r="DFV7" i="1"/>
  <c r="DFU7" i="1"/>
  <c r="DFT7" i="1"/>
  <c r="DFS7" i="1"/>
  <c r="DFR7" i="1"/>
  <c r="DFQ7" i="1"/>
  <c r="DFP7" i="1"/>
  <c r="DFO7" i="1"/>
  <c r="DFN7" i="1"/>
  <c r="DFM7" i="1"/>
  <c r="DFL7" i="1"/>
  <c r="DFK7" i="1"/>
  <c r="DFJ7" i="1"/>
  <c r="DFI7" i="1"/>
  <c r="DFH7" i="1"/>
  <c r="DFG7" i="1"/>
  <c r="DFF7" i="1"/>
  <c r="DFE7" i="1"/>
  <c r="DFD7" i="1"/>
  <c r="DFC7" i="1"/>
  <c r="DFB7" i="1"/>
  <c r="DFA7" i="1"/>
  <c r="DEZ7" i="1"/>
  <c r="DEY7" i="1"/>
  <c r="DEX7" i="1"/>
  <c r="DEW7" i="1"/>
  <c r="DEV7" i="1"/>
  <c r="DEU7" i="1"/>
  <c r="DET7" i="1"/>
  <c r="DES7" i="1"/>
  <c r="DER7" i="1"/>
  <c r="DEQ7" i="1"/>
  <c r="DEP7" i="1"/>
  <c r="DEO7" i="1"/>
  <c r="DEN7" i="1"/>
  <c r="DEM7" i="1"/>
  <c r="DEL7" i="1"/>
  <c r="DEK7" i="1"/>
  <c r="DEJ7" i="1"/>
  <c r="DEI7" i="1"/>
  <c r="DEH7" i="1"/>
  <c r="DEG7" i="1"/>
  <c r="DEF7" i="1"/>
  <c r="DEE7" i="1"/>
  <c r="DED7" i="1"/>
  <c r="DEC7" i="1"/>
  <c r="DEB7" i="1"/>
  <c r="DEA7" i="1"/>
  <c r="DDZ7" i="1"/>
  <c r="DDY7" i="1"/>
  <c r="DDX7" i="1"/>
  <c r="DDW7" i="1"/>
  <c r="DDV7" i="1"/>
  <c r="DDU7" i="1"/>
  <c r="DDT7" i="1"/>
  <c r="DDS7" i="1"/>
  <c r="DDR7" i="1"/>
  <c r="DDQ7" i="1"/>
  <c r="DDP7" i="1"/>
  <c r="DDO7" i="1"/>
  <c r="DDN7" i="1"/>
  <c r="DDM7" i="1"/>
  <c r="DDL7" i="1"/>
  <c r="DDK7" i="1"/>
  <c r="DDJ7" i="1"/>
  <c r="DDI7" i="1"/>
  <c r="DDH7" i="1"/>
  <c r="DDG7" i="1"/>
  <c r="DDF7" i="1"/>
  <c r="DDE7" i="1"/>
  <c r="DDD7" i="1"/>
  <c r="DDC7" i="1"/>
  <c r="DDB7" i="1"/>
  <c r="DDA7" i="1"/>
  <c r="DCZ7" i="1"/>
  <c r="DCY7" i="1"/>
  <c r="DCX7" i="1"/>
  <c r="DCW7" i="1"/>
  <c r="DCV7" i="1"/>
  <c r="DCU7" i="1"/>
  <c r="DCT7" i="1"/>
  <c r="DCS7" i="1"/>
  <c r="DCR7" i="1"/>
  <c r="DCQ7" i="1"/>
  <c r="DCP7" i="1"/>
  <c r="DCO7" i="1"/>
  <c r="DCN7" i="1"/>
  <c r="DCM7" i="1"/>
  <c r="DCL7" i="1"/>
  <c r="DCK7" i="1"/>
  <c r="DCJ7" i="1"/>
  <c r="DCI7" i="1"/>
  <c r="DCH7" i="1"/>
  <c r="DCG7" i="1"/>
  <c r="DCF7" i="1"/>
  <c r="DCE7" i="1"/>
  <c r="DCD7" i="1"/>
  <c r="DCC7" i="1"/>
  <c r="DCB7" i="1"/>
  <c r="DCA7" i="1"/>
  <c r="DBZ7" i="1"/>
  <c r="DBY7" i="1"/>
  <c r="DBX7" i="1"/>
  <c r="DBW7" i="1"/>
  <c r="DBV7" i="1"/>
  <c r="DBU7" i="1"/>
  <c r="DBT7" i="1"/>
  <c r="DBS7" i="1"/>
  <c r="DBR7" i="1"/>
  <c r="DBQ7" i="1"/>
  <c r="DBP7" i="1"/>
  <c r="DBO7" i="1"/>
  <c r="DBN7" i="1"/>
  <c r="DBM7" i="1"/>
  <c r="DBL7" i="1"/>
  <c r="DBK7" i="1"/>
  <c r="DBJ7" i="1"/>
  <c r="DBI7" i="1"/>
  <c r="DBH7" i="1"/>
  <c r="DBG7" i="1"/>
  <c r="DBF7" i="1"/>
  <c r="DBE7" i="1"/>
  <c r="DBD7" i="1"/>
  <c r="DBC7" i="1"/>
  <c r="DBB7" i="1"/>
  <c r="DBA7" i="1"/>
  <c r="DAZ7" i="1"/>
  <c r="DAY7" i="1"/>
  <c r="DAX7" i="1"/>
  <c r="DAW7" i="1"/>
  <c r="DAV7" i="1"/>
  <c r="DAU7" i="1"/>
  <c r="DAT7" i="1"/>
  <c r="DAS7" i="1"/>
  <c r="DAR7" i="1"/>
  <c r="DAQ7" i="1"/>
  <c r="DAP7" i="1"/>
  <c r="DAO7" i="1"/>
  <c r="DAN7" i="1"/>
  <c r="DAM7" i="1"/>
  <c r="DAL7" i="1"/>
  <c r="DAK7" i="1"/>
  <c r="DAJ7" i="1"/>
  <c r="DAI7" i="1"/>
  <c r="DAH7" i="1"/>
  <c r="DAG7" i="1"/>
  <c r="DAF7" i="1"/>
  <c r="DAE7" i="1"/>
  <c r="DAD7" i="1"/>
  <c r="DAC7" i="1"/>
  <c r="DAB7" i="1"/>
  <c r="DAA7" i="1"/>
  <c r="CZZ7" i="1"/>
  <c r="CZY7" i="1"/>
  <c r="CZX7" i="1"/>
  <c r="CZW7" i="1"/>
  <c r="CZV7" i="1"/>
  <c r="CZU7" i="1"/>
  <c r="CZT7" i="1"/>
  <c r="CZS7" i="1"/>
  <c r="CZR7" i="1"/>
  <c r="CZQ7" i="1"/>
  <c r="CZP7" i="1"/>
  <c r="CZO7" i="1"/>
  <c r="CZN7" i="1"/>
  <c r="CZM7" i="1"/>
  <c r="CZL7" i="1"/>
  <c r="CZK7" i="1"/>
  <c r="CZJ7" i="1"/>
  <c r="CZI7" i="1"/>
  <c r="CZH7" i="1"/>
  <c r="CZG7" i="1"/>
  <c r="CZF7" i="1"/>
  <c r="CZE7" i="1"/>
  <c r="CZD7" i="1"/>
  <c r="CZC7" i="1"/>
  <c r="CZB7" i="1"/>
  <c r="CZA7" i="1"/>
  <c r="CYZ7" i="1"/>
  <c r="CYY7" i="1"/>
  <c r="CYX7" i="1"/>
  <c r="CYW7" i="1"/>
  <c r="CYV7" i="1"/>
  <c r="CYU7" i="1"/>
  <c r="CYT7" i="1"/>
  <c r="CYS7" i="1"/>
  <c r="CYR7" i="1"/>
  <c r="CYQ7" i="1"/>
  <c r="CYP7" i="1"/>
  <c r="CYO7" i="1"/>
  <c r="CYN7" i="1"/>
  <c r="CYM7" i="1"/>
  <c r="CYL7" i="1"/>
  <c r="CYK7" i="1"/>
  <c r="CYJ7" i="1"/>
  <c r="CYI7" i="1"/>
  <c r="CYH7" i="1"/>
  <c r="CYG7" i="1"/>
  <c r="CYF7" i="1"/>
  <c r="CYE7" i="1"/>
  <c r="CYD7" i="1"/>
  <c r="CYC7" i="1"/>
  <c r="CYB7" i="1"/>
  <c r="CYA7" i="1"/>
  <c r="CXZ7" i="1"/>
  <c r="CXY7" i="1"/>
  <c r="CXX7" i="1"/>
  <c r="CXW7" i="1"/>
  <c r="CXV7" i="1"/>
  <c r="CXU7" i="1"/>
  <c r="CXT7" i="1"/>
  <c r="CXS7" i="1"/>
  <c r="CXR7" i="1"/>
  <c r="CXQ7" i="1"/>
  <c r="CXP7" i="1"/>
  <c r="CXO7" i="1"/>
  <c r="CXN7" i="1"/>
  <c r="CXM7" i="1"/>
  <c r="CXL7" i="1"/>
  <c r="CXK7" i="1"/>
  <c r="CXJ7" i="1"/>
  <c r="CXI7" i="1"/>
  <c r="CXH7" i="1"/>
  <c r="CXG7" i="1"/>
  <c r="CXF7" i="1"/>
  <c r="CXE7" i="1"/>
  <c r="CXD7" i="1"/>
  <c r="CXC7" i="1"/>
  <c r="CXB7" i="1"/>
  <c r="CXA7" i="1"/>
  <c r="CWZ7" i="1"/>
  <c r="CWY7" i="1"/>
  <c r="CWX7" i="1"/>
  <c r="CWW7" i="1"/>
  <c r="CWV7" i="1"/>
  <c r="CWU7" i="1"/>
  <c r="CWT7" i="1"/>
  <c r="CWS7" i="1"/>
  <c r="CWR7" i="1"/>
  <c r="CWQ7" i="1"/>
  <c r="CWP7" i="1"/>
  <c r="CWO7" i="1"/>
  <c r="CWN7" i="1"/>
  <c r="CWM7" i="1"/>
  <c r="CWL7" i="1"/>
  <c r="CWK7" i="1"/>
  <c r="CWJ7" i="1"/>
  <c r="CWI7" i="1"/>
  <c r="CWH7" i="1"/>
  <c r="CWG7" i="1"/>
  <c r="CWF7" i="1"/>
  <c r="CWE7" i="1"/>
  <c r="CWD7" i="1"/>
  <c r="CWC7" i="1"/>
  <c r="CWB7" i="1"/>
  <c r="CWA7" i="1"/>
  <c r="CVZ7" i="1"/>
  <c r="CVY7" i="1"/>
  <c r="CVX7" i="1"/>
  <c r="CVW7" i="1"/>
  <c r="CVV7" i="1"/>
  <c r="CVU7" i="1"/>
  <c r="CVT7" i="1"/>
  <c r="CVS7" i="1"/>
  <c r="CVR7" i="1"/>
  <c r="CVQ7" i="1"/>
  <c r="CVP7" i="1"/>
  <c r="CVO7" i="1"/>
  <c r="CVN7" i="1"/>
  <c r="CVM7" i="1"/>
  <c r="CVL7" i="1"/>
  <c r="CVK7" i="1"/>
  <c r="CVJ7" i="1"/>
  <c r="CVI7" i="1"/>
  <c r="CVH7" i="1"/>
  <c r="CVG7" i="1"/>
  <c r="CVF7" i="1"/>
  <c r="CVE7" i="1"/>
  <c r="CVD7" i="1"/>
  <c r="CVC7" i="1"/>
  <c r="CVB7" i="1"/>
  <c r="CVA7" i="1"/>
  <c r="CUZ7" i="1"/>
  <c r="CUY7" i="1"/>
  <c r="CUX7" i="1"/>
  <c r="CUW7" i="1"/>
  <c r="CUV7" i="1"/>
  <c r="CUU7" i="1"/>
  <c r="CUT7" i="1"/>
  <c r="CUS7" i="1"/>
  <c r="CUR7" i="1"/>
  <c r="CUQ7" i="1"/>
  <c r="CUP7" i="1"/>
  <c r="CUO7" i="1"/>
  <c r="CUN7" i="1"/>
  <c r="CUM7" i="1"/>
  <c r="CUL7" i="1"/>
  <c r="CUK7" i="1"/>
  <c r="CUJ7" i="1"/>
  <c r="CUI7" i="1"/>
  <c r="CUH7" i="1"/>
  <c r="CUG7" i="1"/>
  <c r="CUF7" i="1"/>
  <c r="CUE7" i="1"/>
  <c r="CUD7" i="1"/>
  <c r="CUC7" i="1"/>
  <c r="CUB7" i="1"/>
  <c r="CUA7" i="1"/>
  <c r="CTZ7" i="1"/>
  <c r="CTY7" i="1"/>
  <c r="CTX7" i="1"/>
  <c r="CTW7" i="1"/>
  <c r="CTV7" i="1"/>
  <c r="CTU7" i="1"/>
  <c r="CTT7" i="1"/>
  <c r="CTS7" i="1"/>
  <c r="CTR7" i="1"/>
  <c r="CTQ7" i="1"/>
  <c r="CTP7" i="1"/>
  <c r="CTO7" i="1"/>
  <c r="CTN7" i="1"/>
  <c r="CTM7" i="1"/>
  <c r="CTL7" i="1"/>
  <c r="CTK7" i="1"/>
  <c r="CTJ7" i="1"/>
  <c r="CTI7" i="1"/>
  <c r="CTH7" i="1"/>
  <c r="CTG7" i="1"/>
  <c r="CTF7" i="1"/>
  <c r="CTE7" i="1"/>
  <c r="CTD7" i="1"/>
  <c r="CTC7" i="1"/>
  <c r="CTB7" i="1"/>
  <c r="CTA7" i="1"/>
  <c r="CSZ7" i="1"/>
  <c r="CSY7" i="1"/>
  <c r="CSX7" i="1"/>
  <c r="CSW7" i="1"/>
  <c r="CSV7" i="1"/>
  <c r="CSU7" i="1"/>
  <c r="CST7" i="1"/>
  <c r="CSS7" i="1"/>
  <c r="CSR7" i="1"/>
  <c r="CSQ7" i="1"/>
  <c r="CSP7" i="1"/>
  <c r="CSO7" i="1"/>
  <c r="CSN7" i="1"/>
  <c r="CSM7" i="1"/>
  <c r="CSL7" i="1"/>
  <c r="CSK7" i="1"/>
  <c r="CSJ7" i="1"/>
  <c r="CSI7" i="1"/>
  <c r="CSH7" i="1"/>
  <c r="CSG7" i="1"/>
  <c r="CSF7" i="1"/>
  <c r="CSE7" i="1"/>
  <c r="CSD7" i="1"/>
  <c r="CSC7" i="1"/>
  <c r="CSB7" i="1"/>
  <c r="CSA7" i="1"/>
  <c r="CRZ7" i="1"/>
  <c r="CRY7" i="1"/>
  <c r="CRX7" i="1"/>
  <c r="CRW7" i="1"/>
  <c r="CRV7" i="1"/>
  <c r="CRU7" i="1"/>
  <c r="CRT7" i="1"/>
  <c r="CRS7" i="1"/>
  <c r="CRR7" i="1"/>
  <c r="CRQ7" i="1"/>
  <c r="CRP7" i="1"/>
  <c r="CRO7" i="1"/>
  <c r="CRN7" i="1"/>
  <c r="CRM7" i="1"/>
  <c r="CRL7" i="1"/>
  <c r="CRK7" i="1"/>
  <c r="CRJ7" i="1"/>
  <c r="CRI7" i="1"/>
  <c r="CRH7" i="1"/>
  <c r="CRG7" i="1"/>
  <c r="CRF7" i="1"/>
  <c r="CRE7" i="1"/>
  <c r="CRD7" i="1"/>
  <c r="CRC7" i="1"/>
  <c r="CRB7" i="1"/>
  <c r="CRA7" i="1"/>
  <c r="CQZ7" i="1"/>
  <c r="CQY7" i="1"/>
  <c r="CQX7" i="1"/>
  <c r="CQW7" i="1"/>
  <c r="CQV7" i="1"/>
  <c r="CQU7" i="1"/>
  <c r="CQT7" i="1"/>
  <c r="CQS7" i="1"/>
  <c r="CQR7" i="1"/>
  <c r="CQQ7" i="1"/>
  <c r="CQP7" i="1"/>
  <c r="CQO7" i="1"/>
  <c r="CQN7" i="1"/>
  <c r="CQM7" i="1"/>
  <c r="CQL7" i="1"/>
  <c r="CQK7" i="1"/>
  <c r="CQJ7" i="1"/>
  <c r="CQI7" i="1"/>
  <c r="CQH7" i="1"/>
  <c r="CQG7" i="1"/>
  <c r="CQF7" i="1"/>
  <c r="CQE7" i="1"/>
  <c r="CQD7" i="1"/>
  <c r="CQC7" i="1"/>
  <c r="CQB7" i="1"/>
  <c r="CQA7" i="1"/>
  <c r="CPZ7" i="1"/>
  <c r="CPY7" i="1"/>
  <c r="CPX7" i="1"/>
  <c r="CPW7" i="1"/>
  <c r="CPV7" i="1"/>
  <c r="CPU7" i="1"/>
  <c r="CPT7" i="1"/>
  <c r="CPS7" i="1"/>
  <c r="CPR7" i="1"/>
  <c r="CPQ7" i="1"/>
  <c r="CPP7" i="1"/>
  <c r="CPO7" i="1"/>
  <c r="CPN7" i="1"/>
  <c r="CPM7" i="1"/>
  <c r="CPL7" i="1"/>
  <c r="CPK7" i="1"/>
  <c r="CPJ7" i="1"/>
  <c r="CPI7" i="1"/>
  <c r="CPH7" i="1"/>
  <c r="CPG7" i="1"/>
  <c r="CPF7" i="1"/>
  <c r="CPE7" i="1"/>
  <c r="CPD7" i="1"/>
  <c r="CPC7" i="1"/>
  <c r="CPB7" i="1"/>
  <c r="CPA7" i="1"/>
  <c r="COZ7" i="1"/>
  <c r="COY7" i="1"/>
  <c r="COX7" i="1"/>
  <c r="COW7" i="1"/>
  <c r="COV7" i="1"/>
  <c r="COU7" i="1"/>
  <c r="COT7" i="1"/>
  <c r="COS7" i="1"/>
  <c r="COR7" i="1"/>
  <c r="COQ7" i="1"/>
  <c r="COP7" i="1"/>
  <c r="COO7" i="1"/>
  <c r="CON7" i="1"/>
  <c r="COM7" i="1"/>
  <c r="COL7" i="1"/>
  <c r="COK7" i="1"/>
  <c r="COJ7" i="1"/>
  <c r="COI7" i="1"/>
  <c r="COH7" i="1"/>
  <c r="COG7" i="1"/>
  <c r="COF7" i="1"/>
  <c r="COE7" i="1"/>
  <c r="COD7" i="1"/>
  <c r="COC7" i="1"/>
  <c r="COB7" i="1"/>
  <c r="COA7" i="1"/>
  <c r="CNZ7" i="1"/>
  <c r="CNY7" i="1"/>
  <c r="CNX7" i="1"/>
  <c r="CNW7" i="1"/>
  <c r="CNV7" i="1"/>
  <c r="CNU7" i="1"/>
  <c r="CNT7" i="1"/>
  <c r="CNS7" i="1"/>
  <c r="CNR7" i="1"/>
  <c r="CNQ7" i="1"/>
  <c r="CNP7" i="1"/>
  <c r="CNO7" i="1"/>
  <c r="CNN7" i="1"/>
  <c r="CNM7" i="1"/>
  <c r="CNL7" i="1"/>
  <c r="CNK7" i="1"/>
  <c r="CNJ7" i="1"/>
  <c r="CNI7" i="1"/>
  <c r="CNH7" i="1"/>
  <c r="CNG7" i="1"/>
  <c r="CNF7" i="1"/>
  <c r="CNE7" i="1"/>
  <c r="CND7" i="1"/>
  <c r="CNC7" i="1"/>
  <c r="CNB7" i="1"/>
  <c r="CNA7" i="1"/>
  <c r="CMZ7" i="1"/>
  <c r="CMY7" i="1"/>
  <c r="CMX7" i="1"/>
  <c r="CMW7" i="1"/>
  <c r="CMV7" i="1"/>
  <c r="CMU7" i="1"/>
  <c r="CMT7" i="1"/>
  <c r="CMS7" i="1"/>
  <c r="CMR7" i="1"/>
  <c r="CMQ7" i="1"/>
  <c r="CMP7" i="1"/>
  <c r="CMO7" i="1"/>
  <c r="CMN7" i="1"/>
  <c r="CMM7" i="1"/>
  <c r="CML7" i="1"/>
  <c r="CMK7" i="1"/>
  <c r="CMJ7" i="1"/>
  <c r="CMI7" i="1"/>
  <c r="CMH7" i="1"/>
  <c r="CMG7" i="1"/>
  <c r="CMF7" i="1"/>
  <c r="CME7" i="1"/>
  <c r="CMD7" i="1"/>
  <c r="CMC7" i="1"/>
  <c r="CMB7" i="1"/>
  <c r="CMA7" i="1"/>
  <c r="CLZ7" i="1"/>
  <c r="CLY7" i="1"/>
  <c r="CLX7" i="1"/>
  <c r="CLW7" i="1"/>
  <c r="CLV7" i="1"/>
  <c r="CLU7" i="1"/>
  <c r="CLT7" i="1"/>
  <c r="CLS7" i="1"/>
  <c r="CLR7" i="1"/>
  <c r="CLQ7" i="1"/>
  <c r="CLP7" i="1"/>
  <c r="CLO7" i="1"/>
  <c r="CLN7" i="1"/>
  <c r="CLM7" i="1"/>
  <c r="CLL7" i="1"/>
  <c r="CLK7" i="1"/>
  <c r="CLJ7" i="1"/>
  <c r="CLI7" i="1"/>
  <c r="CLH7" i="1"/>
  <c r="CLG7" i="1"/>
  <c r="CLF7" i="1"/>
  <c r="CLE7" i="1"/>
  <c r="CLD7" i="1"/>
  <c r="CLC7" i="1"/>
  <c r="CLB7" i="1"/>
  <c r="CLA7" i="1"/>
  <c r="CKZ7" i="1"/>
  <c r="CKY7" i="1"/>
  <c r="CKX7" i="1"/>
  <c r="CKW7" i="1"/>
  <c r="CKV7" i="1"/>
  <c r="CKU7" i="1"/>
  <c r="CKT7" i="1"/>
  <c r="CKS7" i="1"/>
  <c r="CKR7" i="1"/>
  <c r="CKQ7" i="1"/>
  <c r="CKP7" i="1"/>
  <c r="CKO7" i="1"/>
  <c r="CKN7" i="1"/>
  <c r="CKM7" i="1"/>
  <c r="CKL7" i="1"/>
  <c r="CKK7" i="1"/>
  <c r="CKJ7" i="1"/>
  <c r="CKI7" i="1"/>
  <c r="CKH7" i="1"/>
  <c r="CKG7" i="1"/>
  <c r="CKF7" i="1"/>
  <c r="CKE7" i="1"/>
  <c r="CKD7" i="1"/>
  <c r="CKC7" i="1"/>
  <c r="CKB7" i="1"/>
  <c r="CKA7" i="1"/>
  <c r="CJZ7" i="1"/>
  <c r="CJY7" i="1"/>
  <c r="CJX7" i="1"/>
  <c r="CJW7" i="1"/>
  <c r="CJV7" i="1"/>
  <c r="CJU7" i="1"/>
  <c r="CJT7" i="1"/>
  <c r="CJS7" i="1"/>
  <c r="CJR7" i="1"/>
  <c r="CJQ7" i="1"/>
  <c r="CJP7" i="1"/>
  <c r="CJO7" i="1"/>
  <c r="CJN7" i="1"/>
  <c r="CJM7" i="1"/>
  <c r="CJL7" i="1"/>
  <c r="CJK7" i="1"/>
  <c r="CJJ7" i="1"/>
  <c r="CJI7" i="1"/>
  <c r="CJH7" i="1"/>
  <c r="CJG7" i="1"/>
  <c r="CJF7" i="1"/>
  <c r="CJE7" i="1"/>
  <c r="CJD7" i="1"/>
  <c r="CJC7" i="1"/>
  <c r="CJB7" i="1"/>
  <c r="CJA7" i="1"/>
  <c r="CIZ7" i="1"/>
  <c r="CIY7" i="1"/>
  <c r="CIX7" i="1"/>
  <c r="CIW7" i="1"/>
  <c r="CIV7" i="1"/>
  <c r="CIU7" i="1"/>
  <c r="CIT7" i="1"/>
  <c r="CIS7" i="1"/>
  <c r="CIR7" i="1"/>
  <c r="CIQ7" i="1"/>
  <c r="CIP7" i="1"/>
  <c r="CIO7" i="1"/>
  <c r="CIN7" i="1"/>
  <c r="CIM7" i="1"/>
  <c r="CIL7" i="1"/>
  <c r="CIK7" i="1"/>
  <c r="CIJ7" i="1"/>
  <c r="CII7" i="1"/>
  <c r="CIH7" i="1"/>
  <c r="CIG7" i="1"/>
  <c r="CIF7" i="1"/>
  <c r="CIE7" i="1"/>
  <c r="CID7" i="1"/>
  <c r="CIC7" i="1"/>
  <c r="CIB7" i="1"/>
  <c r="CIA7" i="1"/>
  <c r="CHZ7" i="1"/>
  <c r="CHY7" i="1"/>
  <c r="CHX7" i="1"/>
  <c r="CHW7" i="1"/>
  <c r="CHV7" i="1"/>
  <c r="CHU7" i="1"/>
  <c r="CHT7" i="1"/>
  <c r="CHS7" i="1"/>
  <c r="CHR7" i="1"/>
  <c r="CHQ7" i="1"/>
  <c r="CHP7" i="1"/>
  <c r="CHO7" i="1"/>
  <c r="CHN7" i="1"/>
  <c r="CHM7" i="1"/>
  <c r="CHL7" i="1"/>
  <c r="CHK7" i="1"/>
  <c r="CHJ7" i="1"/>
  <c r="CHI7" i="1"/>
  <c r="CHH7" i="1"/>
  <c r="CHG7" i="1"/>
  <c r="CHF7" i="1"/>
  <c r="CHE7" i="1"/>
  <c r="CHD7" i="1"/>
  <c r="CHC7" i="1"/>
  <c r="CHB7" i="1"/>
  <c r="CHA7" i="1"/>
  <c r="CGZ7" i="1"/>
  <c r="CGY7" i="1"/>
  <c r="CGX7" i="1"/>
  <c r="CGW7" i="1"/>
  <c r="CGV7" i="1"/>
  <c r="CGU7" i="1"/>
  <c r="CGT7" i="1"/>
  <c r="CGS7" i="1"/>
  <c r="CGR7" i="1"/>
  <c r="CGQ7" i="1"/>
  <c r="CGP7" i="1"/>
  <c r="CGO7" i="1"/>
  <c r="CGN7" i="1"/>
  <c r="CGM7" i="1"/>
  <c r="CGL7" i="1"/>
  <c r="CGK7" i="1"/>
  <c r="CGJ7" i="1"/>
  <c r="CGI7" i="1"/>
  <c r="CGH7" i="1"/>
  <c r="CGG7" i="1"/>
  <c r="CGF7" i="1"/>
  <c r="CGE7" i="1"/>
  <c r="CGD7" i="1"/>
  <c r="CGC7" i="1"/>
  <c r="CGB7" i="1"/>
  <c r="CGA7" i="1"/>
  <c r="CFZ7" i="1"/>
  <c r="CFY7" i="1"/>
  <c r="CFX7" i="1"/>
  <c r="CFW7" i="1"/>
  <c r="CFV7" i="1"/>
  <c r="CFU7" i="1"/>
  <c r="CFT7" i="1"/>
  <c r="CFS7" i="1"/>
  <c r="CFR7" i="1"/>
  <c r="CFQ7" i="1"/>
  <c r="CFP7" i="1"/>
  <c r="CFO7" i="1"/>
  <c r="CFN7" i="1"/>
  <c r="CFM7" i="1"/>
  <c r="CFL7" i="1"/>
  <c r="CFK7" i="1"/>
  <c r="CFJ7" i="1"/>
  <c r="CFI7" i="1"/>
  <c r="CFH7" i="1"/>
  <c r="CFG7" i="1"/>
  <c r="CFF7" i="1"/>
  <c r="CFE7" i="1"/>
  <c r="CFD7" i="1"/>
  <c r="CFC7" i="1"/>
  <c r="CFB7" i="1"/>
  <c r="CFA7" i="1"/>
  <c r="CEZ7" i="1"/>
  <c r="CEY7" i="1"/>
  <c r="CEX7" i="1"/>
  <c r="CEW7" i="1"/>
  <c r="CEV7" i="1"/>
  <c r="CEU7" i="1"/>
  <c r="CET7" i="1"/>
  <c r="CES7" i="1"/>
  <c r="CER7" i="1"/>
  <c r="CEQ7" i="1"/>
  <c r="CEP7" i="1"/>
  <c r="CEO7" i="1"/>
  <c r="CEN7" i="1"/>
  <c r="CEM7" i="1"/>
  <c r="CEL7" i="1"/>
  <c r="CEK7" i="1"/>
  <c r="CEJ7" i="1"/>
  <c r="CEI7" i="1"/>
  <c r="CEH7" i="1"/>
  <c r="CEG7" i="1"/>
  <c r="CEF7" i="1"/>
  <c r="CEE7" i="1"/>
  <c r="CED7" i="1"/>
  <c r="CEC7" i="1"/>
  <c r="CEB7" i="1"/>
  <c r="CEA7" i="1"/>
  <c r="CDZ7" i="1"/>
  <c r="CDY7" i="1"/>
  <c r="CDX7" i="1"/>
  <c r="CDW7" i="1"/>
  <c r="CDV7" i="1"/>
  <c r="CDU7" i="1"/>
  <c r="CDT7" i="1"/>
  <c r="CDS7" i="1"/>
  <c r="CDR7" i="1"/>
  <c r="CDQ7" i="1"/>
  <c r="CDP7" i="1"/>
  <c r="CDO7" i="1"/>
  <c r="CDN7" i="1"/>
  <c r="CDM7" i="1"/>
  <c r="CDL7" i="1"/>
  <c r="CDK7" i="1"/>
  <c r="CDJ7" i="1"/>
  <c r="CDI7" i="1"/>
  <c r="CDH7" i="1"/>
  <c r="CDG7" i="1"/>
  <c r="CDF7" i="1"/>
  <c r="CDE7" i="1"/>
  <c r="CDD7" i="1"/>
  <c r="CDC7" i="1"/>
  <c r="CDB7" i="1"/>
  <c r="CDA7" i="1"/>
  <c r="CCZ7" i="1"/>
  <c r="CCY7" i="1"/>
  <c r="CCX7" i="1"/>
  <c r="CCW7" i="1"/>
  <c r="CCV7" i="1"/>
  <c r="CCU7" i="1"/>
  <c r="CCT7" i="1"/>
  <c r="CCS7" i="1"/>
  <c r="CCR7" i="1"/>
  <c r="CCQ7" i="1"/>
  <c r="CCP7" i="1"/>
  <c r="CCO7" i="1"/>
  <c r="CCN7" i="1"/>
  <c r="CCM7" i="1"/>
  <c r="CCL7" i="1"/>
  <c r="CCK7" i="1"/>
  <c r="CCJ7" i="1"/>
  <c r="CCI7" i="1"/>
  <c r="CCH7" i="1"/>
  <c r="CCG7" i="1"/>
  <c r="CCF7" i="1"/>
  <c r="CCE7" i="1"/>
  <c r="CCD7" i="1"/>
  <c r="CCC7" i="1"/>
  <c r="CCB7" i="1"/>
  <c r="CCA7" i="1"/>
  <c r="CBZ7" i="1"/>
  <c r="CBY7" i="1"/>
  <c r="CBX7" i="1"/>
  <c r="CBW7" i="1"/>
  <c r="CBV7" i="1"/>
  <c r="CBU7" i="1"/>
  <c r="CBT7" i="1"/>
  <c r="CBS7" i="1"/>
  <c r="CBR7" i="1"/>
  <c r="CBQ7" i="1"/>
  <c r="CBP7" i="1"/>
  <c r="CBO7" i="1"/>
  <c r="CBN7" i="1"/>
  <c r="CBM7" i="1"/>
  <c r="CBL7" i="1"/>
  <c r="CBK7" i="1"/>
  <c r="CBJ7" i="1"/>
  <c r="CBI7" i="1"/>
  <c r="CBH7" i="1"/>
  <c r="CBG7" i="1"/>
  <c r="CBF7" i="1"/>
  <c r="CBE7" i="1"/>
  <c r="CBD7" i="1"/>
  <c r="CBC7" i="1"/>
  <c r="CBB7" i="1"/>
  <c r="CBA7" i="1"/>
  <c r="CAZ7" i="1"/>
  <c r="CAY7" i="1"/>
  <c r="CAX7" i="1"/>
  <c r="CAW7" i="1"/>
  <c r="CAV7" i="1"/>
  <c r="CAU7" i="1"/>
  <c r="CAT7" i="1"/>
  <c r="CAS7" i="1"/>
  <c r="CAR7" i="1"/>
  <c r="CAQ7" i="1"/>
  <c r="CAP7" i="1"/>
  <c r="CAO7" i="1"/>
  <c r="CAN7" i="1"/>
  <c r="CAM7" i="1"/>
  <c r="CAL7" i="1"/>
  <c r="CAK7" i="1"/>
  <c r="CAJ7" i="1"/>
  <c r="CAI7" i="1"/>
  <c r="CAH7" i="1"/>
  <c r="CAG7" i="1"/>
  <c r="CAF7" i="1"/>
  <c r="CAE7" i="1"/>
  <c r="CAD7" i="1"/>
  <c r="CAC7" i="1"/>
  <c r="CAB7" i="1"/>
  <c r="CAA7" i="1"/>
  <c r="BZZ7" i="1"/>
  <c r="BZY7" i="1"/>
  <c r="BZX7" i="1"/>
  <c r="BZW7" i="1"/>
  <c r="BZV7" i="1"/>
  <c r="BZU7" i="1"/>
  <c r="BZT7" i="1"/>
  <c r="BZS7" i="1"/>
  <c r="BZR7" i="1"/>
  <c r="BZQ7" i="1"/>
  <c r="BZP7" i="1"/>
  <c r="BZO7" i="1"/>
  <c r="BZN7" i="1"/>
  <c r="BZM7" i="1"/>
  <c r="BZL7" i="1"/>
  <c r="BZK7" i="1"/>
  <c r="BZJ7" i="1"/>
  <c r="BZI7" i="1"/>
  <c r="BZH7" i="1"/>
  <c r="BZG7" i="1"/>
  <c r="BZF7" i="1"/>
  <c r="BZE7" i="1"/>
  <c r="BZD7" i="1"/>
  <c r="BZC7" i="1"/>
  <c r="BZB7" i="1"/>
  <c r="BZA7" i="1"/>
  <c r="BYZ7" i="1"/>
  <c r="BYY7" i="1"/>
  <c r="BYX7" i="1"/>
  <c r="BYW7" i="1"/>
  <c r="BYV7" i="1"/>
  <c r="BYU7" i="1"/>
  <c r="BYT7" i="1"/>
  <c r="BYS7" i="1"/>
  <c r="BYR7" i="1"/>
  <c r="BYQ7" i="1"/>
  <c r="BYP7" i="1"/>
  <c r="BYO7" i="1"/>
  <c r="BYN7" i="1"/>
  <c r="BYM7" i="1"/>
  <c r="BYL7" i="1"/>
  <c r="BYK7" i="1"/>
  <c r="BYJ7" i="1"/>
  <c r="BYI7" i="1"/>
  <c r="BYH7" i="1"/>
  <c r="BYG7" i="1"/>
  <c r="BYF7" i="1"/>
  <c r="BYE7" i="1"/>
  <c r="BYD7" i="1"/>
  <c r="BYC7" i="1"/>
  <c r="BYB7" i="1"/>
  <c r="BYA7" i="1"/>
  <c r="BXZ7" i="1"/>
  <c r="BXY7" i="1"/>
  <c r="BXX7" i="1"/>
  <c r="BXW7" i="1"/>
  <c r="BXV7" i="1"/>
  <c r="BXU7" i="1"/>
  <c r="BXT7" i="1"/>
  <c r="BXS7" i="1"/>
  <c r="BXR7" i="1"/>
  <c r="BXQ7" i="1"/>
  <c r="BXP7" i="1"/>
  <c r="BXO7" i="1"/>
  <c r="BXN7" i="1"/>
  <c r="BXM7" i="1"/>
  <c r="BXL7" i="1"/>
  <c r="BXK7" i="1"/>
  <c r="BXJ7" i="1"/>
  <c r="BXI7" i="1"/>
  <c r="BXH7" i="1"/>
  <c r="BXG7" i="1"/>
  <c r="BXF7" i="1"/>
  <c r="BXE7" i="1"/>
  <c r="BXD7" i="1"/>
  <c r="BXC7" i="1"/>
  <c r="BXB7" i="1"/>
  <c r="BXA7" i="1"/>
  <c r="BWZ7" i="1"/>
  <c r="BWY7" i="1"/>
  <c r="BWX7" i="1"/>
  <c r="BWW7" i="1"/>
  <c r="BWV7" i="1"/>
  <c r="BWU7" i="1"/>
  <c r="BWT7" i="1"/>
  <c r="BWS7" i="1"/>
  <c r="BWR7" i="1"/>
  <c r="BWQ7" i="1"/>
  <c r="BWP7" i="1"/>
  <c r="BWO7" i="1"/>
  <c r="BWN7" i="1"/>
  <c r="BWM7" i="1"/>
  <c r="BWL7" i="1"/>
  <c r="BWK7" i="1"/>
  <c r="BWJ7" i="1"/>
  <c r="BWI7" i="1"/>
  <c r="BWH7" i="1"/>
  <c r="BWG7" i="1"/>
  <c r="BWF7" i="1"/>
  <c r="BWE7" i="1"/>
  <c r="BWD7" i="1"/>
  <c r="BWC7" i="1"/>
  <c r="BWB7" i="1"/>
  <c r="BWA7" i="1"/>
  <c r="BVZ7" i="1"/>
  <c r="BVY7" i="1"/>
  <c r="BVX7" i="1"/>
  <c r="BVW7" i="1"/>
  <c r="BVV7" i="1"/>
  <c r="BVU7" i="1"/>
  <c r="BVT7" i="1"/>
  <c r="BVS7" i="1"/>
  <c r="BVR7" i="1"/>
  <c r="BVQ7" i="1"/>
  <c r="BVP7" i="1"/>
  <c r="BVO7" i="1"/>
  <c r="BVN7" i="1"/>
  <c r="BVM7" i="1"/>
  <c r="BVL7" i="1"/>
  <c r="BVK7" i="1"/>
  <c r="BVJ7" i="1"/>
  <c r="BVI7" i="1"/>
  <c r="BVH7" i="1"/>
  <c r="BVG7" i="1"/>
  <c r="BVF7" i="1"/>
  <c r="BVE7" i="1"/>
  <c r="BVD7" i="1"/>
  <c r="BVC7" i="1"/>
  <c r="BVB7" i="1"/>
  <c r="BVA7" i="1"/>
  <c r="BUZ7" i="1"/>
  <c r="BUY7" i="1"/>
  <c r="BUX7" i="1"/>
  <c r="BUW7" i="1"/>
  <c r="BUV7" i="1"/>
  <c r="BUU7" i="1"/>
  <c r="BUT7" i="1"/>
  <c r="BUS7" i="1"/>
  <c r="BUR7" i="1"/>
  <c r="BUQ7" i="1"/>
  <c r="BUP7" i="1"/>
  <c r="BUO7" i="1"/>
  <c r="BUN7" i="1"/>
  <c r="BUM7" i="1"/>
  <c r="BUL7" i="1"/>
  <c r="BUK7" i="1"/>
  <c r="BUJ7" i="1"/>
  <c r="BUI7" i="1"/>
  <c r="BUH7" i="1"/>
  <c r="BUG7" i="1"/>
  <c r="BUF7" i="1"/>
  <c r="BUE7" i="1"/>
  <c r="BUD7" i="1"/>
  <c r="BUC7" i="1"/>
  <c r="BUB7" i="1"/>
  <c r="BUA7" i="1"/>
  <c r="BTZ7" i="1"/>
  <c r="BTY7" i="1"/>
  <c r="BTX7" i="1"/>
  <c r="BTW7" i="1"/>
  <c r="BTV7" i="1"/>
  <c r="BTU7" i="1"/>
  <c r="BTT7" i="1"/>
  <c r="BTS7" i="1"/>
  <c r="BTR7" i="1"/>
  <c r="BTQ7" i="1"/>
  <c r="BTP7" i="1"/>
  <c r="BTO7" i="1"/>
  <c r="BTN7" i="1"/>
  <c r="BTM7" i="1"/>
  <c r="BTL7" i="1"/>
  <c r="BTK7" i="1"/>
  <c r="BTJ7" i="1"/>
  <c r="BTI7" i="1"/>
  <c r="BTH7" i="1"/>
  <c r="BTG7" i="1"/>
  <c r="BTF7" i="1"/>
  <c r="BTE7" i="1"/>
  <c r="BTD7" i="1"/>
  <c r="BTC7" i="1"/>
  <c r="BTB7" i="1"/>
  <c r="BTA7" i="1"/>
  <c r="BSZ7" i="1"/>
  <c r="BSY7" i="1"/>
  <c r="BSX7" i="1"/>
  <c r="BSW7" i="1"/>
  <c r="BSV7" i="1"/>
  <c r="BSU7" i="1"/>
  <c r="BST7" i="1"/>
  <c r="BSS7" i="1"/>
  <c r="BSR7" i="1"/>
  <c r="BSQ7" i="1"/>
  <c r="BSP7" i="1"/>
  <c r="BSO7" i="1"/>
  <c r="BSN7" i="1"/>
  <c r="BSM7" i="1"/>
  <c r="BSL7" i="1"/>
  <c r="BSK7" i="1"/>
  <c r="BSJ7" i="1"/>
  <c r="BSI7" i="1"/>
  <c r="BSH7" i="1"/>
  <c r="BSG7" i="1"/>
  <c r="BSF7" i="1"/>
  <c r="BSE7" i="1"/>
  <c r="BSD7" i="1"/>
  <c r="BSC7" i="1"/>
  <c r="BSB7" i="1"/>
  <c r="BSA7" i="1"/>
  <c r="BRZ7" i="1"/>
  <c r="BRY7" i="1"/>
  <c r="BRX7" i="1"/>
  <c r="BRW7" i="1"/>
  <c r="BRV7" i="1"/>
  <c r="BRU7" i="1"/>
  <c r="BRT7" i="1"/>
  <c r="BRS7" i="1"/>
  <c r="BRR7" i="1"/>
  <c r="BRQ7" i="1"/>
  <c r="BRP7" i="1"/>
  <c r="BRO7" i="1"/>
  <c r="BRN7" i="1"/>
  <c r="BRM7" i="1"/>
  <c r="BRL7" i="1"/>
  <c r="BRK7" i="1"/>
  <c r="BRJ7" i="1"/>
  <c r="BRI7" i="1"/>
  <c r="BRH7" i="1"/>
  <c r="BRG7" i="1"/>
  <c r="BRF7" i="1"/>
  <c r="BRE7" i="1"/>
  <c r="BRD7" i="1"/>
  <c r="BRC7" i="1"/>
  <c r="BRB7" i="1"/>
  <c r="BRA7" i="1"/>
  <c r="BQZ7" i="1"/>
  <c r="BQY7" i="1"/>
  <c r="BQX7" i="1"/>
  <c r="BQW7" i="1"/>
  <c r="BQV7" i="1"/>
  <c r="BQU7" i="1"/>
  <c r="BQT7" i="1"/>
  <c r="BQS7" i="1"/>
  <c r="BQR7" i="1"/>
  <c r="BQQ7" i="1"/>
  <c r="BQP7" i="1"/>
  <c r="BQO7" i="1"/>
  <c r="BQN7" i="1"/>
  <c r="BQM7" i="1"/>
  <c r="BQL7" i="1"/>
  <c r="BQK7" i="1"/>
  <c r="BQJ7" i="1"/>
  <c r="BQI7" i="1"/>
  <c r="BQH7" i="1"/>
  <c r="BQG7" i="1"/>
  <c r="BQF7" i="1"/>
  <c r="BQE7" i="1"/>
  <c r="BQD7" i="1"/>
  <c r="BQC7" i="1"/>
  <c r="BQB7" i="1"/>
  <c r="BQA7" i="1"/>
  <c r="BPZ7" i="1"/>
  <c r="BPY7" i="1"/>
  <c r="BPX7" i="1"/>
  <c r="BPW7" i="1"/>
  <c r="BPV7" i="1"/>
  <c r="BPU7" i="1"/>
  <c r="BPT7" i="1"/>
  <c r="BPS7" i="1"/>
  <c r="BPR7" i="1"/>
  <c r="BPQ7" i="1"/>
  <c r="BPP7" i="1"/>
  <c r="BPO7" i="1"/>
  <c r="BPN7" i="1"/>
  <c r="BPM7" i="1"/>
  <c r="BPL7" i="1"/>
  <c r="BPK7" i="1"/>
  <c r="BPJ7" i="1"/>
  <c r="BPI7" i="1"/>
  <c r="BPH7" i="1"/>
  <c r="BPG7" i="1"/>
  <c r="BPF7" i="1"/>
  <c r="BPE7" i="1"/>
  <c r="BPD7" i="1"/>
  <c r="BPC7" i="1"/>
  <c r="BPB7" i="1"/>
  <c r="BPA7" i="1"/>
  <c r="BOZ7" i="1"/>
  <c r="BOY7" i="1"/>
  <c r="BOX7" i="1"/>
  <c r="BOW7" i="1"/>
  <c r="BOV7" i="1"/>
  <c r="BOU7" i="1"/>
  <c r="BOT7" i="1"/>
  <c r="BOS7" i="1"/>
  <c r="BOR7" i="1"/>
  <c r="BOQ7" i="1"/>
  <c r="BOP7" i="1"/>
  <c r="BOO7" i="1"/>
  <c r="BON7" i="1"/>
  <c r="BOM7" i="1"/>
  <c r="BOL7" i="1"/>
  <c r="BOK7" i="1"/>
  <c r="BOJ7" i="1"/>
  <c r="BOI7" i="1"/>
  <c r="BOH7" i="1"/>
  <c r="BOG7" i="1"/>
  <c r="BOF7" i="1"/>
  <c r="BOE7" i="1"/>
  <c r="BOD7" i="1"/>
  <c r="BOC7" i="1"/>
  <c r="BOB7" i="1"/>
  <c r="BOA7" i="1"/>
  <c r="BNZ7" i="1"/>
  <c r="BNY7" i="1"/>
  <c r="BNX7" i="1"/>
  <c r="BNW7" i="1"/>
  <c r="BNV7" i="1"/>
  <c r="BNU7" i="1"/>
  <c r="BNT7" i="1"/>
  <c r="BNS7" i="1"/>
  <c r="BNR7" i="1"/>
  <c r="BNQ7" i="1"/>
  <c r="BNP7" i="1"/>
  <c r="BNO7" i="1"/>
  <c r="BNN7" i="1"/>
  <c r="BNM7" i="1"/>
  <c r="BNL7" i="1"/>
  <c r="BNK7" i="1"/>
  <c r="BNJ7" i="1"/>
  <c r="BNI7" i="1"/>
  <c r="BNH7" i="1"/>
  <c r="BNG7" i="1"/>
  <c r="BNF7" i="1"/>
  <c r="BNE7" i="1"/>
  <c r="BND7" i="1"/>
  <c r="BNC7" i="1"/>
  <c r="BNB7" i="1"/>
  <c r="BNA7" i="1"/>
  <c r="BMZ7" i="1"/>
  <c r="BMY7" i="1"/>
  <c r="BMX7" i="1"/>
  <c r="BMW7" i="1"/>
  <c r="BMV7" i="1"/>
  <c r="BMU7" i="1"/>
  <c r="BMT7" i="1"/>
  <c r="BMS7" i="1"/>
  <c r="BMR7" i="1"/>
  <c r="BMQ7" i="1"/>
  <c r="BMP7" i="1"/>
  <c r="BMO7" i="1"/>
  <c r="BMN7" i="1"/>
  <c r="BMM7" i="1"/>
  <c r="BML7" i="1"/>
  <c r="BMK7" i="1"/>
  <c r="BMJ7" i="1"/>
  <c r="BMI7" i="1"/>
  <c r="BMH7" i="1"/>
  <c r="BMG7" i="1"/>
  <c r="BMF7" i="1"/>
  <c r="BME7" i="1"/>
  <c r="BMD7" i="1"/>
  <c r="BMC7" i="1"/>
  <c r="BMB7" i="1"/>
  <c r="BMA7" i="1"/>
  <c r="BLZ7" i="1"/>
  <c r="BLY7" i="1"/>
  <c r="BLX7" i="1"/>
  <c r="BLW7" i="1"/>
  <c r="BLV7" i="1"/>
  <c r="BLU7" i="1"/>
  <c r="BLT7" i="1"/>
  <c r="BLS7" i="1"/>
  <c r="BLR7" i="1"/>
  <c r="BLQ7" i="1"/>
  <c r="BLP7" i="1"/>
  <c r="BLO7" i="1"/>
  <c r="BLN7" i="1"/>
  <c r="BLM7" i="1"/>
  <c r="BLL7" i="1"/>
  <c r="BLK7" i="1"/>
  <c r="BLJ7" i="1"/>
  <c r="BLI7" i="1"/>
  <c r="BLH7" i="1"/>
  <c r="BLG7" i="1"/>
  <c r="BLF7" i="1"/>
  <c r="BLE7" i="1"/>
  <c r="BLD7" i="1"/>
  <c r="BLC7" i="1"/>
  <c r="BLB7" i="1"/>
  <c r="BLA7" i="1"/>
  <c r="BKZ7" i="1"/>
  <c r="BKY7" i="1"/>
  <c r="BKX7" i="1"/>
  <c r="BKW7" i="1"/>
  <c r="BKV7" i="1"/>
  <c r="BKU7" i="1"/>
  <c r="BKT7" i="1"/>
  <c r="BKS7" i="1"/>
  <c r="BKR7" i="1"/>
  <c r="BKQ7" i="1"/>
  <c r="BKP7" i="1"/>
  <c r="BKO7" i="1"/>
  <c r="BKN7" i="1"/>
  <c r="BKM7" i="1"/>
  <c r="BKL7" i="1"/>
  <c r="BKK7" i="1"/>
  <c r="BKJ7" i="1"/>
  <c r="BKI7" i="1"/>
  <c r="BKH7" i="1"/>
  <c r="BKG7" i="1"/>
  <c r="BKF7" i="1"/>
  <c r="BKE7" i="1"/>
  <c r="BKD7" i="1"/>
  <c r="BKC7" i="1"/>
  <c r="BKB7" i="1"/>
  <c r="BKA7" i="1"/>
  <c r="BJZ7" i="1"/>
  <c r="BJY7" i="1"/>
  <c r="BJX7" i="1"/>
  <c r="BJW7" i="1"/>
  <c r="BJV7" i="1"/>
  <c r="BJU7" i="1"/>
  <c r="BJT7" i="1"/>
  <c r="BJS7" i="1"/>
  <c r="BJR7" i="1"/>
  <c r="BJQ7" i="1"/>
  <c r="BJP7" i="1"/>
  <c r="BJO7" i="1"/>
  <c r="BJN7" i="1"/>
  <c r="BJM7" i="1"/>
  <c r="BJL7" i="1"/>
  <c r="BJK7" i="1"/>
  <c r="BJJ7" i="1"/>
  <c r="BJI7" i="1"/>
  <c r="BJH7" i="1"/>
  <c r="BJG7" i="1"/>
  <c r="BJF7" i="1"/>
  <c r="BJE7" i="1"/>
  <c r="BJD7" i="1"/>
  <c r="BJC7" i="1"/>
  <c r="BJB7" i="1"/>
  <c r="BJA7" i="1"/>
  <c r="BIZ7" i="1"/>
  <c r="BIY7" i="1"/>
  <c r="BIX7" i="1"/>
  <c r="BIW7" i="1"/>
  <c r="BIV7" i="1"/>
  <c r="BIU7" i="1"/>
  <c r="BIT7" i="1"/>
  <c r="BIS7" i="1"/>
  <c r="BIR7" i="1"/>
  <c r="BIQ7" i="1"/>
  <c r="BIP7" i="1"/>
  <c r="BIO7" i="1"/>
  <c r="BIN7" i="1"/>
  <c r="BIM7" i="1"/>
  <c r="BIL7" i="1"/>
  <c r="BIK7" i="1"/>
  <c r="BIJ7" i="1"/>
  <c r="BII7" i="1"/>
  <c r="BIH7" i="1"/>
  <c r="BIG7" i="1"/>
  <c r="BIF7" i="1"/>
  <c r="BIE7" i="1"/>
  <c r="BID7" i="1"/>
  <c r="BIC7" i="1"/>
  <c r="BIB7" i="1"/>
  <c r="BIA7" i="1"/>
  <c r="BHZ7" i="1"/>
  <c r="BHY7" i="1"/>
  <c r="BHX7" i="1"/>
  <c r="BHW7" i="1"/>
  <c r="BHV7" i="1"/>
  <c r="BHU7" i="1"/>
  <c r="BHT7" i="1"/>
  <c r="BHS7" i="1"/>
  <c r="BHR7" i="1"/>
  <c r="BHQ7" i="1"/>
  <c r="BHP7" i="1"/>
  <c r="BHO7" i="1"/>
  <c r="BHN7" i="1"/>
  <c r="BHM7" i="1"/>
  <c r="BHL7" i="1"/>
  <c r="BHK7" i="1"/>
  <c r="BHJ7" i="1"/>
  <c r="BHI7" i="1"/>
  <c r="BHH7" i="1"/>
  <c r="BHG7" i="1"/>
  <c r="BHF7" i="1"/>
  <c r="BHE7" i="1"/>
  <c r="BHD7" i="1"/>
  <c r="BHC7" i="1"/>
  <c r="BHB7" i="1"/>
  <c r="BHA7" i="1"/>
  <c r="BGZ7" i="1"/>
  <c r="BGY7" i="1"/>
  <c r="BGX7" i="1"/>
  <c r="BGW7" i="1"/>
  <c r="BGV7" i="1"/>
  <c r="BGU7" i="1"/>
  <c r="BGT7" i="1"/>
  <c r="BGS7" i="1"/>
  <c r="BGR7" i="1"/>
  <c r="BGQ7" i="1"/>
  <c r="BGP7" i="1"/>
  <c r="BGO7" i="1"/>
  <c r="BGN7" i="1"/>
  <c r="BGM7" i="1"/>
  <c r="BGL7" i="1"/>
  <c r="BGK7" i="1"/>
  <c r="BGJ7" i="1"/>
  <c r="BGI7" i="1"/>
  <c r="BGH7" i="1"/>
  <c r="BGG7" i="1"/>
  <c r="BGF7" i="1"/>
  <c r="BGE7" i="1"/>
  <c r="BGD7" i="1"/>
  <c r="BGC7" i="1"/>
  <c r="BGB7" i="1"/>
  <c r="BGA7" i="1"/>
  <c r="BFZ7" i="1"/>
  <c r="BFY7" i="1"/>
  <c r="BFX7" i="1"/>
  <c r="BFW7" i="1"/>
  <c r="BFV7" i="1"/>
  <c r="BFU7" i="1"/>
  <c r="BFT7" i="1"/>
  <c r="BFS7" i="1"/>
  <c r="BFR7" i="1"/>
  <c r="BFQ7" i="1"/>
  <c r="BFP7" i="1"/>
  <c r="BFO7" i="1"/>
  <c r="BFN7" i="1"/>
  <c r="BFM7" i="1"/>
  <c r="BFL7" i="1"/>
  <c r="BFK7" i="1"/>
  <c r="BFJ7" i="1"/>
  <c r="BFI7" i="1"/>
  <c r="BFH7" i="1"/>
  <c r="BFG7" i="1"/>
  <c r="BFF7" i="1"/>
  <c r="BFE7" i="1"/>
  <c r="BFD7" i="1"/>
  <c r="BFC7" i="1"/>
  <c r="BFB7" i="1"/>
  <c r="BFA7" i="1"/>
  <c r="BEZ7" i="1"/>
  <c r="BEY7" i="1"/>
  <c r="BEX7" i="1"/>
  <c r="BEW7" i="1"/>
  <c r="BEV7" i="1"/>
  <c r="BEU7" i="1"/>
  <c r="BET7" i="1"/>
  <c r="BES7" i="1"/>
  <c r="BER7" i="1"/>
  <c r="BEQ7" i="1"/>
  <c r="BEP7" i="1"/>
  <c r="BEO7" i="1"/>
  <c r="BEN7" i="1"/>
  <c r="BEM7" i="1"/>
  <c r="BEL7" i="1"/>
  <c r="BEK7" i="1"/>
  <c r="BEJ7" i="1"/>
  <c r="BEI7" i="1"/>
  <c r="BEH7" i="1"/>
  <c r="BEG7" i="1"/>
  <c r="BEF7" i="1"/>
  <c r="BEE7" i="1"/>
  <c r="BED7" i="1"/>
  <c r="BEC7" i="1"/>
  <c r="BEB7" i="1"/>
  <c r="BEA7" i="1"/>
  <c r="BDZ7" i="1"/>
  <c r="BDY7" i="1"/>
  <c r="BDX7" i="1"/>
  <c r="BDW7" i="1"/>
  <c r="BDV7" i="1"/>
  <c r="BDU7" i="1"/>
  <c r="BDT7" i="1"/>
  <c r="BDS7" i="1"/>
  <c r="BDR7" i="1"/>
  <c r="BDQ7" i="1"/>
  <c r="BDP7" i="1"/>
  <c r="BDO7" i="1"/>
  <c r="BDN7" i="1"/>
  <c r="BDM7" i="1"/>
  <c r="BDL7" i="1"/>
  <c r="BDK7" i="1"/>
  <c r="BDJ7" i="1"/>
  <c r="BDI7" i="1"/>
  <c r="BDH7" i="1"/>
  <c r="BDG7" i="1"/>
  <c r="BDF7" i="1"/>
  <c r="BDE7" i="1"/>
  <c r="BDD7" i="1"/>
  <c r="BDC7" i="1"/>
  <c r="BDB7" i="1"/>
  <c r="BDA7" i="1"/>
  <c r="BCZ7" i="1"/>
  <c r="BCY7" i="1"/>
  <c r="BCX7" i="1"/>
  <c r="BCW7" i="1"/>
  <c r="BCV7" i="1"/>
  <c r="BCU7" i="1"/>
  <c r="BCT7" i="1"/>
  <c r="BCS7" i="1"/>
  <c r="BCR7" i="1"/>
  <c r="BCQ7" i="1"/>
  <c r="BCP7" i="1"/>
  <c r="BCO7" i="1"/>
  <c r="BCN7" i="1"/>
  <c r="BCM7" i="1"/>
  <c r="BCL7" i="1"/>
  <c r="BCK7" i="1"/>
  <c r="BCJ7" i="1"/>
  <c r="BCI7" i="1"/>
  <c r="BCH7" i="1"/>
  <c r="BCG7" i="1"/>
  <c r="BCF7" i="1"/>
  <c r="BCE7" i="1"/>
  <c r="BCD7" i="1"/>
  <c r="BCC7" i="1"/>
  <c r="BCB7" i="1"/>
  <c r="BCA7" i="1"/>
  <c r="BBZ7" i="1"/>
  <c r="BBY7" i="1"/>
  <c r="BBX7" i="1"/>
  <c r="BBW7" i="1"/>
  <c r="BBV7" i="1"/>
  <c r="BBU7" i="1"/>
  <c r="BBT7" i="1"/>
  <c r="BBS7" i="1"/>
  <c r="BBR7" i="1"/>
  <c r="BBQ7" i="1"/>
  <c r="BBP7" i="1"/>
  <c r="BBO7" i="1"/>
  <c r="BBN7" i="1"/>
  <c r="BBM7" i="1"/>
  <c r="BBL7" i="1"/>
  <c r="BBK7" i="1"/>
  <c r="BBJ7" i="1"/>
  <c r="BBI7" i="1"/>
  <c r="BBH7" i="1"/>
  <c r="BBG7" i="1"/>
  <c r="BBF7" i="1"/>
  <c r="BBE7" i="1"/>
  <c r="BBD7" i="1"/>
  <c r="BBC7" i="1"/>
  <c r="BBB7" i="1"/>
  <c r="BBA7" i="1"/>
  <c r="BAZ7" i="1"/>
  <c r="BAY7" i="1"/>
  <c r="BAX7" i="1"/>
  <c r="BAW7" i="1"/>
  <c r="BAV7" i="1"/>
  <c r="BAU7" i="1"/>
  <c r="BAT7" i="1"/>
  <c r="BAS7" i="1"/>
  <c r="BAR7" i="1"/>
  <c r="BAQ7" i="1"/>
  <c r="BAP7" i="1"/>
  <c r="BAO7" i="1"/>
  <c r="BAN7" i="1"/>
  <c r="BAM7" i="1"/>
  <c r="BAL7" i="1"/>
  <c r="BAK7" i="1"/>
  <c r="BAJ7" i="1"/>
  <c r="BAI7" i="1"/>
  <c r="BAH7" i="1"/>
  <c r="BAG7" i="1"/>
  <c r="BAF7" i="1"/>
  <c r="BAE7" i="1"/>
  <c r="BAD7" i="1"/>
  <c r="BAC7" i="1"/>
  <c r="BAB7" i="1"/>
  <c r="BAA7" i="1"/>
  <c r="AZZ7" i="1"/>
  <c r="AZY7" i="1"/>
  <c r="AZX7" i="1"/>
  <c r="AZW7" i="1"/>
  <c r="AZV7" i="1"/>
  <c r="AZU7" i="1"/>
  <c r="AZT7" i="1"/>
  <c r="AZS7" i="1"/>
  <c r="AZR7" i="1"/>
  <c r="AZQ7" i="1"/>
  <c r="AZP7" i="1"/>
  <c r="AZO7" i="1"/>
  <c r="AZN7" i="1"/>
  <c r="AZM7" i="1"/>
  <c r="AZL7" i="1"/>
  <c r="AZK7" i="1"/>
  <c r="AZJ7" i="1"/>
  <c r="AZI7" i="1"/>
  <c r="AZH7" i="1"/>
  <c r="AZG7" i="1"/>
  <c r="AZF7" i="1"/>
  <c r="AZE7" i="1"/>
  <c r="AZD7" i="1"/>
  <c r="AZC7" i="1"/>
  <c r="AZB7" i="1"/>
  <c r="AZA7" i="1"/>
  <c r="AYZ7" i="1"/>
  <c r="AYY7" i="1"/>
  <c r="AYX7" i="1"/>
  <c r="AYW7" i="1"/>
  <c r="AYV7" i="1"/>
  <c r="AYU7" i="1"/>
  <c r="AYT7" i="1"/>
  <c r="AYS7" i="1"/>
  <c r="AYR7" i="1"/>
  <c r="AYQ7" i="1"/>
  <c r="AYP7" i="1"/>
  <c r="AYO7" i="1"/>
  <c r="AYN7" i="1"/>
  <c r="AYM7" i="1"/>
  <c r="AYL7" i="1"/>
  <c r="AYK7" i="1"/>
  <c r="AYJ7" i="1"/>
  <c r="AYI7" i="1"/>
  <c r="AYH7" i="1"/>
  <c r="AYG7" i="1"/>
  <c r="AYF7" i="1"/>
  <c r="AYE7" i="1"/>
  <c r="AYD7" i="1"/>
  <c r="AYC7" i="1"/>
  <c r="AYB7" i="1"/>
  <c r="AYA7" i="1"/>
  <c r="AXZ7" i="1"/>
  <c r="AXY7" i="1"/>
  <c r="AXX7" i="1"/>
  <c r="AXW7" i="1"/>
  <c r="AXV7" i="1"/>
  <c r="AXU7" i="1"/>
  <c r="AXT7" i="1"/>
  <c r="AXS7" i="1"/>
  <c r="AXR7" i="1"/>
  <c r="AXQ7" i="1"/>
  <c r="AXP7" i="1"/>
  <c r="AXO7" i="1"/>
  <c r="AXN7" i="1"/>
  <c r="AXM7" i="1"/>
  <c r="AXL7" i="1"/>
  <c r="AXK7" i="1"/>
  <c r="AXJ7" i="1"/>
  <c r="AXI7" i="1"/>
  <c r="AXH7" i="1"/>
  <c r="AXG7" i="1"/>
  <c r="AXF7" i="1"/>
  <c r="AXE7" i="1"/>
  <c r="AXD7" i="1"/>
  <c r="AXC7" i="1"/>
  <c r="AXB7" i="1"/>
  <c r="AXA7" i="1"/>
  <c r="AWZ7" i="1"/>
  <c r="AWY7" i="1"/>
  <c r="AWX7" i="1"/>
  <c r="AWW7" i="1"/>
  <c r="AWV7" i="1"/>
  <c r="AWU7" i="1"/>
  <c r="AWT7" i="1"/>
  <c r="AWS7" i="1"/>
  <c r="AWR7" i="1"/>
  <c r="AWQ7" i="1"/>
  <c r="AWP7" i="1"/>
  <c r="AWO7" i="1"/>
  <c r="AWN7" i="1"/>
  <c r="AWM7" i="1"/>
  <c r="AWL7" i="1"/>
  <c r="AWK7" i="1"/>
  <c r="AWJ7" i="1"/>
  <c r="AWI7" i="1"/>
  <c r="AWH7" i="1"/>
  <c r="AWG7" i="1"/>
  <c r="AWF7" i="1"/>
  <c r="AWE7" i="1"/>
  <c r="AWD7" i="1"/>
  <c r="AWC7" i="1"/>
  <c r="AWB7" i="1"/>
  <c r="AWA7" i="1"/>
  <c r="AVZ7" i="1"/>
  <c r="AVY7" i="1"/>
  <c r="AVX7" i="1"/>
  <c r="AVW7" i="1"/>
  <c r="AVV7" i="1"/>
  <c r="AVU7" i="1"/>
  <c r="AVT7" i="1"/>
  <c r="AVS7" i="1"/>
  <c r="AVR7" i="1"/>
  <c r="AVQ7" i="1"/>
  <c r="AVP7" i="1"/>
  <c r="AVO7" i="1"/>
  <c r="AVN7" i="1"/>
  <c r="AVM7" i="1"/>
  <c r="AVL7" i="1"/>
  <c r="AVK7" i="1"/>
  <c r="AVJ7" i="1"/>
  <c r="AVI7" i="1"/>
  <c r="AVH7" i="1"/>
  <c r="AVG7" i="1"/>
  <c r="AVF7" i="1"/>
  <c r="AVE7" i="1"/>
  <c r="AVD7" i="1"/>
  <c r="AVC7" i="1"/>
  <c r="AVB7" i="1"/>
  <c r="AVA7" i="1"/>
  <c r="AUZ7" i="1"/>
  <c r="AUY7" i="1"/>
  <c r="AUX7" i="1"/>
  <c r="AUW7" i="1"/>
  <c r="AUV7" i="1"/>
  <c r="AUU7" i="1"/>
  <c r="AUT7" i="1"/>
  <c r="AUS7" i="1"/>
  <c r="AUR7" i="1"/>
  <c r="AUQ7" i="1"/>
  <c r="AUP7" i="1"/>
  <c r="AUO7" i="1"/>
  <c r="AUN7" i="1"/>
  <c r="AUM7" i="1"/>
  <c r="AUL7" i="1"/>
  <c r="AUK7" i="1"/>
  <c r="AUJ7" i="1"/>
  <c r="AUI7" i="1"/>
  <c r="AUH7" i="1"/>
  <c r="AUG7" i="1"/>
  <c r="AUF7" i="1"/>
  <c r="AUE7" i="1"/>
  <c r="AUD7" i="1"/>
  <c r="AUC7" i="1"/>
  <c r="AUB7" i="1"/>
  <c r="AUA7" i="1"/>
  <c r="ATZ7" i="1"/>
  <c r="ATY7" i="1"/>
  <c r="ATX7" i="1"/>
  <c r="ATW7" i="1"/>
  <c r="ATV7" i="1"/>
  <c r="ATU7" i="1"/>
  <c r="ATT7" i="1"/>
  <c r="ATS7" i="1"/>
  <c r="ATR7" i="1"/>
  <c r="ATQ7" i="1"/>
  <c r="ATP7" i="1"/>
  <c r="ATO7" i="1"/>
  <c r="ATN7" i="1"/>
  <c r="ATM7" i="1"/>
  <c r="ATL7" i="1"/>
  <c r="ATK7" i="1"/>
  <c r="ATJ7" i="1"/>
  <c r="ATI7" i="1"/>
  <c r="ATH7" i="1"/>
  <c r="ATG7" i="1"/>
  <c r="ATF7" i="1"/>
  <c r="ATE7" i="1"/>
  <c r="ATD7" i="1"/>
  <c r="ATC7" i="1"/>
  <c r="ATB7" i="1"/>
  <c r="ATA7" i="1"/>
  <c r="ASZ7" i="1"/>
  <c r="ASY7" i="1"/>
  <c r="ASX7" i="1"/>
  <c r="ASW7" i="1"/>
  <c r="ASV7" i="1"/>
  <c r="ASU7" i="1"/>
  <c r="AST7" i="1"/>
  <c r="ASS7" i="1"/>
  <c r="ASR7" i="1"/>
  <c r="ASQ7" i="1"/>
  <c r="ASP7" i="1"/>
  <c r="ASO7" i="1"/>
  <c r="ASN7" i="1"/>
  <c r="ASM7" i="1"/>
  <c r="ASL7" i="1"/>
  <c r="ASK7" i="1"/>
  <c r="ASJ7" i="1"/>
  <c r="ASI7" i="1"/>
  <c r="ASH7" i="1"/>
  <c r="ASG7" i="1"/>
  <c r="ASF7" i="1"/>
  <c r="ASE7" i="1"/>
  <c r="ASD7" i="1"/>
  <c r="ASC7" i="1"/>
  <c r="ASB7" i="1"/>
  <c r="ASA7" i="1"/>
  <c r="ARZ7" i="1"/>
  <c r="ARY7" i="1"/>
  <c r="ARX7" i="1"/>
  <c r="ARW7" i="1"/>
  <c r="ARV7" i="1"/>
  <c r="ARU7" i="1"/>
  <c r="ART7" i="1"/>
  <c r="ARS7" i="1"/>
  <c r="ARR7" i="1"/>
  <c r="ARQ7" i="1"/>
  <c r="ARP7" i="1"/>
  <c r="ARO7" i="1"/>
  <c r="ARN7" i="1"/>
  <c r="ARM7" i="1"/>
  <c r="ARL7" i="1"/>
  <c r="ARK7" i="1"/>
  <c r="ARJ7" i="1"/>
  <c r="ARI7" i="1"/>
  <c r="ARH7" i="1"/>
  <c r="ARG7" i="1"/>
  <c r="ARF7" i="1"/>
  <c r="ARE7" i="1"/>
  <c r="ARD7" i="1"/>
  <c r="ARC7" i="1"/>
  <c r="ARB7" i="1"/>
  <c r="ARA7" i="1"/>
  <c r="AQZ7" i="1"/>
  <c r="AQY7" i="1"/>
  <c r="AQX7" i="1"/>
  <c r="AQW7" i="1"/>
  <c r="AQV7" i="1"/>
  <c r="AQU7" i="1"/>
  <c r="AQT7" i="1"/>
  <c r="AQS7" i="1"/>
  <c r="AQR7" i="1"/>
  <c r="AQQ7" i="1"/>
  <c r="AQP7" i="1"/>
  <c r="AQO7" i="1"/>
  <c r="AQN7" i="1"/>
  <c r="AQM7" i="1"/>
  <c r="AQL7" i="1"/>
  <c r="AQK7" i="1"/>
  <c r="AQJ7" i="1"/>
  <c r="AQI7" i="1"/>
  <c r="AQH7" i="1"/>
  <c r="AQG7" i="1"/>
  <c r="AQF7" i="1"/>
  <c r="AQE7" i="1"/>
  <c r="AQD7" i="1"/>
  <c r="AQC7" i="1"/>
  <c r="AQB7" i="1"/>
  <c r="AQA7" i="1"/>
  <c r="APZ7" i="1"/>
  <c r="APY7" i="1"/>
  <c r="APX7" i="1"/>
  <c r="APW7" i="1"/>
  <c r="APV7" i="1"/>
  <c r="APU7" i="1"/>
  <c r="APT7" i="1"/>
  <c r="APS7" i="1"/>
  <c r="APR7" i="1"/>
  <c r="APQ7" i="1"/>
  <c r="APP7" i="1"/>
  <c r="APO7" i="1"/>
  <c r="APN7" i="1"/>
  <c r="APM7" i="1"/>
  <c r="APL7" i="1"/>
  <c r="APK7" i="1"/>
  <c r="APJ7" i="1"/>
  <c r="API7" i="1"/>
  <c r="APH7" i="1"/>
  <c r="APG7" i="1"/>
  <c r="APF7" i="1"/>
  <c r="APE7" i="1"/>
  <c r="APD7" i="1"/>
  <c r="APC7" i="1"/>
  <c r="APB7" i="1"/>
  <c r="APA7" i="1"/>
  <c r="AOZ7" i="1"/>
  <c r="AOY7" i="1"/>
  <c r="AOX7" i="1"/>
  <c r="AOW7" i="1"/>
  <c r="AOV7" i="1"/>
  <c r="AOU7" i="1"/>
  <c r="AOT7" i="1"/>
  <c r="AOS7" i="1"/>
  <c r="AOR7" i="1"/>
  <c r="AOQ7" i="1"/>
  <c r="AOP7" i="1"/>
  <c r="AOO7" i="1"/>
  <c r="AON7" i="1"/>
  <c r="AOM7" i="1"/>
  <c r="AOL7" i="1"/>
  <c r="AOK7" i="1"/>
  <c r="AOJ7" i="1"/>
  <c r="AOI7" i="1"/>
  <c r="AOH7" i="1"/>
  <c r="AOG7" i="1"/>
  <c r="AOF7" i="1"/>
  <c r="AOE7" i="1"/>
  <c r="AOD7" i="1"/>
  <c r="AOC7" i="1"/>
  <c r="AOB7" i="1"/>
  <c r="AOA7" i="1"/>
  <c r="ANZ7" i="1"/>
  <c r="ANY7" i="1"/>
  <c r="ANX7" i="1"/>
  <c r="ANW7" i="1"/>
  <c r="ANV7" i="1"/>
  <c r="ANU7" i="1"/>
  <c r="ANT7" i="1"/>
  <c r="ANS7" i="1"/>
  <c r="ANR7" i="1"/>
  <c r="ANQ7" i="1"/>
  <c r="ANP7" i="1"/>
  <c r="ANO7" i="1"/>
  <c r="ANN7" i="1"/>
  <c r="ANM7" i="1"/>
  <c r="ANL7" i="1"/>
  <c r="ANK7" i="1"/>
  <c r="ANJ7" i="1"/>
  <c r="ANI7" i="1"/>
  <c r="ANH7" i="1"/>
  <c r="ANG7" i="1"/>
  <c r="ANF7" i="1"/>
  <c r="ANE7" i="1"/>
  <c r="AND7" i="1"/>
  <c r="ANC7" i="1"/>
  <c r="ANB7" i="1"/>
  <c r="ANA7" i="1"/>
  <c r="AMZ7" i="1"/>
  <c r="AMY7" i="1"/>
  <c r="AMX7" i="1"/>
  <c r="AMW7" i="1"/>
  <c r="AMV7" i="1"/>
  <c r="AMU7" i="1"/>
  <c r="AMT7" i="1"/>
  <c r="AMS7" i="1"/>
  <c r="AMR7" i="1"/>
  <c r="AMQ7" i="1"/>
  <c r="AMP7" i="1"/>
  <c r="AMO7" i="1"/>
  <c r="AMN7" i="1"/>
  <c r="AMM7" i="1"/>
  <c r="AML7" i="1"/>
  <c r="AMK7" i="1"/>
  <c r="AMJ7" i="1"/>
  <c r="AMI7" i="1"/>
  <c r="AMH7" i="1"/>
  <c r="AMG7" i="1"/>
  <c r="AMF7" i="1"/>
  <c r="AME7" i="1"/>
  <c r="AMD7" i="1"/>
  <c r="AMC7" i="1"/>
  <c r="AMB7" i="1"/>
  <c r="AMA7" i="1"/>
  <c r="ALZ7" i="1"/>
  <c r="ALY7" i="1"/>
  <c r="ALX7" i="1"/>
  <c r="ALW7" i="1"/>
  <c r="ALV7" i="1"/>
  <c r="ALU7" i="1"/>
  <c r="ALT7" i="1"/>
  <c r="ALS7" i="1"/>
  <c r="ALR7" i="1"/>
  <c r="ALQ7" i="1"/>
  <c r="ALP7" i="1"/>
  <c r="ALO7" i="1"/>
  <c r="ALN7" i="1"/>
  <c r="ALM7" i="1"/>
  <c r="ALL7" i="1"/>
  <c r="ALK7" i="1"/>
  <c r="ALJ7" i="1"/>
  <c r="ALI7" i="1"/>
  <c r="ALH7" i="1"/>
  <c r="ALG7" i="1"/>
  <c r="ALF7" i="1"/>
  <c r="ALE7" i="1"/>
  <c r="ALD7" i="1"/>
  <c r="ALC7" i="1"/>
  <c r="ALB7" i="1"/>
  <c r="ALA7" i="1"/>
  <c r="AKZ7" i="1"/>
  <c r="AKY7" i="1"/>
  <c r="AKX7" i="1"/>
  <c r="AKW7" i="1"/>
  <c r="AKV7" i="1"/>
  <c r="AKU7" i="1"/>
  <c r="AKT7" i="1"/>
  <c r="AKS7" i="1"/>
  <c r="AKR7" i="1"/>
  <c r="AKQ7" i="1"/>
  <c r="AKP7" i="1"/>
  <c r="AKO7" i="1"/>
  <c r="AKN7" i="1"/>
  <c r="AKM7" i="1"/>
  <c r="AKL7" i="1"/>
  <c r="AKK7" i="1"/>
  <c r="AKJ7" i="1"/>
  <c r="AKI7" i="1"/>
  <c r="AKH7" i="1"/>
  <c r="AKG7" i="1"/>
  <c r="AKF7" i="1"/>
  <c r="AKE7" i="1"/>
  <c r="AKD7" i="1"/>
  <c r="AKC7" i="1"/>
  <c r="AKB7" i="1"/>
  <c r="AKA7" i="1"/>
  <c r="AJZ7" i="1"/>
  <c r="AJY7" i="1"/>
  <c r="AJX7" i="1"/>
  <c r="AJW7" i="1"/>
  <c r="AJV7" i="1"/>
  <c r="AJU7" i="1"/>
  <c r="AJT7" i="1"/>
  <c r="AJS7" i="1"/>
  <c r="AJR7" i="1"/>
  <c r="AJQ7" i="1"/>
  <c r="AJP7" i="1"/>
  <c r="AJO7" i="1"/>
  <c r="AJN7" i="1"/>
  <c r="AJM7" i="1"/>
  <c r="AJL7" i="1"/>
  <c r="AJK7" i="1"/>
  <c r="AJJ7" i="1"/>
  <c r="AJI7" i="1"/>
  <c r="AJH7" i="1"/>
  <c r="AJG7" i="1"/>
  <c r="AJF7" i="1"/>
  <c r="AJE7" i="1"/>
  <c r="AJD7" i="1"/>
  <c r="AJC7" i="1"/>
  <c r="AJB7" i="1"/>
  <c r="AJA7" i="1"/>
  <c r="AIZ7" i="1"/>
  <c r="AIY7" i="1"/>
  <c r="AIX7" i="1"/>
  <c r="AIW7" i="1"/>
  <c r="AIV7" i="1"/>
  <c r="AIU7" i="1"/>
  <c r="AIT7" i="1"/>
  <c r="AIS7" i="1"/>
  <c r="AIR7" i="1"/>
  <c r="AIQ7" i="1"/>
  <c r="AIP7" i="1"/>
  <c r="AIO7" i="1"/>
  <c r="AIN7" i="1"/>
  <c r="AIM7" i="1"/>
  <c r="AIL7" i="1"/>
  <c r="AIK7" i="1"/>
  <c r="AIJ7" i="1"/>
  <c r="AII7" i="1"/>
  <c r="AIH7" i="1"/>
  <c r="AIG7" i="1"/>
  <c r="AIF7" i="1"/>
  <c r="AIE7" i="1"/>
  <c r="AID7" i="1"/>
  <c r="AIC7" i="1"/>
  <c r="AIB7" i="1"/>
  <c r="AIA7" i="1"/>
  <c r="AHZ7" i="1"/>
  <c r="AHY7" i="1"/>
  <c r="AHX7" i="1"/>
  <c r="AHW7" i="1"/>
  <c r="AHV7" i="1"/>
  <c r="AHU7" i="1"/>
  <c r="AHT7" i="1"/>
  <c r="AHS7" i="1"/>
  <c r="AHR7" i="1"/>
  <c r="AHQ7" i="1"/>
  <c r="AHP7" i="1"/>
  <c r="AHO7" i="1"/>
  <c r="AHN7" i="1"/>
  <c r="AHM7" i="1"/>
  <c r="AHL7" i="1"/>
  <c r="AHK7" i="1"/>
  <c r="AHJ7" i="1"/>
  <c r="AHI7" i="1"/>
  <c r="AHH7" i="1"/>
  <c r="AHG7" i="1"/>
  <c r="AHF7" i="1"/>
  <c r="AHE7" i="1"/>
  <c r="AHD7" i="1"/>
  <c r="AHC7" i="1"/>
  <c r="AHB7" i="1"/>
  <c r="AHA7" i="1"/>
  <c r="AGZ7" i="1"/>
  <c r="AGY7" i="1"/>
  <c r="AGX7" i="1"/>
  <c r="AGW7" i="1"/>
  <c r="AGV7" i="1"/>
  <c r="AGU7" i="1"/>
  <c r="AGT7" i="1"/>
  <c r="AGS7" i="1"/>
  <c r="AGR7" i="1"/>
  <c r="AGQ7" i="1"/>
  <c r="AGP7" i="1"/>
  <c r="AGO7" i="1"/>
  <c r="AGN7" i="1"/>
  <c r="AGM7" i="1"/>
  <c r="AGL7" i="1"/>
  <c r="AGK7" i="1"/>
  <c r="AGJ7" i="1"/>
  <c r="AGI7" i="1"/>
  <c r="AGH7" i="1"/>
  <c r="AGG7" i="1"/>
  <c r="AGF7" i="1"/>
  <c r="AGE7" i="1"/>
  <c r="AGD7" i="1"/>
  <c r="AGC7" i="1"/>
  <c r="AGB7" i="1"/>
  <c r="AGA7" i="1"/>
  <c r="AFZ7" i="1"/>
  <c r="AFY7" i="1"/>
  <c r="AFX7" i="1"/>
  <c r="AFW7" i="1"/>
  <c r="AFV7" i="1"/>
  <c r="AFU7" i="1"/>
  <c r="AFT7" i="1"/>
  <c r="AFS7" i="1"/>
  <c r="AFR7" i="1"/>
  <c r="AFQ7" i="1"/>
  <c r="AFP7" i="1"/>
  <c r="AFO7" i="1"/>
  <c r="AFN7" i="1"/>
  <c r="AFM7" i="1"/>
  <c r="AFL7" i="1"/>
  <c r="AFK7" i="1"/>
  <c r="AFJ7" i="1"/>
  <c r="AFI7" i="1"/>
  <c r="AFH7" i="1"/>
  <c r="AFG7" i="1"/>
  <c r="AFF7" i="1"/>
  <c r="AFE7" i="1"/>
  <c r="AFD7" i="1"/>
  <c r="AFC7" i="1"/>
  <c r="AFB7" i="1"/>
  <c r="AFA7" i="1"/>
  <c r="AEZ7" i="1"/>
  <c r="AEY7" i="1"/>
  <c r="AEX7" i="1"/>
  <c r="AEW7" i="1"/>
  <c r="AEV7" i="1"/>
  <c r="AEU7" i="1"/>
  <c r="AET7" i="1"/>
  <c r="AES7" i="1"/>
  <c r="AER7" i="1"/>
  <c r="AEQ7" i="1"/>
  <c r="AEP7" i="1"/>
  <c r="AEO7" i="1"/>
  <c r="AEN7" i="1"/>
  <c r="AEM7" i="1"/>
  <c r="AEL7" i="1"/>
  <c r="AEK7" i="1"/>
  <c r="AEJ7" i="1"/>
  <c r="AEI7" i="1"/>
  <c r="AEH7" i="1"/>
  <c r="AEG7" i="1"/>
  <c r="AEF7" i="1"/>
  <c r="AEE7" i="1"/>
  <c r="AED7" i="1"/>
  <c r="AEC7" i="1"/>
  <c r="AEB7" i="1"/>
  <c r="AEA7" i="1"/>
  <c r="ADZ7" i="1"/>
  <c r="ADY7" i="1"/>
  <c r="ADX7" i="1"/>
  <c r="ADW7" i="1"/>
  <c r="ADV7" i="1"/>
  <c r="ADU7" i="1"/>
  <c r="ADT7" i="1"/>
  <c r="ADS7" i="1"/>
  <c r="ADR7" i="1"/>
  <c r="ADQ7" i="1"/>
  <c r="ADP7" i="1"/>
  <c r="ADO7" i="1"/>
  <c r="ADN7" i="1"/>
  <c r="ADM7" i="1"/>
  <c r="ADL7" i="1"/>
  <c r="ADK7" i="1"/>
  <c r="ADJ7" i="1"/>
  <c r="ADI7" i="1"/>
  <c r="ADH7" i="1"/>
  <c r="ADG7" i="1"/>
  <c r="ADF7" i="1"/>
  <c r="ADE7" i="1"/>
  <c r="ADD7" i="1"/>
  <c r="ADC7" i="1"/>
  <c r="ADB7" i="1"/>
  <c r="ADA7" i="1"/>
  <c r="ACZ7" i="1"/>
  <c r="ACY7" i="1"/>
  <c r="ACX7" i="1"/>
  <c r="ACW7" i="1"/>
  <c r="ACV7" i="1"/>
  <c r="ACU7" i="1"/>
  <c r="ACT7" i="1"/>
  <c r="ACS7" i="1"/>
  <c r="ACR7" i="1"/>
  <c r="ACQ7" i="1"/>
  <c r="ACP7" i="1"/>
  <c r="ACO7" i="1"/>
  <c r="ACN7" i="1"/>
  <c r="ACM7" i="1"/>
  <c r="ACL7" i="1"/>
  <c r="ACK7" i="1"/>
  <c r="ACJ7" i="1"/>
  <c r="ACI7" i="1"/>
  <c r="ACH7" i="1"/>
  <c r="ACG7" i="1"/>
  <c r="ACF7" i="1"/>
  <c r="ACE7" i="1"/>
  <c r="ACD7" i="1"/>
  <c r="ACC7" i="1"/>
  <c r="ACB7" i="1"/>
  <c r="ACA7" i="1"/>
  <c r="ABZ7" i="1"/>
  <c r="ABY7" i="1"/>
  <c r="ABX7" i="1"/>
  <c r="ABW7" i="1"/>
  <c r="ABV7" i="1"/>
  <c r="ABU7" i="1"/>
  <c r="ABT7" i="1"/>
  <c r="ABS7" i="1"/>
  <c r="ABR7" i="1"/>
  <c r="ABQ7" i="1"/>
  <c r="ABP7" i="1"/>
  <c r="ABO7" i="1"/>
  <c r="ABN7" i="1"/>
  <c r="ABM7" i="1"/>
  <c r="ABL7" i="1"/>
  <c r="ABK7" i="1"/>
  <c r="ABJ7" i="1"/>
  <c r="ABI7" i="1"/>
  <c r="ABH7" i="1"/>
  <c r="ABG7" i="1"/>
  <c r="ABF7" i="1"/>
  <c r="ABE7" i="1"/>
  <c r="ABD7" i="1"/>
  <c r="ABC7" i="1"/>
  <c r="ABB7" i="1"/>
  <c r="ABA7" i="1"/>
  <c r="AAZ7" i="1"/>
  <c r="AAY7" i="1"/>
  <c r="AAX7" i="1"/>
  <c r="AAW7" i="1"/>
  <c r="AAV7" i="1"/>
  <c r="AAU7" i="1"/>
  <c r="AAT7" i="1"/>
  <c r="AAS7" i="1"/>
  <c r="AAR7" i="1"/>
  <c r="AAQ7" i="1"/>
  <c r="AAP7" i="1"/>
  <c r="AAO7" i="1"/>
  <c r="AAN7" i="1"/>
  <c r="AAM7" i="1"/>
  <c r="AAL7" i="1"/>
  <c r="AAK7" i="1"/>
  <c r="AAJ7" i="1"/>
  <c r="AAI7" i="1"/>
  <c r="AAH7" i="1"/>
  <c r="AAG7" i="1"/>
  <c r="AAF7" i="1"/>
  <c r="AAE7" i="1"/>
  <c r="AAD7" i="1"/>
  <c r="AAC7" i="1"/>
  <c r="AAB7" i="1"/>
  <c r="AAA7" i="1"/>
  <c r="ZZ7" i="1"/>
  <c r="ZY7" i="1"/>
  <c r="ZX7" i="1"/>
  <c r="ZW7" i="1"/>
  <c r="ZV7" i="1"/>
  <c r="ZU7" i="1"/>
  <c r="ZT7" i="1"/>
  <c r="ZS7" i="1"/>
  <c r="ZR7" i="1"/>
  <c r="ZQ7" i="1"/>
  <c r="ZP7" i="1"/>
  <c r="ZO7" i="1"/>
  <c r="ZN7" i="1"/>
  <c r="ZM7" i="1"/>
  <c r="ZL7" i="1"/>
  <c r="ZK7" i="1"/>
  <c r="ZJ7" i="1"/>
  <c r="ZI7" i="1"/>
  <c r="ZH7" i="1"/>
  <c r="ZG7" i="1"/>
  <c r="ZF7" i="1"/>
  <c r="ZE7" i="1"/>
  <c r="ZD7" i="1"/>
  <c r="ZC7" i="1"/>
  <c r="ZB7" i="1"/>
  <c r="ZA7" i="1"/>
  <c r="YZ7" i="1"/>
  <c r="YY7" i="1"/>
  <c r="YX7" i="1"/>
  <c r="YW7" i="1"/>
  <c r="YV7" i="1"/>
  <c r="YU7" i="1"/>
  <c r="YT7" i="1"/>
  <c r="YS7" i="1"/>
  <c r="YR7" i="1"/>
  <c r="YQ7" i="1"/>
  <c r="YP7" i="1"/>
  <c r="YO7" i="1"/>
  <c r="YN7" i="1"/>
  <c r="YM7" i="1"/>
  <c r="YL7" i="1"/>
  <c r="YK7" i="1"/>
  <c r="YJ7" i="1"/>
  <c r="YI7" i="1"/>
  <c r="YH7" i="1"/>
  <c r="YG7" i="1"/>
  <c r="YF7" i="1"/>
  <c r="YE7" i="1"/>
  <c r="YD7" i="1"/>
  <c r="YC7" i="1"/>
  <c r="YB7" i="1"/>
  <c r="YA7" i="1"/>
  <c r="XZ7" i="1"/>
  <c r="XY7" i="1"/>
  <c r="XX7" i="1"/>
  <c r="XW7" i="1"/>
  <c r="XV7" i="1"/>
  <c r="XU7" i="1"/>
  <c r="XT7" i="1"/>
  <c r="XS7" i="1"/>
  <c r="XR7" i="1"/>
  <c r="XQ7" i="1"/>
  <c r="XP7" i="1"/>
  <c r="XO7" i="1"/>
  <c r="XN7" i="1"/>
  <c r="XM7" i="1"/>
  <c r="XL7" i="1"/>
  <c r="XK7" i="1"/>
  <c r="XJ7" i="1"/>
  <c r="XI7" i="1"/>
  <c r="XH7" i="1"/>
  <c r="XG7" i="1"/>
  <c r="XF7" i="1"/>
  <c r="XE7" i="1"/>
  <c r="XD7" i="1"/>
  <c r="XC7" i="1"/>
  <c r="XB7" i="1"/>
  <c r="XA7" i="1"/>
  <c r="WZ7" i="1"/>
  <c r="WY7" i="1"/>
  <c r="WX7" i="1"/>
  <c r="WW7" i="1"/>
  <c r="WV7" i="1"/>
  <c r="WU7" i="1"/>
  <c r="WT7" i="1"/>
  <c r="WS7" i="1"/>
  <c r="WR7" i="1"/>
  <c r="WQ7" i="1"/>
  <c r="WP7" i="1"/>
  <c r="WO7" i="1"/>
  <c r="WN7" i="1"/>
  <c r="WM7" i="1"/>
  <c r="WL7" i="1"/>
  <c r="WK7" i="1"/>
  <c r="WJ7" i="1"/>
  <c r="WI7" i="1"/>
  <c r="WH7" i="1"/>
  <c r="WG7" i="1"/>
  <c r="WF7" i="1"/>
  <c r="WE7" i="1"/>
  <c r="WD7" i="1"/>
  <c r="WC7" i="1"/>
  <c r="WB7" i="1"/>
  <c r="WA7" i="1"/>
  <c r="VZ7" i="1"/>
  <c r="VY7" i="1"/>
  <c r="VX7" i="1"/>
  <c r="VW7" i="1"/>
  <c r="VV7" i="1"/>
  <c r="VU7" i="1"/>
  <c r="VT7" i="1"/>
  <c r="VS7" i="1"/>
  <c r="VR7" i="1"/>
  <c r="VQ7" i="1"/>
  <c r="VP7" i="1"/>
  <c r="VO7" i="1"/>
  <c r="VN7" i="1"/>
  <c r="VM7" i="1"/>
  <c r="VL7" i="1"/>
  <c r="VK7" i="1"/>
  <c r="VJ7" i="1"/>
  <c r="VI7" i="1"/>
  <c r="VH7" i="1"/>
  <c r="VG7" i="1"/>
  <c r="VF7" i="1"/>
  <c r="VE7" i="1"/>
  <c r="VD7" i="1"/>
  <c r="VC7" i="1"/>
  <c r="VB7" i="1"/>
  <c r="VA7" i="1"/>
  <c r="UZ7" i="1"/>
  <c r="UY7" i="1"/>
  <c r="UX7" i="1"/>
  <c r="UW7" i="1"/>
  <c r="UV7" i="1"/>
  <c r="UU7" i="1"/>
  <c r="UT7" i="1"/>
  <c r="US7" i="1"/>
  <c r="UR7" i="1"/>
  <c r="UQ7" i="1"/>
  <c r="UP7" i="1"/>
  <c r="UO7" i="1"/>
  <c r="UN7" i="1"/>
  <c r="UM7" i="1"/>
  <c r="UL7" i="1"/>
  <c r="UK7" i="1"/>
  <c r="UJ7" i="1"/>
  <c r="UI7" i="1"/>
  <c r="UH7" i="1"/>
  <c r="UG7" i="1"/>
  <c r="UF7" i="1"/>
  <c r="UE7" i="1"/>
  <c r="UD7" i="1"/>
  <c r="UC7" i="1"/>
  <c r="UB7" i="1"/>
  <c r="UA7" i="1"/>
  <c r="TZ7" i="1"/>
  <c r="TY7" i="1"/>
  <c r="TX7" i="1"/>
  <c r="TW7" i="1"/>
  <c r="TV7" i="1"/>
  <c r="TU7" i="1"/>
  <c r="TT7" i="1"/>
  <c r="TS7" i="1"/>
  <c r="TR7" i="1"/>
  <c r="TQ7" i="1"/>
  <c r="TP7" i="1"/>
  <c r="TO7" i="1"/>
  <c r="TN7" i="1"/>
  <c r="TM7" i="1"/>
  <c r="TL7" i="1"/>
  <c r="TK7" i="1"/>
  <c r="TJ7" i="1"/>
  <c r="TI7" i="1"/>
  <c r="TH7" i="1"/>
  <c r="TG7" i="1"/>
  <c r="TF7" i="1"/>
  <c r="TE7" i="1"/>
  <c r="TD7" i="1"/>
  <c r="TC7" i="1"/>
  <c r="TB7" i="1"/>
  <c r="TA7" i="1"/>
  <c r="SZ7" i="1"/>
  <c r="SY7" i="1"/>
  <c r="SX7" i="1"/>
  <c r="SW7" i="1"/>
  <c r="SV7" i="1"/>
  <c r="SU7" i="1"/>
  <c r="ST7" i="1"/>
  <c r="SS7" i="1"/>
  <c r="SR7" i="1"/>
  <c r="SQ7" i="1"/>
  <c r="SP7" i="1"/>
  <c r="SO7" i="1"/>
  <c r="SN7" i="1"/>
  <c r="SM7" i="1"/>
  <c r="SL7" i="1"/>
  <c r="SK7" i="1"/>
  <c r="SJ7" i="1"/>
  <c r="SI7" i="1"/>
  <c r="SH7" i="1"/>
  <c r="SG7" i="1"/>
  <c r="SF7" i="1"/>
  <c r="SE7" i="1"/>
  <c r="SD7" i="1"/>
  <c r="SC7" i="1"/>
  <c r="SB7" i="1"/>
  <c r="SA7" i="1"/>
  <c r="RZ7" i="1"/>
  <c r="RY7" i="1"/>
  <c r="RX7" i="1"/>
  <c r="RW7" i="1"/>
  <c r="RV7" i="1"/>
  <c r="RU7" i="1"/>
  <c r="RT7" i="1"/>
  <c r="RS7" i="1"/>
  <c r="RR7" i="1"/>
  <c r="RQ7" i="1"/>
  <c r="RP7" i="1"/>
  <c r="RO7" i="1"/>
  <c r="RN7" i="1"/>
  <c r="RM7" i="1"/>
  <c r="RL7" i="1"/>
  <c r="RK7" i="1"/>
  <c r="RJ7" i="1"/>
  <c r="RI7" i="1"/>
  <c r="RH7" i="1"/>
  <c r="RG7" i="1"/>
  <c r="RF7" i="1"/>
  <c r="RE7" i="1"/>
  <c r="RD7" i="1"/>
  <c r="RC7" i="1"/>
  <c r="RB7" i="1"/>
  <c r="RA7" i="1"/>
  <c r="QZ7" i="1"/>
  <c r="QY7" i="1"/>
  <c r="QX7" i="1"/>
  <c r="QW7" i="1"/>
  <c r="QV7" i="1"/>
  <c r="QU7" i="1"/>
  <c r="QT7" i="1"/>
  <c r="QS7" i="1"/>
  <c r="QR7" i="1"/>
  <c r="QQ7" i="1"/>
  <c r="QP7" i="1"/>
  <c r="QO7" i="1"/>
  <c r="QN7" i="1"/>
  <c r="QM7" i="1"/>
  <c r="QL7" i="1"/>
  <c r="QK7" i="1"/>
  <c r="QJ7" i="1"/>
  <c r="QI7" i="1"/>
  <c r="QH7" i="1"/>
  <c r="QG7" i="1"/>
  <c r="QF7" i="1"/>
  <c r="QE7" i="1"/>
  <c r="QD7" i="1"/>
  <c r="QC7" i="1"/>
  <c r="QB7" i="1"/>
  <c r="QA7" i="1"/>
  <c r="PZ7" i="1"/>
  <c r="PY7" i="1"/>
  <c r="PX7" i="1"/>
  <c r="PW7" i="1"/>
  <c r="PV7" i="1"/>
  <c r="PU7" i="1"/>
  <c r="PT7" i="1"/>
  <c r="PS7" i="1"/>
  <c r="PR7" i="1"/>
  <c r="PQ7" i="1"/>
  <c r="PP7" i="1"/>
  <c r="PO7" i="1"/>
  <c r="PN7" i="1"/>
  <c r="PM7" i="1"/>
  <c r="PL7" i="1"/>
  <c r="PK7" i="1"/>
  <c r="PJ7" i="1"/>
  <c r="PI7" i="1"/>
  <c r="PH7" i="1"/>
  <c r="PG7" i="1"/>
  <c r="PF7" i="1"/>
  <c r="PE7" i="1"/>
  <c r="PD7" i="1"/>
  <c r="PC7" i="1"/>
  <c r="PB7" i="1"/>
  <c r="PA7" i="1"/>
  <c r="OZ7" i="1"/>
  <c r="OY7" i="1"/>
  <c r="OX7" i="1"/>
  <c r="OW7" i="1"/>
  <c r="OV7" i="1"/>
  <c r="OU7" i="1"/>
  <c r="OT7" i="1"/>
  <c r="OS7" i="1"/>
  <c r="OR7" i="1"/>
  <c r="OQ7" i="1"/>
  <c r="OP7" i="1"/>
  <c r="OO7" i="1"/>
  <c r="ON7" i="1"/>
  <c r="OM7" i="1"/>
  <c r="OL7" i="1"/>
  <c r="OK7" i="1"/>
  <c r="OJ7" i="1"/>
  <c r="OI7" i="1"/>
  <c r="OH7" i="1"/>
  <c r="OG7" i="1"/>
  <c r="OF7" i="1"/>
  <c r="OE7" i="1"/>
  <c r="OD7" i="1"/>
  <c r="OC7" i="1"/>
  <c r="OB7" i="1"/>
  <c r="OA7" i="1"/>
  <c r="NZ7" i="1"/>
  <c r="NY7" i="1"/>
  <c r="NX7" i="1"/>
  <c r="NW7" i="1"/>
  <c r="NV7" i="1"/>
  <c r="NU7" i="1"/>
  <c r="NT7" i="1"/>
  <c r="NS7" i="1"/>
  <c r="NR7" i="1"/>
  <c r="NQ7" i="1"/>
  <c r="NP7" i="1"/>
  <c r="NO7" i="1"/>
  <c r="NN7" i="1"/>
  <c r="NM7" i="1"/>
  <c r="NL7" i="1"/>
  <c r="NK7" i="1"/>
  <c r="NJ7" i="1"/>
  <c r="NI7" i="1"/>
  <c r="NH7" i="1"/>
  <c r="NG7" i="1"/>
  <c r="NF7" i="1"/>
  <c r="NE7" i="1"/>
  <c r="ND7" i="1"/>
  <c r="NC7" i="1"/>
  <c r="NB7" i="1"/>
  <c r="NA7" i="1"/>
  <c r="MZ7" i="1"/>
  <c r="MY7" i="1"/>
  <c r="MX7" i="1"/>
  <c r="MW7" i="1"/>
  <c r="MV7" i="1"/>
  <c r="MU7" i="1"/>
  <c r="MT7" i="1"/>
  <c r="MS7" i="1"/>
  <c r="MR7" i="1"/>
  <c r="MQ7" i="1"/>
  <c r="MP7" i="1"/>
  <c r="MO7" i="1"/>
  <c r="MN7" i="1"/>
  <c r="MM7" i="1"/>
  <c r="ML7" i="1"/>
  <c r="MK7" i="1"/>
  <c r="MJ7" i="1"/>
  <c r="MI7" i="1"/>
  <c r="MH7" i="1"/>
  <c r="MG7" i="1"/>
  <c r="MF7" i="1"/>
  <c r="ME7" i="1"/>
  <c r="MD7" i="1"/>
  <c r="MC7" i="1"/>
  <c r="MB7" i="1"/>
  <c r="MA7" i="1"/>
  <c r="LZ7" i="1"/>
  <c r="LY7" i="1"/>
  <c r="LX7" i="1"/>
  <c r="LW7" i="1"/>
  <c r="LV7" i="1"/>
  <c r="LU7" i="1"/>
  <c r="LT7" i="1"/>
  <c r="LS7" i="1"/>
  <c r="LR7" i="1"/>
  <c r="LQ7" i="1"/>
  <c r="LP7" i="1"/>
  <c r="LO7" i="1"/>
  <c r="LN7" i="1"/>
  <c r="LM7" i="1"/>
  <c r="LL7" i="1"/>
  <c r="LK7" i="1"/>
  <c r="LJ7" i="1"/>
  <c r="LI7" i="1"/>
  <c r="LH7" i="1"/>
  <c r="LG7" i="1"/>
  <c r="LF7" i="1"/>
  <c r="LE7" i="1"/>
  <c r="LD7" i="1"/>
  <c r="LC7" i="1"/>
  <c r="LB7" i="1"/>
  <c r="LA7" i="1"/>
  <c r="KZ7" i="1"/>
  <c r="KY7" i="1"/>
  <c r="KX7" i="1"/>
  <c r="KW7" i="1"/>
  <c r="KV7" i="1"/>
  <c r="KU7" i="1"/>
  <c r="KT7" i="1"/>
  <c r="KS7" i="1"/>
  <c r="KR7" i="1"/>
  <c r="KQ7" i="1"/>
  <c r="KP7" i="1"/>
  <c r="KO7" i="1"/>
  <c r="KN7" i="1"/>
  <c r="KM7" i="1"/>
  <c r="KL7" i="1"/>
  <c r="KK7" i="1"/>
  <c r="KJ7" i="1"/>
  <c r="KI7" i="1"/>
  <c r="KH7" i="1"/>
  <c r="KG7" i="1"/>
  <c r="KF7" i="1"/>
  <c r="KE7" i="1"/>
  <c r="KD7" i="1"/>
  <c r="KC7" i="1"/>
  <c r="KB7" i="1"/>
  <c r="KA7" i="1"/>
  <c r="JZ7" i="1"/>
  <c r="JY7" i="1"/>
  <c r="JX7" i="1"/>
  <c r="JW7" i="1"/>
  <c r="JV7" i="1"/>
  <c r="JU7" i="1"/>
  <c r="JT7" i="1"/>
  <c r="JS7" i="1"/>
  <c r="JR7" i="1"/>
  <c r="JQ7" i="1"/>
  <c r="JP7" i="1"/>
  <c r="JO7" i="1"/>
  <c r="JN7" i="1"/>
  <c r="JM7" i="1"/>
  <c r="JL7" i="1"/>
  <c r="JK7" i="1"/>
  <c r="JJ7" i="1"/>
  <c r="JI7" i="1"/>
  <c r="JH7" i="1"/>
  <c r="JG7" i="1"/>
  <c r="JF7" i="1"/>
  <c r="JE7" i="1"/>
  <c r="JD7" i="1"/>
  <c r="JC7" i="1"/>
  <c r="JB7" i="1"/>
  <c r="JA7" i="1"/>
  <c r="IZ7" i="1"/>
  <c r="IY7" i="1"/>
  <c r="IX7" i="1"/>
  <c r="IW7" i="1"/>
  <c r="IV7" i="1"/>
  <c r="IU7" i="1"/>
  <c r="IT7" i="1"/>
  <c r="IS7" i="1"/>
  <c r="IR7" i="1"/>
  <c r="IQ7" i="1"/>
  <c r="IP7" i="1"/>
  <c r="IO7" i="1"/>
  <c r="IN7" i="1"/>
  <c r="IM7" i="1"/>
  <c r="IL7" i="1"/>
  <c r="IK7" i="1"/>
  <c r="IJ7" i="1"/>
  <c r="II7" i="1"/>
  <c r="IH7" i="1"/>
  <c r="IG7" i="1"/>
  <c r="IF7" i="1"/>
  <c r="IE7" i="1"/>
  <c r="ID7" i="1"/>
  <c r="IC7" i="1"/>
  <c r="IB7" i="1"/>
  <c r="IA7" i="1"/>
  <c r="HZ7" i="1"/>
  <c r="HY7" i="1"/>
  <c r="HX7" i="1"/>
  <c r="HW7" i="1"/>
  <c r="HV7" i="1"/>
  <c r="HU7" i="1"/>
  <c r="HT7" i="1"/>
  <c r="HS7" i="1"/>
  <c r="HR7" i="1"/>
  <c r="HQ7" i="1"/>
  <c r="HP7" i="1"/>
  <c r="HO7" i="1"/>
  <c r="HN7" i="1"/>
  <c r="HM7" i="1"/>
  <c r="HL7" i="1"/>
  <c r="HK7" i="1"/>
  <c r="HJ7" i="1"/>
  <c r="HI7" i="1"/>
  <c r="HH7" i="1"/>
  <c r="HG7" i="1"/>
  <c r="HF7" i="1"/>
  <c r="HE7" i="1"/>
  <c r="HD7" i="1"/>
  <c r="HC7" i="1"/>
  <c r="HB7" i="1"/>
  <c r="HA7" i="1"/>
  <c r="GZ7" i="1"/>
  <c r="GY7" i="1"/>
  <c r="GX7" i="1"/>
  <c r="GW7" i="1"/>
  <c r="GV7" i="1"/>
  <c r="GU7" i="1"/>
  <c r="GT7" i="1"/>
  <c r="GS7" i="1"/>
  <c r="GR7" i="1"/>
  <c r="GQ7" i="1"/>
  <c r="GP7" i="1"/>
  <c r="GO7" i="1"/>
  <c r="GN7" i="1"/>
  <c r="GM7" i="1"/>
  <c r="GL7" i="1"/>
  <c r="GK7" i="1"/>
  <c r="GJ7" i="1"/>
  <c r="GI7" i="1"/>
  <c r="GH7" i="1"/>
  <c r="GG7" i="1"/>
  <c r="GF7" i="1"/>
  <c r="GE7" i="1"/>
  <c r="GD7" i="1"/>
  <c r="GC7" i="1"/>
  <c r="GB7" i="1"/>
  <c r="GA7" i="1"/>
  <c r="FZ7" i="1"/>
  <c r="FY7" i="1"/>
  <c r="FX7" i="1"/>
  <c r="FW7" i="1"/>
  <c r="FV7" i="1"/>
  <c r="FU7" i="1"/>
  <c r="FT7" i="1"/>
  <c r="FS7" i="1"/>
  <c r="FR7" i="1"/>
  <c r="FQ7" i="1"/>
  <c r="FP7" i="1"/>
  <c r="FO7" i="1"/>
  <c r="FN7" i="1"/>
  <c r="FM7" i="1"/>
  <c r="FL7" i="1"/>
  <c r="FK7" i="1"/>
  <c r="FJ7" i="1"/>
  <c r="FI7" i="1"/>
  <c r="FH7" i="1"/>
  <c r="FG7" i="1"/>
  <c r="FF7" i="1"/>
  <c r="FE7" i="1"/>
  <c r="FD7" i="1"/>
  <c r="FC7" i="1"/>
  <c r="FB7" i="1"/>
  <c r="FA7" i="1"/>
  <c r="EZ7" i="1"/>
  <c r="EY7" i="1"/>
  <c r="EX7" i="1"/>
  <c r="EW7" i="1"/>
  <c r="EV7" i="1"/>
  <c r="EU7" i="1"/>
  <c r="ET7" i="1"/>
  <c r="ES7" i="1"/>
  <c r="ER7" i="1"/>
  <c r="EQ7" i="1"/>
  <c r="EP7" i="1"/>
  <c r="EO7" i="1"/>
  <c r="EN7" i="1"/>
  <c r="EM7" i="1"/>
  <c r="EL7" i="1"/>
  <c r="EK7" i="1"/>
  <c r="EJ7" i="1"/>
  <c r="EI7" i="1"/>
  <c r="EH7" i="1"/>
  <c r="EG7" i="1"/>
  <c r="EF7" i="1"/>
  <c r="EE7" i="1"/>
  <c r="ED7" i="1"/>
  <c r="EC7" i="1"/>
  <c r="EB7" i="1"/>
  <c r="EA7" i="1"/>
  <c r="DZ7" i="1"/>
  <c r="DY7" i="1"/>
  <c r="DX7" i="1"/>
  <c r="DW7" i="1"/>
  <c r="DV7" i="1"/>
  <c r="DU7" i="1"/>
  <c r="DT7" i="1"/>
  <c r="DS7" i="1"/>
  <c r="DR7" i="1"/>
  <c r="DQ7" i="1"/>
  <c r="DP7" i="1"/>
  <c r="DO7" i="1"/>
  <c r="DN7" i="1"/>
  <c r="DM7" i="1"/>
  <c r="DL7" i="1"/>
  <c r="DK7" i="1"/>
  <c r="DJ7" i="1"/>
  <c r="DI7" i="1"/>
  <c r="DH7" i="1"/>
  <c r="DG7" i="1"/>
  <c r="DF7" i="1"/>
  <c r="DE7" i="1"/>
  <c r="DD7" i="1"/>
  <c r="DC7" i="1"/>
  <c r="DB7" i="1"/>
  <c r="DA7" i="1"/>
  <c r="CZ7" i="1"/>
  <c r="CY7" i="1"/>
  <c r="CX7" i="1"/>
  <c r="CW7" i="1"/>
  <c r="CV7" i="1"/>
  <c r="CU7" i="1"/>
  <c r="CT7" i="1"/>
  <c r="CS7" i="1"/>
  <c r="CR7" i="1"/>
  <c r="CQ7" i="1"/>
  <c r="CP7" i="1"/>
  <c r="CO7" i="1"/>
  <c r="CN7" i="1"/>
  <c r="CM7" i="1"/>
  <c r="CL7" i="1"/>
  <c r="CK7" i="1"/>
  <c r="CJ7" i="1"/>
  <c r="CI7" i="1"/>
  <c r="CH7" i="1"/>
  <c r="CG7" i="1"/>
  <c r="CF7" i="1"/>
  <c r="CE7" i="1"/>
  <c r="CD7" i="1"/>
  <c r="CC7" i="1"/>
  <c r="CB7" i="1"/>
  <c r="CA7" i="1"/>
  <c r="BZ7" i="1"/>
  <c r="BY7" i="1"/>
  <c r="BX7" i="1"/>
  <c r="BW7" i="1"/>
  <c r="BV7" i="1"/>
  <c r="BU7" i="1"/>
  <c r="BT7" i="1"/>
  <c r="BS7" i="1"/>
  <c r="BR7" i="1"/>
  <c r="BQ7" i="1"/>
  <c r="BP7" i="1"/>
  <c r="BO7" i="1"/>
  <c r="BN7" i="1"/>
  <c r="BM7" i="1"/>
  <c r="BL7" i="1"/>
  <c r="BK7" i="1"/>
  <c r="BJ7" i="1"/>
  <c r="BI7" i="1"/>
  <c r="BH7" i="1"/>
  <c r="BG7" i="1"/>
  <c r="BF7" i="1"/>
  <c r="BE7" i="1"/>
  <c r="BD7" i="1"/>
  <c r="BC7" i="1"/>
  <c r="BB7" i="1"/>
  <c r="BA7" i="1"/>
  <c r="AZ7" i="1"/>
  <c r="AY7" i="1"/>
  <c r="AX7" i="1"/>
  <c r="AW7" i="1"/>
  <c r="AV7" i="1"/>
  <c r="AU7" i="1"/>
  <c r="AT7" i="1"/>
  <c r="AS7" i="1"/>
  <c r="AR7" i="1"/>
  <c r="AQ7" i="1"/>
  <c r="AP7" i="1"/>
  <c r="AO7" i="1"/>
  <c r="AN7" i="1"/>
  <c r="AM7" i="1"/>
  <c r="AL7" i="1"/>
  <c r="AK7" i="1"/>
  <c r="AJ7" i="1"/>
  <c r="AI7" i="1"/>
  <c r="AH7" i="1"/>
  <c r="AG7" i="1"/>
  <c r="AF7" i="1"/>
  <c r="AE7" i="1"/>
  <c r="AD7" i="1"/>
  <c r="AC7" i="1"/>
  <c r="AB7" i="1"/>
  <c r="AA7" i="1"/>
  <c r="Z7" i="1"/>
  <c r="Y7" i="1"/>
  <c r="X7" i="1"/>
  <c r="W7" i="1"/>
  <c r="V7" i="1"/>
  <c r="U7" i="1"/>
  <c r="T7" i="1"/>
  <c r="S7" i="1"/>
  <c r="R7" i="1"/>
  <c r="Q7" i="1"/>
  <c r="P7" i="1"/>
  <c r="O7" i="1"/>
  <c r="N7" i="1"/>
  <c r="M7" i="1"/>
  <c r="L7" i="1"/>
  <c r="K7" i="1"/>
  <c r="J7" i="1"/>
  <c r="K2" i="1"/>
  <c r="L2" i="1" s="1"/>
  <c r="M2" i="1" s="1"/>
  <c r="N2" i="1" s="1"/>
  <c r="O2" i="1" s="1"/>
  <c r="P2" i="1" s="1"/>
  <c r="Q2" i="1" s="1"/>
  <c r="R2" i="1" s="1"/>
  <c r="S2" i="1" s="1"/>
  <c r="T2" i="1" s="1"/>
  <c r="U2" i="1" s="1"/>
  <c r="V2" i="1" s="1"/>
  <c r="W2" i="1" s="1"/>
  <c r="X2" i="1" s="1"/>
  <c r="Y2" i="1" s="1"/>
  <c r="Z2" i="1" s="1"/>
  <c r="AA2" i="1" s="1"/>
  <c r="AB2" i="1" s="1"/>
  <c r="AC2" i="1" s="1"/>
  <c r="AD2" i="1" s="1"/>
  <c r="AE2" i="1" s="1"/>
  <c r="AF2" i="1" s="1"/>
  <c r="AG2" i="1" s="1"/>
  <c r="AH2" i="1" s="1"/>
  <c r="AI2" i="1" s="1"/>
  <c r="AJ2" i="1" s="1"/>
  <c r="AK2" i="1" s="1"/>
  <c r="AL2" i="1" s="1"/>
  <c r="AM2" i="1" s="1"/>
  <c r="AN2" i="1" s="1"/>
  <c r="AO2" i="1" s="1"/>
  <c r="AP2" i="1" s="1"/>
  <c r="AQ2" i="1" s="1"/>
  <c r="AR2" i="1" s="1"/>
  <c r="AS2" i="1" s="1"/>
  <c r="AT2" i="1" s="1"/>
  <c r="AU2" i="1" s="1"/>
  <c r="AV2" i="1" s="1"/>
  <c r="AW2" i="1" s="1"/>
  <c r="AX2" i="1" s="1"/>
  <c r="AY2" i="1" s="1"/>
  <c r="AZ2" i="1" s="1"/>
  <c r="BA2" i="1" s="1"/>
  <c r="BB2" i="1" s="1"/>
  <c r="BC2" i="1" s="1"/>
  <c r="BD2" i="1" s="1"/>
  <c r="BE2" i="1" s="1"/>
  <c r="BF2" i="1" s="1"/>
  <c r="BG2" i="1" s="1"/>
  <c r="BH2" i="1" s="1"/>
  <c r="BI2" i="1" s="1"/>
  <c r="BJ2" i="1" s="1"/>
  <c r="BK2" i="1" s="1"/>
  <c r="BL2" i="1" s="1"/>
  <c r="BM2" i="1" s="1"/>
  <c r="BN2" i="1" s="1"/>
  <c r="BO2" i="1" s="1"/>
  <c r="BP2" i="1" s="1"/>
  <c r="BQ2" i="1" s="1"/>
  <c r="J19" i="1" l="1"/>
  <c r="K19" i="1" s="1"/>
  <c r="L19" i="1" s="1"/>
  <c r="S32" i="1"/>
  <c r="AA32" i="1"/>
  <c r="AQ32" i="1"/>
  <c r="AY32" i="1"/>
  <c r="M34" i="1"/>
  <c r="U34" i="1"/>
  <c r="AC34" i="1"/>
  <c r="AK34" i="1"/>
  <c r="AS34" i="1"/>
  <c r="BA34" i="1"/>
  <c r="BI34" i="1"/>
  <c r="BQ34" i="1"/>
  <c r="AL31" i="1"/>
  <c r="AT31" i="1"/>
  <c r="BB31" i="1"/>
  <c r="AN34" i="1"/>
  <c r="O31" i="1"/>
  <c r="AW32" i="1"/>
  <c r="P33" i="1"/>
  <c r="X34" i="1"/>
  <c r="AF31" i="1"/>
  <c r="AN33" i="1"/>
  <c r="AV33" i="1"/>
  <c r="BD34" i="1"/>
  <c r="BL32" i="1"/>
  <c r="K33" i="1"/>
  <c r="AA34" i="1"/>
  <c r="BG32" i="1"/>
  <c r="AF32" i="1"/>
  <c r="AA33" i="1"/>
  <c r="G21" i="1"/>
  <c r="H21" i="1" s="1"/>
  <c r="L34" i="1"/>
  <c r="T34" i="1"/>
  <c r="AB34" i="1"/>
  <c r="AJ34" i="1"/>
  <c r="AR34" i="1"/>
  <c r="AZ34" i="1"/>
  <c r="BH34" i="1"/>
  <c r="BP34" i="1"/>
  <c r="AV31" i="1"/>
  <c r="AQ34" i="1"/>
  <c r="AQ33" i="1"/>
  <c r="BQ31" i="1"/>
  <c r="BG33" i="1"/>
  <c r="BG34" i="1"/>
  <c r="W31" i="1"/>
  <c r="AE31" i="1"/>
  <c r="AM31" i="1"/>
  <c r="AU31" i="1"/>
  <c r="BC31" i="1"/>
  <c r="BK31" i="1"/>
  <c r="P31" i="1"/>
  <c r="AI32" i="1"/>
  <c r="BD32" i="1"/>
  <c r="X31" i="1"/>
  <c r="K34" i="1"/>
  <c r="BO34" i="1"/>
  <c r="Q32" i="1"/>
  <c r="AG32" i="1"/>
  <c r="BE32" i="1"/>
  <c r="L13" i="1"/>
  <c r="L60" i="1" s="1"/>
  <c r="AC31" i="1"/>
  <c r="J56" i="1"/>
  <c r="BP31" i="1"/>
  <c r="N33" i="1"/>
  <c r="V33" i="1"/>
  <c r="AD33" i="1"/>
  <c r="AL33" i="1"/>
  <c r="AT33" i="1"/>
  <c r="BB33" i="1"/>
  <c r="BJ33" i="1"/>
  <c r="AD31" i="1"/>
  <c r="BA31" i="1"/>
  <c r="K52" i="1"/>
  <c r="L52" i="1" s="1"/>
  <c r="BM33" i="1"/>
  <c r="M31" i="1"/>
  <c r="P32" i="1"/>
  <c r="S33" i="1"/>
  <c r="AY33" i="1"/>
  <c r="N34" i="1"/>
  <c r="AD34" i="1"/>
  <c r="AT34" i="1"/>
  <c r="BJ34" i="1"/>
  <c r="BP32" i="1"/>
  <c r="N31" i="1"/>
  <c r="AK31" i="1"/>
  <c r="BD31" i="1"/>
  <c r="AN32" i="1"/>
  <c r="X33" i="1"/>
  <c r="BD33" i="1"/>
  <c r="P34" i="1"/>
  <c r="AF34" i="1"/>
  <c r="AV34" i="1"/>
  <c r="BL34" i="1"/>
  <c r="G20" i="1"/>
  <c r="H20" i="1" s="1"/>
  <c r="Q34" i="1"/>
  <c r="Y34" i="1"/>
  <c r="AG34" i="1"/>
  <c r="AO34" i="1"/>
  <c r="AW34" i="1"/>
  <c r="BE34" i="1"/>
  <c r="BM34" i="1"/>
  <c r="BI31" i="1"/>
  <c r="AO32" i="1"/>
  <c r="S34" i="1"/>
  <c r="AI34" i="1"/>
  <c r="AY34" i="1"/>
  <c r="H51" i="1"/>
  <c r="J33" i="1"/>
  <c r="R33" i="1"/>
  <c r="Z33" i="1"/>
  <c r="AH33" i="1"/>
  <c r="AP33" i="1"/>
  <c r="AX33" i="1"/>
  <c r="BF33" i="1"/>
  <c r="BN33" i="1"/>
  <c r="U31" i="1"/>
  <c r="AN31" i="1"/>
  <c r="BJ31" i="1"/>
  <c r="X32" i="1"/>
  <c r="BM32" i="1"/>
  <c r="AF33" i="1"/>
  <c r="BL33" i="1"/>
  <c r="L12" i="1"/>
  <c r="L59" i="1" s="1"/>
  <c r="K31" i="1"/>
  <c r="S31" i="1"/>
  <c r="AA31" i="1"/>
  <c r="AI31" i="1"/>
  <c r="AQ31" i="1"/>
  <c r="AY31" i="1"/>
  <c r="BG31" i="1"/>
  <c r="BO31" i="1"/>
  <c r="V31" i="1"/>
  <c r="AS31" i="1"/>
  <c r="BL31" i="1"/>
  <c r="Y32" i="1"/>
  <c r="AV32" i="1"/>
  <c r="BO32" i="1"/>
  <c r="AI33" i="1"/>
  <c r="BO33" i="1"/>
  <c r="V34" i="1"/>
  <c r="AL34" i="1"/>
  <c r="BB34" i="1"/>
  <c r="T70" i="1"/>
  <c r="BP70" i="1"/>
  <c r="AM70" i="1"/>
  <c r="P70" i="1"/>
  <c r="X70" i="1"/>
  <c r="AF70" i="1"/>
  <c r="AN70" i="1"/>
  <c r="AV70" i="1"/>
  <c r="BD70" i="1"/>
  <c r="BL70" i="1"/>
  <c r="K15" i="1"/>
  <c r="Q31" i="1"/>
  <c r="Y31" i="1"/>
  <c r="AG31" i="1"/>
  <c r="AO31" i="1"/>
  <c r="AW31" i="1"/>
  <c r="BE31" i="1"/>
  <c r="BM31" i="1"/>
  <c r="L32" i="1"/>
  <c r="T32" i="1"/>
  <c r="AB32" i="1"/>
  <c r="AJ32" i="1"/>
  <c r="AR32" i="1"/>
  <c r="AZ32" i="1"/>
  <c r="BH32" i="1"/>
  <c r="L33" i="1"/>
  <c r="T33" i="1"/>
  <c r="AB33" i="1"/>
  <c r="AJ33" i="1"/>
  <c r="AR33" i="1"/>
  <c r="AZ33" i="1"/>
  <c r="BH33" i="1"/>
  <c r="BP33" i="1"/>
  <c r="O34" i="1"/>
  <c r="W34" i="1"/>
  <c r="AE34" i="1"/>
  <c r="AM34" i="1"/>
  <c r="AU34" i="1"/>
  <c r="BC34" i="1"/>
  <c r="BK34" i="1"/>
  <c r="L70" i="1"/>
  <c r="BH70" i="1"/>
  <c r="W70" i="1"/>
  <c r="AU70" i="1"/>
  <c r="Q70" i="1"/>
  <c r="Y70" i="1"/>
  <c r="AG70" i="1"/>
  <c r="AO70" i="1"/>
  <c r="AW70" i="1"/>
  <c r="BE70" i="1"/>
  <c r="BM70" i="1"/>
  <c r="J31" i="1"/>
  <c r="J39" i="1" s="1"/>
  <c r="R31" i="1"/>
  <c r="Z31" i="1"/>
  <c r="AH31" i="1"/>
  <c r="AP31" i="1"/>
  <c r="AX31" i="1"/>
  <c r="BF31" i="1"/>
  <c r="BN31" i="1"/>
  <c r="M32" i="1"/>
  <c r="U32" i="1"/>
  <c r="AC32" i="1"/>
  <c r="AK32" i="1"/>
  <c r="AS32" i="1"/>
  <c r="BA32" i="1"/>
  <c r="BI32" i="1"/>
  <c r="BQ32" i="1"/>
  <c r="M33" i="1"/>
  <c r="U33" i="1"/>
  <c r="AC33" i="1"/>
  <c r="AK33" i="1"/>
  <c r="AS33" i="1"/>
  <c r="BA33" i="1"/>
  <c r="BI33" i="1"/>
  <c r="BQ33" i="1"/>
  <c r="AR70" i="1"/>
  <c r="AE70" i="1"/>
  <c r="BK70" i="1"/>
  <c r="R70" i="1"/>
  <c r="AH70" i="1"/>
  <c r="AP70" i="1"/>
  <c r="AX70" i="1"/>
  <c r="BF70" i="1"/>
  <c r="BN70" i="1"/>
  <c r="N32" i="1"/>
  <c r="V32" i="1"/>
  <c r="AD32" i="1"/>
  <c r="AL32" i="1"/>
  <c r="AT32" i="1"/>
  <c r="BB32" i="1"/>
  <c r="BJ32" i="1"/>
  <c r="AB70" i="1"/>
  <c r="O70" i="1"/>
  <c r="BC70" i="1"/>
  <c r="J70" i="1"/>
  <c r="Z70" i="1"/>
  <c r="K70" i="1"/>
  <c r="S70" i="1"/>
  <c r="AA70" i="1"/>
  <c r="AI70" i="1"/>
  <c r="AQ70" i="1"/>
  <c r="AY70" i="1"/>
  <c r="BG70" i="1"/>
  <c r="BO70" i="1"/>
  <c r="H19" i="1"/>
  <c r="J20" i="1"/>
  <c r="J21" i="1"/>
  <c r="L31" i="1"/>
  <c r="T31" i="1"/>
  <c r="AB31" i="1"/>
  <c r="AJ31" i="1"/>
  <c r="AR31" i="1"/>
  <c r="AZ31" i="1"/>
  <c r="BH31" i="1"/>
  <c r="O32" i="1"/>
  <c r="W32" i="1"/>
  <c r="AE32" i="1"/>
  <c r="AM32" i="1"/>
  <c r="AU32" i="1"/>
  <c r="BC32" i="1"/>
  <c r="BK32" i="1"/>
  <c r="O33" i="1"/>
  <c r="W33" i="1"/>
  <c r="AE33" i="1"/>
  <c r="AM33" i="1"/>
  <c r="AU33" i="1"/>
  <c r="BC33" i="1"/>
  <c r="BK33" i="1"/>
  <c r="J34" i="1"/>
  <c r="R34" i="1"/>
  <c r="Z34" i="1"/>
  <c r="AH34" i="1"/>
  <c r="AP34" i="1"/>
  <c r="AX34" i="1"/>
  <c r="BF34" i="1"/>
  <c r="BN34" i="1"/>
  <c r="K53" i="1"/>
  <c r="L53" i="1" s="1"/>
  <c r="M53" i="1" s="1"/>
  <c r="N53" i="1" s="1"/>
  <c r="O53" i="1" s="1"/>
  <c r="P53" i="1" s="1"/>
  <c r="Q53" i="1" s="1"/>
  <c r="R53" i="1" s="1"/>
  <c r="S53" i="1" s="1"/>
  <c r="T53" i="1" s="1"/>
  <c r="U53" i="1" s="1"/>
  <c r="V53" i="1" s="1"/>
  <c r="W53" i="1" s="1"/>
  <c r="X53" i="1" s="1"/>
  <c r="Y53" i="1" s="1"/>
  <c r="Z53" i="1" s="1"/>
  <c r="AA53" i="1" s="1"/>
  <c r="AB53" i="1" s="1"/>
  <c r="AC53" i="1" s="1"/>
  <c r="AD53" i="1" s="1"/>
  <c r="AE53" i="1" s="1"/>
  <c r="AF53" i="1" s="1"/>
  <c r="AG53" i="1" s="1"/>
  <c r="AH53" i="1" s="1"/>
  <c r="AI53" i="1" s="1"/>
  <c r="AJ53" i="1" s="1"/>
  <c r="AK53" i="1" s="1"/>
  <c r="AL53" i="1" s="1"/>
  <c r="AM53" i="1" s="1"/>
  <c r="AN53" i="1" s="1"/>
  <c r="AO53" i="1" s="1"/>
  <c r="AP53" i="1" s="1"/>
  <c r="AQ53" i="1" s="1"/>
  <c r="AR53" i="1" s="1"/>
  <c r="AS53" i="1" s="1"/>
  <c r="AT53" i="1" s="1"/>
  <c r="AU53" i="1" s="1"/>
  <c r="AV53" i="1" s="1"/>
  <c r="AW53" i="1" s="1"/>
  <c r="AX53" i="1" s="1"/>
  <c r="AY53" i="1" s="1"/>
  <c r="AZ53" i="1" s="1"/>
  <c r="BA53" i="1" s="1"/>
  <c r="BB53" i="1" s="1"/>
  <c r="BC53" i="1" s="1"/>
  <c r="BD53" i="1" s="1"/>
  <c r="BE53" i="1" s="1"/>
  <c r="BF53" i="1" s="1"/>
  <c r="BG53" i="1" s="1"/>
  <c r="BH53" i="1" s="1"/>
  <c r="BI53" i="1" s="1"/>
  <c r="BJ53" i="1" s="1"/>
  <c r="BK53" i="1" s="1"/>
  <c r="BL53" i="1" s="1"/>
  <c r="BM53" i="1" s="1"/>
  <c r="BN53" i="1" s="1"/>
  <c r="BO53" i="1" s="1"/>
  <c r="BP53" i="1" s="1"/>
  <c r="BQ53" i="1" s="1"/>
  <c r="BR53" i="1" s="1"/>
  <c r="BS53" i="1" s="1"/>
  <c r="BT53" i="1" s="1"/>
  <c r="BU53" i="1" s="1"/>
  <c r="BV53" i="1" s="1"/>
  <c r="BW53" i="1" s="1"/>
  <c r="BX53" i="1" s="1"/>
  <c r="BY53" i="1" s="1"/>
  <c r="BZ53" i="1" s="1"/>
  <c r="CA53" i="1" s="1"/>
  <c r="CB53" i="1" s="1"/>
  <c r="CC53" i="1" s="1"/>
  <c r="CD53" i="1" s="1"/>
  <c r="CE53" i="1" s="1"/>
  <c r="CF53" i="1" s="1"/>
  <c r="CG53" i="1" s="1"/>
  <c r="CH53" i="1" s="1"/>
  <c r="CI53" i="1" s="1"/>
  <c r="CJ53" i="1" s="1"/>
  <c r="CK53" i="1" s="1"/>
  <c r="CL53" i="1" s="1"/>
  <c r="CM53" i="1" s="1"/>
  <c r="CN53" i="1" s="1"/>
  <c r="CO53" i="1" s="1"/>
  <c r="CP53" i="1" s="1"/>
  <c r="CQ53" i="1" s="1"/>
  <c r="CR53" i="1" s="1"/>
  <c r="CS53" i="1" s="1"/>
  <c r="CT53" i="1" s="1"/>
  <c r="CU53" i="1" s="1"/>
  <c r="CV53" i="1" s="1"/>
  <c r="CW53" i="1" s="1"/>
  <c r="CX53" i="1" s="1"/>
  <c r="CY53" i="1" s="1"/>
  <c r="CZ53" i="1" s="1"/>
  <c r="DA53" i="1" s="1"/>
  <c r="DB53" i="1" s="1"/>
  <c r="DC53" i="1" s="1"/>
  <c r="DD53" i="1" s="1"/>
  <c r="DE53" i="1" s="1"/>
  <c r="DF53" i="1" s="1"/>
  <c r="DG53" i="1" s="1"/>
  <c r="DH53" i="1" s="1"/>
  <c r="DI53" i="1" s="1"/>
  <c r="DJ53" i="1" s="1"/>
  <c r="DK53" i="1" s="1"/>
  <c r="DL53" i="1" s="1"/>
  <c r="DM53" i="1" s="1"/>
  <c r="DN53" i="1" s="1"/>
  <c r="DO53" i="1" s="1"/>
  <c r="DP53" i="1" s="1"/>
  <c r="DQ53" i="1" s="1"/>
  <c r="DR53" i="1" s="1"/>
  <c r="DS53" i="1" s="1"/>
  <c r="DT53" i="1" s="1"/>
  <c r="DU53" i="1" s="1"/>
  <c r="DV53" i="1" s="1"/>
  <c r="DW53" i="1" s="1"/>
  <c r="DX53" i="1" s="1"/>
  <c r="DY53" i="1" s="1"/>
  <c r="DZ53" i="1" s="1"/>
  <c r="EA53" i="1" s="1"/>
  <c r="EB53" i="1" s="1"/>
  <c r="EC53" i="1" s="1"/>
  <c r="ED53" i="1" s="1"/>
  <c r="EE53" i="1" s="1"/>
  <c r="EF53" i="1" s="1"/>
  <c r="EG53" i="1" s="1"/>
  <c r="EH53" i="1" s="1"/>
  <c r="EI53" i="1" s="1"/>
  <c r="EJ53" i="1" s="1"/>
  <c r="EK53" i="1" s="1"/>
  <c r="EL53" i="1" s="1"/>
  <c r="EM53" i="1" s="1"/>
  <c r="EN53" i="1" s="1"/>
  <c r="EO53" i="1" s="1"/>
  <c r="EP53" i="1" s="1"/>
  <c r="EQ53" i="1" s="1"/>
  <c r="ER53" i="1" s="1"/>
  <c r="ES53" i="1" s="1"/>
  <c r="ET53" i="1" s="1"/>
  <c r="EU53" i="1" s="1"/>
  <c r="EV53" i="1" s="1"/>
  <c r="EW53" i="1" s="1"/>
  <c r="EX53" i="1" s="1"/>
  <c r="EY53" i="1" s="1"/>
  <c r="EZ53" i="1" s="1"/>
  <c r="FA53" i="1" s="1"/>
  <c r="FB53" i="1" s="1"/>
  <c r="FC53" i="1" s="1"/>
  <c r="FD53" i="1" s="1"/>
  <c r="FE53" i="1" s="1"/>
  <c r="FF53" i="1" s="1"/>
  <c r="FG53" i="1" s="1"/>
  <c r="FH53" i="1" s="1"/>
  <c r="FI53" i="1" s="1"/>
  <c r="FJ53" i="1" s="1"/>
  <c r="FK53" i="1" s="1"/>
  <c r="FL53" i="1" s="1"/>
  <c r="FM53" i="1" s="1"/>
  <c r="FN53" i="1" s="1"/>
  <c r="FO53" i="1" s="1"/>
  <c r="FP53" i="1" s="1"/>
  <c r="FQ53" i="1" s="1"/>
  <c r="FR53" i="1" s="1"/>
  <c r="FS53" i="1" s="1"/>
  <c r="FT53" i="1" s="1"/>
  <c r="FU53" i="1" s="1"/>
  <c r="FV53" i="1" s="1"/>
  <c r="FW53" i="1" s="1"/>
  <c r="FX53" i="1" s="1"/>
  <c r="FY53" i="1" s="1"/>
  <c r="FZ53" i="1" s="1"/>
  <c r="GA53" i="1" s="1"/>
  <c r="GB53" i="1" s="1"/>
  <c r="GC53" i="1" s="1"/>
  <c r="GD53" i="1" s="1"/>
  <c r="GE53" i="1" s="1"/>
  <c r="GF53" i="1" s="1"/>
  <c r="GG53" i="1" s="1"/>
  <c r="GH53" i="1" s="1"/>
  <c r="GI53" i="1" s="1"/>
  <c r="GJ53" i="1" s="1"/>
  <c r="GK53" i="1" s="1"/>
  <c r="GL53" i="1" s="1"/>
  <c r="GM53" i="1" s="1"/>
  <c r="GN53" i="1" s="1"/>
  <c r="GO53" i="1" s="1"/>
  <c r="GP53" i="1" s="1"/>
  <c r="GQ53" i="1" s="1"/>
  <c r="GR53" i="1" s="1"/>
  <c r="GS53" i="1" s="1"/>
  <c r="GT53" i="1" s="1"/>
  <c r="GU53" i="1" s="1"/>
  <c r="GV53" i="1" s="1"/>
  <c r="GW53" i="1" s="1"/>
  <c r="GX53" i="1" s="1"/>
  <c r="GY53" i="1" s="1"/>
  <c r="GZ53" i="1" s="1"/>
  <c r="HA53" i="1" s="1"/>
  <c r="HB53" i="1" s="1"/>
  <c r="HC53" i="1" s="1"/>
  <c r="HD53" i="1" s="1"/>
  <c r="HE53" i="1" s="1"/>
  <c r="HF53" i="1" s="1"/>
  <c r="HG53" i="1" s="1"/>
  <c r="HH53" i="1" s="1"/>
  <c r="HI53" i="1" s="1"/>
  <c r="HJ53" i="1" s="1"/>
  <c r="HK53" i="1" s="1"/>
  <c r="HL53" i="1" s="1"/>
  <c r="HM53" i="1" s="1"/>
  <c r="HN53" i="1" s="1"/>
  <c r="HO53" i="1" s="1"/>
  <c r="HP53" i="1" s="1"/>
  <c r="HQ53" i="1" s="1"/>
  <c r="HR53" i="1" s="1"/>
  <c r="HS53" i="1" s="1"/>
  <c r="HT53" i="1" s="1"/>
  <c r="HU53" i="1" s="1"/>
  <c r="HV53" i="1" s="1"/>
  <c r="HW53" i="1" s="1"/>
  <c r="HX53" i="1" s="1"/>
  <c r="HY53" i="1" s="1"/>
  <c r="HZ53" i="1" s="1"/>
  <c r="IA53" i="1" s="1"/>
  <c r="IB53" i="1" s="1"/>
  <c r="IC53" i="1" s="1"/>
  <c r="ID53" i="1" s="1"/>
  <c r="IE53" i="1" s="1"/>
  <c r="IF53" i="1" s="1"/>
  <c r="IG53" i="1" s="1"/>
  <c r="IH53" i="1" s="1"/>
  <c r="II53" i="1" s="1"/>
  <c r="IJ53" i="1" s="1"/>
  <c r="IK53" i="1" s="1"/>
  <c r="IL53" i="1" s="1"/>
  <c r="IM53" i="1" s="1"/>
  <c r="IN53" i="1" s="1"/>
  <c r="IO53" i="1" s="1"/>
  <c r="IP53" i="1" s="1"/>
  <c r="IQ53" i="1" s="1"/>
  <c r="IR53" i="1" s="1"/>
  <c r="IS53" i="1" s="1"/>
  <c r="IT53" i="1" s="1"/>
  <c r="IU53" i="1" s="1"/>
  <c r="IV53" i="1" s="1"/>
  <c r="IW53" i="1" s="1"/>
  <c r="IX53" i="1" s="1"/>
  <c r="IY53" i="1" s="1"/>
  <c r="IZ53" i="1" s="1"/>
  <c r="JA53" i="1" s="1"/>
  <c r="JB53" i="1" s="1"/>
  <c r="JC53" i="1" s="1"/>
  <c r="JD53" i="1" s="1"/>
  <c r="JE53" i="1" s="1"/>
  <c r="JF53" i="1" s="1"/>
  <c r="JG53" i="1" s="1"/>
  <c r="JH53" i="1" s="1"/>
  <c r="JI53" i="1" s="1"/>
  <c r="JJ53" i="1" s="1"/>
  <c r="JK53" i="1" s="1"/>
  <c r="JL53" i="1" s="1"/>
  <c r="JM53" i="1" s="1"/>
  <c r="JN53" i="1" s="1"/>
  <c r="JO53" i="1" s="1"/>
  <c r="JP53" i="1" s="1"/>
  <c r="JQ53" i="1" s="1"/>
  <c r="JR53" i="1" s="1"/>
  <c r="JS53" i="1" s="1"/>
  <c r="JT53" i="1" s="1"/>
  <c r="JU53" i="1" s="1"/>
  <c r="JV53" i="1" s="1"/>
  <c r="JW53" i="1" s="1"/>
  <c r="JX53" i="1" s="1"/>
  <c r="JY53" i="1" s="1"/>
  <c r="JZ53" i="1" s="1"/>
  <c r="KA53" i="1" s="1"/>
  <c r="KB53" i="1" s="1"/>
  <c r="KC53" i="1" s="1"/>
  <c r="KD53" i="1" s="1"/>
  <c r="KE53" i="1" s="1"/>
  <c r="KF53" i="1" s="1"/>
  <c r="KG53" i="1" s="1"/>
  <c r="KH53" i="1" s="1"/>
  <c r="KI53" i="1" s="1"/>
  <c r="KJ53" i="1" s="1"/>
  <c r="KK53" i="1" s="1"/>
  <c r="KL53" i="1" s="1"/>
  <c r="KM53" i="1" s="1"/>
  <c r="KN53" i="1" s="1"/>
  <c r="KO53" i="1" s="1"/>
  <c r="KP53" i="1" s="1"/>
  <c r="KQ53" i="1" s="1"/>
  <c r="KR53" i="1" s="1"/>
  <c r="KS53" i="1" s="1"/>
  <c r="KT53" i="1" s="1"/>
  <c r="KU53" i="1" s="1"/>
  <c r="KV53" i="1" s="1"/>
  <c r="KW53" i="1" s="1"/>
  <c r="KX53" i="1" s="1"/>
  <c r="KY53" i="1" s="1"/>
  <c r="KZ53" i="1" s="1"/>
  <c r="LA53" i="1" s="1"/>
  <c r="LB53" i="1" s="1"/>
  <c r="LC53" i="1" s="1"/>
  <c r="LD53" i="1" s="1"/>
  <c r="LE53" i="1" s="1"/>
  <c r="LF53" i="1" s="1"/>
  <c r="LG53" i="1" s="1"/>
  <c r="LH53" i="1" s="1"/>
  <c r="LI53" i="1" s="1"/>
  <c r="LJ53" i="1" s="1"/>
  <c r="LK53" i="1" s="1"/>
  <c r="LL53" i="1" s="1"/>
  <c r="LM53" i="1" s="1"/>
  <c r="LN53" i="1" s="1"/>
  <c r="LO53" i="1" s="1"/>
  <c r="LP53" i="1" s="1"/>
  <c r="LQ53" i="1" s="1"/>
  <c r="LR53" i="1" s="1"/>
  <c r="LS53" i="1" s="1"/>
  <c r="LT53" i="1" s="1"/>
  <c r="LU53" i="1" s="1"/>
  <c r="LV53" i="1" s="1"/>
  <c r="LW53" i="1" s="1"/>
  <c r="LX53" i="1" s="1"/>
  <c r="LY53" i="1" s="1"/>
  <c r="LZ53" i="1" s="1"/>
  <c r="MA53" i="1" s="1"/>
  <c r="MB53" i="1" s="1"/>
  <c r="MC53" i="1" s="1"/>
  <c r="MD53" i="1" s="1"/>
  <c r="ME53" i="1" s="1"/>
  <c r="MF53" i="1" s="1"/>
  <c r="MG53" i="1" s="1"/>
  <c r="MH53" i="1" s="1"/>
  <c r="MI53" i="1" s="1"/>
  <c r="MJ53" i="1" s="1"/>
  <c r="MK53" i="1" s="1"/>
  <c r="ML53" i="1" s="1"/>
  <c r="MM53" i="1" s="1"/>
  <c r="MN53" i="1" s="1"/>
  <c r="MO53" i="1" s="1"/>
  <c r="MP53" i="1" s="1"/>
  <c r="MQ53" i="1" s="1"/>
  <c r="MR53" i="1" s="1"/>
  <c r="MS53" i="1" s="1"/>
  <c r="MT53" i="1" s="1"/>
  <c r="MU53" i="1" s="1"/>
  <c r="MV53" i="1" s="1"/>
  <c r="MW53" i="1" s="1"/>
  <c r="MX53" i="1" s="1"/>
  <c r="MY53" i="1" s="1"/>
  <c r="MZ53" i="1" s="1"/>
  <c r="NA53" i="1" s="1"/>
  <c r="NB53" i="1" s="1"/>
  <c r="NC53" i="1" s="1"/>
  <c r="ND53" i="1" s="1"/>
  <c r="NE53" i="1" s="1"/>
  <c r="NF53" i="1" s="1"/>
  <c r="NG53" i="1" s="1"/>
  <c r="NH53" i="1" s="1"/>
  <c r="NI53" i="1" s="1"/>
  <c r="NJ53" i="1" s="1"/>
  <c r="NK53" i="1" s="1"/>
  <c r="NL53" i="1" s="1"/>
  <c r="NM53" i="1" s="1"/>
  <c r="NN53" i="1" s="1"/>
  <c r="NO53" i="1" s="1"/>
  <c r="NP53" i="1" s="1"/>
  <c r="NQ53" i="1" s="1"/>
  <c r="NR53" i="1" s="1"/>
  <c r="NS53" i="1" s="1"/>
  <c r="NT53" i="1" s="1"/>
  <c r="NU53" i="1" s="1"/>
  <c r="NV53" i="1" s="1"/>
  <c r="NW53" i="1" s="1"/>
  <c r="NX53" i="1" s="1"/>
  <c r="NY53" i="1" s="1"/>
  <c r="NZ53" i="1" s="1"/>
  <c r="OA53" i="1" s="1"/>
  <c r="OB53" i="1" s="1"/>
  <c r="OC53" i="1" s="1"/>
  <c r="OD53" i="1" s="1"/>
  <c r="OE53" i="1" s="1"/>
  <c r="OF53" i="1" s="1"/>
  <c r="OG53" i="1" s="1"/>
  <c r="OH53" i="1" s="1"/>
  <c r="OI53" i="1" s="1"/>
  <c r="OJ53" i="1" s="1"/>
  <c r="OK53" i="1" s="1"/>
  <c r="OL53" i="1" s="1"/>
  <c r="OM53" i="1" s="1"/>
  <c r="ON53" i="1" s="1"/>
  <c r="OO53" i="1" s="1"/>
  <c r="OP53" i="1" s="1"/>
  <c r="OQ53" i="1" s="1"/>
  <c r="OR53" i="1" s="1"/>
  <c r="OS53" i="1" s="1"/>
  <c r="OT53" i="1" s="1"/>
  <c r="OU53" i="1" s="1"/>
  <c r="OV53" i="1" s="1"/>
  <c r="OW53" i="1" s="1"/>
  <c r="OX53" i="1" s="1"/>
  <c r="OY53" i="1" s="1"/>
  <c r="OZ53" i="1" s="1"/>
  <c r="PA53" i="1" s="1"/>
  <c r="PB53" i="1" s="1"/>
  <c r="PC53" i="1" s="1"/>
  <c r="PD53" i="1" s="1"/>
  <c r="PE53" i="1" s="1"/>
  <c r="PF53" i="1" s="1"/>
  <c r="PG53" i="1" s="1"/>
  <c r="PH53" i="1" s="1"/>
  <c r="PI53" i="1" s="1"/>
  <c r="PJ53" i="1" s="1"/>
  <c r="PK53" i="1" s="1"/>
  <c r="PL53" i="1" s="1"/>
  <c r="PM53" i="1" s="1"/>
  <c r="PN53" i="1" s="1"/>
  <c r="PO53" i="1" s="1"/>
  <c r="PP53" i="1" s="1"/>
  <c r="PQ53" i="1" s="1"/>
  <c r="PR53" i="1" s="1"/>
  <c r="PS53" i="1" s="1"/>
  <c r="PT53" i="1" s="1"/>
  <c r="PU53" i="1" s="1"/>
  <c r="PV53" i="1" s="1"/>
  <c r="PW53" i="1" s="1"/>
  <c r="PX53" i="1" s="1"/>
  <c r="PY53" i="1" s="1"/>
  <c r="PZ53" i="1" s="1"/>
  <c r="QA53" i="1" s="1"/>
  <c r="QB53" i="1" s="1"/>
  <c r="QC53" i="1" s="1"/>
  <c r="QD53" i="1" s="1"/>
  <c r="QE53" i="1" s="1"/>
  <c r="QF53" i="1" s="1"/>
  <c r="QG53" i="1" s="1"/>
  <c r="QH53" i="1" s="1"/>
  <c r="QI53" i="1" s="1"/>
  <c r="QJ53" i="1" s="1"/>
  <c r="QK53" i="1" s="1"/>
  <c r="QL53" i="1" s="1"/>
  <c r="QM53" i="1" s="1"/>
  <c r="QN53" i="1" s="1"/>
  <c r="QO53" i="1" s="1"/>
  <c r="QP53" i="1" s="1"/>
  <c r="QQ53" i="1" s="1"/>
  <c r="QR53" i="1" s="1"/>
  <c r="QS53" i="1" s="1"/>
  <c r="QT53" i="1" s="1"/>
  <c r="QU53" i="1" s="1"/>
  <c r="QV53" i="1" s="1"/>
  <c r="QW53" i="1" s="1"/>
  <c r="QX53" i="1" s="1"/>
  <c r="QY53" i="1" s="1"/>
  <c r="QZ53" i="1" s="1"/>
  <c r="RA53" i="1" s="1"/>
  <c r="RB53" i="1" s="1"/>
  <c r="RC53" i="1" s="1"/>
  <c r="RD53" i="1" s="1"/>
  <c r="RE53" i="1" s="1"/>
  <c r="RF53" i="1" s="1"/>
  <c r="RG53" i="1" s="1"/>
  <c r="RH53" i="1" s="1"/>
  <c r="RI53" i="1" s="1"/>
  <c r="RJ53" i="1" s="1"/>
  <c r="RK53" i="1" s="1"/>
  <c r="RL53" i="1" s="1"/>
  <c r="RM53" i="1" s="1"/>
  <c r="RN53" i="1" s="1"/>
  <c r="RO53" i="1" s="1"/>
  <c r="RP53" i="1" s="1"/>
  <c r="RQ53" i="1" s="1"/>
  <c r="RR53" i="1" s="1"/>
  <c r="RS53" i="1" s="1"/>
  <c r="RT53" i="1" s="1"/>
  <c r="RU53" i="1" s="1"/>
  <c r="RV53" i="1" s="1"/>
  <c r="RW53" i="1" s="1"/>
  <c r="RX53" i="1" s="1"/>
  <c r="RY53" i="1" s="1"/>
  <c r="RZ53" i="1" s="1"/>
  <c r="SA53" i="1" s="1"/>
  <c r="SB53" i="1" s="1"/>
  <c r="SC53" i="1" s="1"/>
  <c r="SD53" i="1" s="1"/>
  <c r="SE53" i="1" s="1"/>
  <c r="SF53" i="1" s="1"/>
  <c r="SG53" i="1" s="1"/>
  <c r="SH53" i="1" s="1"/>
  <c r="SI53" i="1" s="1"/>
  <c r="SJ53" i="1" s="1"/>
  <c r="SK53" i="1" s="1"/>
  <c r="SL53" i="1" s="1"/>
  <c r="SM53" i="1" s="1"/>
  <c r="SN53" i="1" s="1"/>
  <c r="SO53" i="1" s="1"/>
  <c r="SP53" i="1" s="1"/>
  <c r="SQ53" i="1" s="1"/>
  <c r="SR53" i="1" s="1"/>
  <c r="SS53" i="1" s="1"/>
  <c r="ST53" i="1" s="1"/>
  <c r="SU53" i="1" s="1"/>
  <c r="SV53" i="1" s="1"/>
  <c r="SW53" i="1" s="1"/>
  <c r="SX53" i="1" s="1"/>
  <c r="SY53" i="1" s="1"/>
  <c r="SZ53" i="1" s="1"/>
  <c r="TA53" i="1" s="1"/>
  <c r="TB53" i="1" s="1"/>
  <c r="TC53" i="1" s="1"/>
  <c r="TD53" i="1" s="1"/>
  <c r="TE53" i="1" s="1"/>
  <c r="TF53" i="1" s="1"/>
  <c r="TG53" i="1" s="1"/>
  <c r="TH53" i="1" s="1"/>
  <c r="TI53" i="1" s="1"/>
  <c r="TJ53" i="1" s="1"/>
  <c r="TK53" i="1" s="1"/>
  <c r="TL53" i="1" s="1"/>
  <c r="TM53" i="1" s="1"/>
  <c r="TN53" i="1" s="1"/>
  <c r="TO53" i="1" s="1"/>
  <c r="TP53" i="1" s="1"/>
  <c r="TQ53" i="1" s="1"/>
  <c r="TR53" i="1" s="1"/>
  <c r="TS53" i="1" s="1"/>
  <c r="TT53" i="1" s="1"/>
  <c r="TU53" i="1" s="1"/>
  <c r="TV53" i="1" s="1"/>
  <c r="TW53" i="1" s="1"/>
  <c r="TX53" i="1" s="1"/>
  <c r="TY53" i="1" s="1"/>
  <c r="TZ53" i="1" s="1"/>
  <c r="UA53" i="1" s="1"/>
  <c r="UB53" i="1" s="1"/>
  <c r="UC53" i="1" s="1"/>
  <c r="UD53" i="1" s="1"/>
  <c r="UE53" i="1" s="1"/>
  <c r="UF53" i="1" s="1"/>
  <c r="UG53" i="1" s="1"/>
  <c r="UH53" i="1" s="1"/>
  <c r="UI53" i="1" s="1"/>
  <c r="UJ53" i="1" s="1"/>
  <c r="UK53" i="1" s="1"/>
  <c r="UL53" i="1" s="1"/>
  <c r="UM53" i="1" s="1"/>
  <c r="UN53" i="1" s="1"/>
  <c r="UO53" i="1" s="1"/>
  <c r="UP53" i="1" s="1"/>
  <c r="UQ53" i="1" s="1"/>
  <c r="UR53" i="1" s="1"/>
  <c r="US53" i="1" s="1"/>
  <c r="UT53" i="1" s="1"/>
  <c r="UU53" i="1" s="1"/>
  <c r="UV53" i="1" s="1"/>
  <c r="UW53" i="1" s="1"/>
  <c r="UX53" i="1" s="1"/>
  <c r="UY53" i="1" s="1"/>
  <c r="UZ53" i="1" s="1"/>
  <c r="VA53" i="1" s="1"/>
  <c r="VB53" i="1" s="1"/>
  <c r="VC53" i="1" s="1"/>
  <c r="VD53" i="1" s="1"/>
  <c r="VE53" i="1" s="1"/>
  <c r="VF53" i="1" s="1"/>
  <c r="VG53" i="1" s="1"/>
  <c r="VH53" i="1" s="1"/>
  <c r="VI53" i="1" s="1"/>
  <c r="VJ53" i="1" s="1"/>
  <c r="VK53" i="1" s="1"/>
  <c r="VL53" i="1" s="1"/>
  <c r="VM53" i="1" s="1"/>
  <c r="VN53" i="1" s="1"/>
  <c r="VO53" i="1" s="1"/>
  <c r="VP53" i="1" s="1"/>
  <c r="VQ53" i="1" s="1"/>
  <c r="VR53" i="1" s="1"/>
  <c r="VS53" i="1" s="1"/>
  <c r="VT53" i="1" s="1"/>
  <c r="VU53" i="1" s="1"/>
  <c r="VV53" i="1" s="1"/>
  <c r="VW53" i="1" s="1"/>
  <c r="VX53" i="1" s="1"/>
  <c r="VY53" i="1" s="1"/>
  <c r="VZ53" i="1" s="1"/>
  <c r="WA53" i="1" s="1"/>
  <c r="WB53" i="1" s="1"/>
  <c r="WC53" i="1" s="1"/>
  <c r="WD53" i="1" s="1"/>
  <c r="WE53" i="1" s="1"/>
  <c r="WF53" i="1" s="1"/>
  <c r="WG53" i="1" s="1"/>
  <c r="WH53" i="1" s="1"/>
  <c r="WI53" i="1" s="1"/>
  <c r="WJ53" i="1" s="1"/>
  <c r="WK53" i="1" s="1"/>
  <c r="WL53" i="1" s="1"/>
  <c r="WM53" i="1" s="1"/>
  <c r="WN53" i="1" s="1"/>
  <c r="WO53" i="1" s="1"/>
  <c r="WP53" i="1" s="1"/>
  <c r="WQ53" i="1" s="1"/>
  <c r="WR53" i="1" s="1"/>
  <c r="WS53" i="1" s="1"/>
  <c r="WT53" i="1" s="1"/>
  <c r="WU53" i="1" s="1"/>
  <c r="WV53" i="1" s="1"/>
  <c r="WW53" i="1" s="1"/>
  <c r="WX53" i="1" s="1"/>
  <c r="WY53" i="1" s="1"/>
  <c r="WZ53" i="1" s="1"/>
  <c r="XA53" i="1" s="1"/>
  <c r="XB53" i="1" s="1"/>
  <c r="XC53" i="1" s="1"/>
  <c r="XD53" i="1" s="1"/>
  <c r="XE53" i="1" s="1"/>
  <c r="XF53" i="1" s="1"/>
  <c r="XG53" i="1" s="1"/>
  <c r="XH53" i="1" s="1"/>
  <c r="XI53" i="1" s="1"/>
  <c r="XJ53" i="1" s="1"/>
  <c r="XK53" i="1" s="1"/>
  <c r="XL53" i="1" s="1"/>
  <c r="XM53" i="1" s="1"/>
  <c r="XN53" i="1" s="1"/>
  <c r="XO53" i="1" s="1"/>
  <c r="XP53" i="1" s="1"/>
  <c r="XQ53" i="1" s="1"/>
  <c r="XR53" i="1" s="1"/>
  <c r="XS53" i="1" s="1"/>
  <c r="XT53" i="1" s="1"/>
  <c r="XU53" i="1" s="1"/>
  <c r="XV53" i="1" s="1"/>
  <c r="XW53" i="1" s="1"/>
  <c r="XX53" i="1" s="1"/>
  <c r="XY53" i="1" s="1"/>
  <c r="XZ53" i="1" s="1"/>
  <c r="YA53" i="1" s="1"/>
  <c r="YB53" i="1" s="1"/>
  <c r="YC53" i="1" s="1"/>
  <c r="YD53" i="1" s="1"/>
  <c r="YE53" i="1" s="1"/>
  <c r="YF53" i="1" s="1"/>
  <c r="YG53" i="1" s="1"/>
  <c r="YH53" i="1" s="1"/>
  <c r="YI53" i="1" s="1"/>
  <c r="YJ53" i="1" s="1"/>
  <c r="YK53" i="1" s="1"/>
  <c r="YL53" i="1" s="1"/>
  <c r="YM53" i="1" s="1"/>
  <c r="YN53" i="1" s="1"/>
  <c r="YO53" i="1" s="1"/>
  <c r="YP53" i="1" s="1"/>
  <c r="YQ53" i="1" s="1"/>
  <c r="YR53" i="1" s="1"/>
  <c r="YS53" i="1" s="1"/>
  <c r="YT53" i="1" s="1"/>
  <c r="YU53" i="1" s="1"/>
  <c r="YV53" i="1" s="1"/>
  <c r="YW53" i="1" s="1"/>
  <c r="YX53" i="1" s="1"/>
  <c r="YY53" i="1" s="1"/>
  <c r="YZ53" i="1" s="1"/>
  <c r="ZA53" i="1" s="1"/>
  <c r="ZB53" i="1" s="1"/>
  <c r="ZC53" i="1" s="1"/>
  <c r="ZD53" i="1" s="1"/>
  <c r="ZE53" i="1" s="1"/>
  <c r="ZF53" i="1" s="1"/>
  <c r="ZG53" i="1" s="1"/>
  <c r="ZH53" i="1" s="1"/>
  <c r="ZI53" i="1" s="1"/>
  <c r="ZJ53" i="1" s="1"/>
  <c r="ZK53" i="1" s="1"/>
  <c r="ZL53" i="1" s="1"/>
  <c r="ZM53" i="1" s="1"/>
  <c r="ZN53" i="1" s="1"/>
  <c r="ZO53" i="1" s="1"/>
  <c r="ZP53" i="1" s="1"/>
  <c r="ZQ53" i="1" s="1"/>
  <c r="ZR53" i="1" s="1"/>
  <c r="ZS53" i="1" s="1"/>
  <c r="ZT53" i="1" s="1"/>
  <c r="ZU53" i="1" s="1"/>
  <c r="ZV53" i="1" s="1"/>
  <c r="ZW53" i="1" s="1"/>
  <c r="ZX53" i="1" s="1"/>
  <c r="ZY53" i="1" s="1"/>
  <c r="ZZ53" i="1" s="1"/>
  <c r="AAA53" i="1" s="1"/>
  <c r="AAB53" i="1" s="1"/>
  <c r="AAC53" i="1" s="1"/>
  <c r="AAD53" i="1" s="1"/>
  <c r="AAE53" i="1" s="1"/>
  <c r="AAF53" i="1" s="1"/>
  <c r="AAG53" i="1" s="1"/>
  <c r="AAH53" i="1" s="1"/>
  <c r="AAI53" i="1" s="1"/>
  <c r="AAJ53" i="1" s="1"/>
  <c r="AAK53" i="1" s="1"/>
  <c r="AAL53" i="1" s="1"/>
  <c r="AAM53" i="1" s="1"/>
  <c r="AAN53" i="1" s="1"/>
  <c r="AAO53" i="1" s="1"/>
  <c r="AAP53" i="1" s="1"/>
  <c r="AAQ53" i="1" s="1"/>
  <c r="AAR53" i="1" s="1"/>
  <c r="AAS53" i="1" s="1"/>
  <c r="AAT53" i="1" s="1"/>
  <c r="AAU53" i="1" s="1"/>
  <c r="AAV53" i="1" s="1"/>
  <c r="AAW53" i="1" s="1"/>
  <c r="AAX53" i="1" s="1"/>
  <c r="AAY53" i="1" s="1"/>
  <c r="AAZ53" i="1" s="1"/>
  <c r="ABA53" i="1" s="1"/>
  <c r="ABB53" i="1" s="1"/>
  <c r="ABC53" i="1" s="1"/>
  <c r="ABD53" i="1" s="1"/>
  <c r="ABE53" i="1" s="1"/>
  <c r="ABF53" i="1" s="1"/>
  <c r="ABG53" i="1" s="1"/>
  <c r="ABH53" i="1" s="1"/>
  <c r="ABI53" i="1" s="1"/>
  <c r="ABJ53" i="1" s="1"/>
  <c r="ABK53" i="1" s="1"/>
  <c r="ABL53" i="1" s="1"/>
  <c r="ABM53" i="1" s="1"/>
  <c r="ABN53" i="1" s="1"/>
  <c r="ABO53" i="1" s="1"/>
  <c r="ABP53" i="1" s="1"/>
  <c r="ABQ53" i="1" s="1"/>
  <c r="ABR53" i="1" s="1"/>
  <c r="ABS53" i="1" s="1"/>
  <c r="ABT53" i="1" s="1"/>
  <c r="ABU53" i="1" s="1"/>
  <c r="ABV53" i="1" s="1"/>
  <c r="ABW53" i="1" s="1"/>
  <c r="ABX53" i="1" s="1"/>
  <c r="ABY53" i="1" s="1"/>
  <c r="ABZ53" i="1" s="1"/>
  <c r="ACA53" i="1" s="1"/>
  <c r="ACB53" i="1" s="1"/>
  <c r="ACC53" i="1" s="1"/>
  <c r="ACD53" i="1" s="1"/>
  <c r="ACE53" i="1" s="1"/>
  <c r="ACF53" i="1" s="1"/>
  <c r="ACG53" i="1" s="1"/>
  <c r="ACH53" i="1" s="1"/>
  <c r="ACI53" i="1" s="1"/>
  <c r="ACJ53" i="1" s="1"/>
  <c r="ACK53" i="1" s="1"/>
  <c r="ACL53" i="1" s="1"/>
  <c r="ACM53" i="1" s="1"/>
  <c r="ACN53" i="1" s="1"/>
  <c r="ACO53" i="1" s="1"/>
  <c r="ACP53" i="1" s="1"/>
  <c r="ACQ53" i="1" s="1"/>
  <c r="ACR53" i="1" s="1"/>
  <c r="ACS53" i="1" s="1"/>
  <c r="ACT53" i="1" s="1"/>
  <c r="ACU53" i="1" s="1"/>
  <c r="ACV53" i="1" s="1"/>
  <c r="ACW53" i="1" s="1"/>
  <c r="ACX53" i="1" s="1"/>
  <c r="ACY53" i="1" s="1"/>
  <c r="ACZ53" i="1" s="1"/>
  <c r="ADA53" i="1" s="1"/>
  <c r="ADB53" i="1" s="1"/>
  <c r="ADC53" i="1" s="1"/>
  <c r="ADD53" i="1" s="1"/>
  <c r="ADE53" i="1" s="1"/>
  <c r="ADF53" i="1" s="1"/>
  <c r="ADG53" i="1" s="1"/>
  <c r="ADH53" i="1" s="1"/>
  <c r="ADI53" i="1" s="1"/>
  <c r="ADJ53" i="1" s="1"/>
  <c r="ADK53" i="1" s="1"/>
  <c r="ADL53" i="1" s="1"/>
  <c r="ADM53" i="1" s="1"/>
  <c r="ADN53" i="1" s="1"/>
  <c r="ADO53" i="1" s="1"/>
  <c r="ADP53" i="1" s="1"/>
  <c r="ADQ53" i="1" s="1"/>
  <c r="ADR53" i="1" s="1"/>
  <c r="ADS53" i="1" s="1"/>
  <c r="ADT53" i="1" s="1"/>
  <c r="ADU53" i="1" s="1"/>
  <c r="ADV53" i="1" s="1"/>
  <c r="ADW53" i="1" s="1"/>
  <c r="ADX53" i="1" s="1"/>
  <c r="ADY53" i="1" s="1"/>
  <c r="ADZ53" i="1" s="1"/>
  <c r="AEA53" i="1" s="1"/>
  <c r="AEB53" i="1" s="1"/>
  <c r="AEC53" i="1" s="1"/>
  <c r="AED53" i="1" s="1"/>
  <c r="AEE53" i="1" s="1"/>
  <c r="AEF53" i="1" s="1"/>
  <c r="AEG53" i="1" s="1"/>
  <c r="AEH53" i="1" s="1"/>
  <c r="AEI53" i="1" s="1"/>
  <c r="AEJ53" i="1" s="1"/>
  <c r="AEK53" i="1" s="1"/>
  <c r="AEL53" i="1" s="1"/>
  <c r="AEM53" i="1" s="1"/>
  <c r="AEN53" i="1" s="1"/>
  <c r="AEO53" i="1" s="1"/>
  <c r="AEP53" i="1" s="1"/>
  <c r="AEQ53" i="1" s="1"/>
  <c r="AER53" i="1" s="1"/>
  <c r="AES53" i="1" s="1"/>
  <c r="AET53" i="1" s="1"/>
  <c r="AEU53" i="1" s="1"/>
  <c r="AEV53" i="1" s="1"/>
  <c r="AEW53" i="1" s="1"/>
  <c r="AEX53" i="1" s="1"/>
  <c r="AEY53" i="1" s="1"/>
  <c r="AEZ53" i="1" s="1"/>
  <c r="AFA53" i="1" s="1"/>
  <c r="AFB53" i="1" s="1"/>
  <c r="AFC53" i="1" s="1"/>
  <c r="AFD53" i="1" s="1"/>
  <c r="AFE53" i="1" s="1"/>
  <c r="AFF53" i="1" s="1"/>
  <c r="AFG53" i="1" s="1"/>
  <c r="AFH53" i="1" s="1"/>
  <c r="AFI53" i="1" s="1"/>
  <c r="AFJ53" i="1" s="1"/>
  <c r="AFK53" i="1" s="1"/>
  <c r="AFL53" i="1" s="1"/>
  <c r="AFM53" i="1" s="1"/>
  <c r="AFN53" i="1" s="1"/>
  <c r="AFO53" i="1" s="1"/>
  <c r="AFP53" i="1" s="1"/>
  <c r="AFQ53" i="1" s="1"/>
  <c r="AFR53" i="1" s="1"/>
  <c r="AFS53" i="1" s="1"/>
  <c r="AFT53" i="1" s="1"/>
  <c r="AFU53" i="1" s="1"/>
  <c r="AFV53" i="1" s="1"/>
  <c r="AFW53" i="1" s="1"/>
  <c r="AFX53" i="1" s="1"/>
  <c r="AFY53" i="1" s="1"/>
  <c r="AFZ53" i="1" s="1"/>
  <c r="AGA53" i="1" s="1"/>
  <c r="AGB53" i="1" s="1"/>
  <c r="AGC53" i="1" s="1"/>
  <c r="AGD53" i="1" s="1"/>
  <c r="AGE53" i="1" s="1"/>
  <c r="AGF53" i="1" s="1"/>
  <c r="AGG53" i="1" s="1"/>
  <c r="AGH53" i="1" s="1"/>
  <c r="AGI53" i="1" s="1"/>
  <c r="AGJ53" i="1" s="1"/>
  <c r="AGK53" i="1" s="1"/>
  <c r="AGL53" i="1" s="1"/>
  <c r="AGM53" i="1" s="1"/>
  <c r="AGN53" i="1" s="1"/>
  <c r="AGO53" i="1" s="1"/>
  <c r="AGP53" i="1" s="1"/>
  <c r="AGQ53" i="1" s="1"/>
  <c r="AGR53" i="1" s="1"/>
  <c r="AGS53" i="1" s="1"/>
  <c r="AGT53" i="1" s="1"/>
  <c r="AGU53" i="1" s="1"/>
  <c r="AGV53" i="1" s="1"/>
  <c r="AGW53" i="1" s="1"/>
  <c r="AGX53" i="1" s="1"/>
  <c r="AGY53" i="1" s="1"/>
  <c r="AGZ53" i="1" s="1"/>
  <c r="AHA53" i="1" s="1"/>
  <c r="AHB53" i="1" s="1"/>
  <c r="AHC53" i="1" s="1"/>
  <c r="AHD53" i="1" s="1"/>
  <c r="AHE53" i="1" s="1"/>
  <c r="AHF53" i="1" s="1"/>
  <c r="AHG53" i="1" s="1"/>
  <c r="AHH53" i="1" s="1"/>
  <c r="AHI53" i="1" s="1"/>
  <c r="AHJ53" i="1" s="1"/>
  <c r="AHK53" i="1" s="1"/>
  <c r="AHL53" i="1" s="1"/>
  <c r="AHM53" i="1" s="1"/>
  <c r="AHN53" i="1" s="1"/>
  <c r="AHO53" i="1" s="1"/>
  <c r="AHP53" i="1" s="1"/>
  <c r="AHQ53" i="1" s="1"/>
  <c r="AHR53" i="1" s="1"/>
  <c r="AHS53" i="1" s="1"/>
  <c r="AHT53" i="1" s="1"/>
  <c r="AHU53" i="1" s="1"/>
  <c r="AHV53" i="1" s="1"/>
  <c r="AHW53" i="1" s="1"/>
  <c r="AHX53" i="1" s="1"/>
  <c r="AHY53" i="1" s="1"/>
  <c r="AHZ53" i="1" s="1"/>
  <c r="AIA53" i="1" s="1"/>
  <c r="AIB53" i="1" s="1"/>
  <c r="AIC53" i="1" s="1"/>
  <c r="AID53" i="1" s="1"/>
  <c r="AIE53" i="1" s="1"/>
  <c r="AIF53" i="1" s="1"/>
  <c r="AIG53" i="1" s="1"/>
  <c r="AIH53" i="1" s="1"/>
  <c r="AII53" i="1" s="1"/>
  <c r="AIJ53" i="1" s="1"/>
  <c r="AIK53" i="1" s="1"/>
  <c r="AIL53" i="1" s="1"/>
  <c r="AIM53" i="1" s="1"/>
  <c r="AIN53" i="1" s="1"/>
  <c r="AIO53" i="1" s="1"/>
  <c r="AIP53" i="1" s="1"/>
  <c r="AIQ53" i="1" s="1"/>
  <c r="AIR53" i="1" s="1"/>
  <c r="AIS53" i="1" s="1"/>
  <c r="AIT53" i="1" s="1"/>
  <c r="AIU53" i="1" s="1"/>
  <c r="AIV53" i="1" s="1"/>
  <c r="AIW53" i="1" s="1"/>
  <c r="AIX53" i="1" s="1"/>
  <c r="AIY53" i="1" s="1"/>
  <c r="AIZ53" i="1" s="1"/>
  <c r="AJA53" i="1" s="1"/>
  <c r="AJB53" i="1" s="1"/>
  <c r="AJC53" i="1" s="1"/>
  <c r="AJD53" i="1" s="1"/>
  <c r="AJE53" i="1" s="1"/>
  <c r="AJF53" i="1" s="1"/>
  <c r="AJG53" i="1" s="1"/>
  <c r="AJH53" i="1" s="1"/>
  <c r="AJI53" i="1" s="1"/>
  <c r="AJJ53" i="1" s="1"/>
  <c r="AJK53" i="1" s="1"/>
  <c r="AJL53" i="1" s="1"/>
  <c r="AJM53" i="1" s="1"/>
  <c r="AJN53" i="1" s="1"/>
  <c r="AJO53" i="1" s="1"/>
  <c r="AJP53" i="1" s="1"/>
  <c r="AJQ53" i="1" s="1"/>
  <c r="AJR53" i="1" s="1"/>
  <c r="AJS53" i="1" s="1"/>
  <c r="AJT53" i="1" s="1"/>
  <c r="AJU53" i="1" s="1"/>
  <c r="AJV53" i="1" s="1"/>
  <c r="AJW53" i="1" s="1"/>
  <c r="AJX53" i="1" s="1"/>
  <c r="AJY53" i="1" s="1"/>
  <c r="AJZ53" i="1" s="1"/>
  <c r="AKA53" i="1" s="1"/>
  <c r="AKB53" i="1" s="1"/>
  <c r="AKC53" i="1" s="1"/>
  <c r="AKD53" i="1" s="1"/>
  <c r="AKE53" i="1" s="1"/>
  <c r="AKF53" i="1" s="1"/>
  <c r="AKG53" i="1" s="1"/>
  <c r="AKH53" i="1" s="1"/>
  <c r="AKI53" i="1" s="1"/>
  <c r="AKJ53" i="1" s="1"/>
  <c r="AKK53" i="1" s="1"/>
  <c r="AKL53" i="1" s="1"/>
  <c r="AKM53" i="1" s="1"/>
  <c r="AKN53" i="1" s="1"/>
  <c r="AKO53" i="1" s="1"/>
  <c r="AKP53" i="1" s="1"/>
  <c r="AKQ53" i="1" s="1"/>
  <c r="AKR53" i="1" s="1"/>
  <c r="AKS53" i="1" s="1"/>
  <c r="AKT53" i="1" s="1"/>
  <c r="AKU53" i="1" s="1"/>
  <c r="AKV53" i="1" s="1"/>
  <c r="AKW53" i="1" s="1"/>
  <c r="AKX53" i="1" s="1"/>
  <c r="AKY53" i="1" s="1"/>
  <c r="AKZ53" i="1" s="1"/>
  <c r="ALA53" i="1" s="1"/>
  <c r="ALB53" i="1" s="1"/>
  <c r="ALC53" i="1" s="1"/>
  <c r="ALD53" i="1" s="1"/>
  <c r="ALE53" i="1" s="1"/>
  <c r="ALF53" i="1" s="1"/>
  <c r="ALG53" i="1" s="1"/>
  <c r="ALH53" i="1" s="1"/>
  <c r="ALI53" i="1" s="1"/>
  <c r="ALJ53" i="1" s="1"/>
  <c r="ALK53" i="1" s="1"/>
  <c r="ALL53" i="1" s="1"/>
  <c r="ALM53" i="1" s="1"/>
  <c r="ALN53" i="1" s="1"/>
  <c r="ALO53" i="1" s="1"/>
  <c r="ALP53" i="1" s="1"/>
  <c r="ALQ53" i="1" s="1"/>
  <c r="ALR53" i="1" s="1"/>
  <c r="ALS53" i="1" s="1"/>
  <c r="ALT53" i="1" s="1"/>
  <c r="ALU53" i="1" s="1"/>
  <c r="ALV53" i="1" s="1"/>
  <c r="ALW53" i="1" s="1"/>
  <c r="ALX53" i="1" s="1"/>
  <c r="ALY53" i="1" s="1"/>
  <c r="ALZ53" i="1" s="1"/>
  <c r="AMA53" i="1" s="1"/>
  <c r="AMB53" i="1" s="1"/>
  <c r="AMC53" i="1" s="1"/>
  <c r="AMD53" i="1" s="1"/>
  <c r="AME53" i="1" s="1"/>
  <c r="AMF53" i="1" s="1"/>
  <c r="AMG53" i="1" s="1"/>
  <c r="AMH53" i="1" s="1"/>
  <c r="AMI53" i="1" s="1"/>
  <c r="AMJ53" i="1" s="1"/>
  <c r="AMK53" i="1" s="1"/>
  <c r="AML53" i="1" s="1"/>
  <c r="AMM53" i="1" s="1"/>
  <c r="AMN53" i="1" s="1"/>
  <c r="AMO53" i="1" s="1"/>
  <c r="AMP53" i="1" s="1"/>
  <c r="AMQ53" i="1" s="1"/>
  <c r="AMR53" i="1" s="1"/>
  <c r="AMS53" i="1" s="1"/>
  <c r="AMT53" i="1" s="1"/>
  <c r="AMU53" i="1" s="1"/>
  <c r="AMV53" i="1" s="1"/>
  <c r="AMW53" i="1" s="1"/>
  <c r="AMX53" i="1" s="1"/>
  <c r="AMY53" i="1" s="1"/>
  <c r="AMZ53" i="1" s="1"/>
  <c r="ANA53" i="1" s="1"/>
  <c r="ANB53" i="1" s="1"/>
  <c r="ANC53" i="1" s="1"/>
  <c r="AND53" i="1" s="1"/>
  <c r="ANE53" i="1" s="1"/>
  <c r="ANF53" i="1" s="1"/>
  <c r="ANG53" i="1" s="1"/>
  <c r="ANH53" i="1" s="1"/>
  <c r="ANI53" i="1" s="1"/>
  <c r="ANJ53" i="1" s="1"/>
  <c r="ANK53" i="1" s="1"/>
  <c r="ANL53" i="1" s="1"/>
  <c r="ANM53" i="1" s="1"/>
  <c r="ANN53" i="1" s="1"/>
  <c r="ANO53" i="1" s="1"/>
  <c r="ANP53" i="1" s="1"/>
  <c r="ANQ53" i="1" s="1"/>
  <c r="ANR53" i="1" s="1"/>
  <c r="ANS53" i="1" s="1"/>
  <c r="ANT53" i="1" s="1"/>
  <c r="ANU53" i="1" s="1"/>
  <c r="ANV53" i="1" s="1"/>
  <c r="ANW53" i="1" s="1"/>
  <c r="ANX53" i="1" s="1"/>
  <c r="ANY53" i="1" s="1"/>
  <c r="ANZ53" i="1" s="1"/>
  <c r="AOA53" i="1" s="1"/>
  <c r="AOB53" i="1" s="1"/>
  <c r="AOC53" i="1" s="1"/>
  <c r="AOD53" i="1" s="1"/>
  <c r="AOE53" i="1" s="1"/>
  <c r="AOF53" i="1" s="1"/>
  <c r="AOG53" i="1" s="1"/>
  <c r="AOH53" i="1" s="1"/>
  <c r="AOI53" i="1" s="1"/>
  <c r="AOJ53" i="1" s="1"/>
  <c r="AOK53" i="1" s="1"/>
  <c r="AOL53" i="1" s="1"/>
  <c r="AOM53" i="1" s="1"/>
  <c r="AON53" i="1" s="1"/>
  <c r="AOO53" i="1" s="1"/>
  <c r="AOP53" i="1" s="1"/>
  <c r="AOQ53" i="1" s="1"/>
  <c r="AOR53" i="1" s="1"/>
  <c r="AOS53" i="1" s="1"/>
  <c r="AOT53" i="1" s="1"/>
  <c r="AOU53" i="1" s="1"/>
  <c r="AOV53" i="1" s="1"/>
  <c r="AOW53" i="1" s="1"/>
  <c r="AOX53" i="1" s="1"/>
  <c r="AOY53" i="1" s="1"/>
  <c r="AOZ53" i="1" s="1"/>
  <c r="APA53" i="1" s="1"/>
  <c r="APB53" i="1" s="1"/>
  <c r="APC53" i="1" s="1"/>
  <c r="APD53" i="1" s="1"/>
  <c r="APE53" i="1" s="1"/>
  <c r="APF53" i="1" s="1"/>
  <c r="APG53" i="1" s="1"/>
  <c r="APH53" i="1" s="1"/>
  <c r="API53" i="1" s="1"/>
  <c r="APJ53" i="1" s="1"/>
  <c r="APK53" i="1" s="1"/>
  <c r="APL53" i="1" s="1"/>
  <c r="APM53" i="1" s="1"/>
  <c r="APN53" i="1" s="1"/>
  <c r="APO53" i="1" s="1"/>
  <c r="APP53" i="1" s="1"/>
  <c r="APQ53" i="1" s="1"/>
  <c r="APR53" i="1" s="1"/>
  <c r="APS53" i="1" s="1"/>
  <c r="APT53" i="1" s="1"/>
  <c r="APU53" i="1" s="1"/>
  <c r="APV53" i="1" s="1"/>
  <c r="APW53" i="1" s="1"/>
  <c r="APX53" i="1" s="1"/>
  <c r="APY53" i="1" s="1"/>
  <c r="APZ53" i="1" s="1"/>
  <c r="AQA53" i="1" s="1"/>
  <c r="AQB53" i="1" s="1"/>
  <c r="AQC53" i="1" s="1"/>
  <c r="AQD53" i="1" s="1"/>
  <c r="AQE53" i="1" s="1"/>
  <c r="AQF53" i="1" s="1"/>
  <c r="AQG53" i="1" s="1"/>
  <c r="AQH53" i="1" s="1"/>
  <c r="AQI53" i="1" s="1"/>
  <c r="AQJ53" i="1" s="1"/>
  <c r="AQK53" i="1" s="1"/>
  <c r="AQL53" i="1" s="1"/>
  <c r="AQM53" i="1" s="1"/>
  <c r="AQN53" i="1" s="1"/>
  <c r="AQO53" i="1" s="1"/>
  <c r="AQP53" i="1" s="1"/>
  <c r="AQQ53" i="1" s="1"/>
  <c r="AQR53" i="1" s="1"/>
  <c r="AQS53" i="1" s="1"/>
  <c r="AQT53" i="1" s="1"/>
  <c r="AQU53" i="1" s="1"/>
  <c r="AQV53" i="1" s="1"/>
  <c r="AQW53" i="1" s="1"/>
  <c r="AQX53" i="1" s="1"/>
  <c r="AQY53" i="1" s="1"/>
  <c r="AQZ53" i="1" s="1"/>
  <c r="ARA53" i="1" s="1"/>
  <c r="ARB53" i="1" s="1"/>
  <c r="ARC53" i="1" s="1"/>
  <c r="ARD53" i="1" s="1"/>
  <c r="ARE53" i="1" s="1"/>
  <c r="ARF53" i="1" s="1"/>
  <c r="ARG53" i="1" s="1"/>
  <c r="ARH53" i="1" s="1"/>
  <c r="ARI53" i="1" s="1"/>
  <c r="ARJ53" i="1" s="1"/>
  <c r="ARK53" i="1" s="1"/>
  <c r="ARL53" i="1" s="1"/>
  <c r="ARM53" i="1" s="1"/>
  <c r="ARN53" i="1" s="1"/>
  <c r="ARO53" i="1" s="1"/>
  <c r="ARP53" i="1" s="1"/>
  <c r="ARQ53" i="1" s="1"/>
  <c r="ARR53" i="1" s="1"/>
  <c r="ARS53" i="1" s="1"/>
  <c r="ART53" i="1" s="1"/>
  <c r="ARU53" i="1" s="1"/>
  <c r="ARV53" i="1" s="1"/>
  <c r="ARW53" i="1" s="1"/>
  <c r="ARX53" i="1" s="1"/>
  <c r="ARY53" i="1" s="1"/>
  <c r="ARZ53" i="1" s="1"/>
  <c r="ASA53" i="1" s="1"/>
  <c r="ASB53" i="1" s="1"/>
  <c r="ASC53" i="1" s="1"/>
  <c r="ASD53" i="1" s="1"/>
  <c r="ASE53" i="1" s="1"/>
  <c r="ASF53" i="1" s="1"/>
  <c r="ASG53" i="1" s="1"/>
  <c r="ASH53" i="1" s="1"/>
  <c r="ASI53" i="1" s="1"/>
  <c r="ASJ53" i="1" s="1"/>
  <c r="ASK53" i="1" s="1"/>
  <c r="ASL53" i="1" s="1"/>
  <c r="ASM53" i="1" s="1"/>
  <c r="ASN53" i="1" s="1"/>
  <c r="ASO53" i="1" s="1"/>
  <c r="ASP53" i="1" s="1"/>
  <c r="ASQ53" i="1" s="1"/>
  <c r="ASR53" i="1" s="1"/>
  <c r="ASS53" i="1" s="1"/>
  <c r="AST53" i="1" s="1"/>
  <c r="ASU53" i="1" s="1"/>
  <c r="ASV53" i="1" s="1"/>
  <c r="ASW53" i="1" s="1"/>
  <c r="ASX53" i="1" s="1"/>
  <c r="ASY53" i="1" s="1"/>
  <c r="ASZ53" i="1" s="1"/>
  <c r="ATA53" i="1" s="1"/>
  <c r="ATB53" i="1" s="1"/>
  <c r="ATC53" i="1" s="1"/>
  <c r="ATD53" i="1" s="1"/>
  <c r="ATE53" i="1" s="1"/>
  <c r="ATF53" i="1" s="1"/>
  <c r="ATG53" i="1" s="1"/>
  <c r="ATH53" i="1" s="1"/>
  <c r="ATI53" i="1" s="1"/>
  <c r="ATJ53" i="1" s="1"/>
  <c r="ATK53" i="1" s="1"/>
  <c r="ATL53" i="1" s="1"/>
  <c r="ATM53" i="1" s="1"/>
  <c r="ATN53" i="1" s="1"/>
  <c r="ATO53" i="1" s="1"/>
  <c r="ATP53" i="1" s="1"/>
  <c r="ATQ53" i="1" s="1"/>
  <c r="ATR53" i="1" s="1"/>
  <c r="ATS53" i="1" s="1"/>
  <c r="ATT53" i="1" s="1"/>
  <c r="ATU53" i="1" s="1"/>
  <c r="ATV53" i="1" s="1"/>
  <c r="ATW53" i="1" s="1"/>
  <c r="ATX53" i="1" s="1"/>
  <c r="ATY53" i="1" s="1"/>
  <c r="ATZ53" i="1" s="1"/>
  <c r="AUA53" i="1" s="1"/>
  <c r="AUB53" i="1" s="1"/>
  <c r="AUC53" i="1" s="1"/>
  <c r="AUD53" i="1" s="1"/>
  <c r="AUE53" i="1" s="1"/>
  <c r="AUF53" i="1" s="1"/>
  <c r="AUG53" i="1" s="1"/>
  <c r="AUH53" i="1" s="1"/>
  <c r="AUI53" i="1" s="1"/>
  <c r="AUJ53" i="1" s="1"/>
  <c r="AUK53" i="1" s="1"/>
  <c r="AUL53" i="1" s="1"/>
  <c r="AUM53" i="1" s="1"/>
  <c r="AUN53" i="1" s="1"/>
  <c r="AUO53" i="1" s="1"/>
  <c r="AUP53" i="1" s="1"/>
  <c r="AUQ53" i="1" s="1"/>
  <c r="AUR53" i="1" s="1"/>
  <c r="AUS53" i="1" s="1"/>
  <c r="AUT53" i="1" s="1"/>
  <c r="AUU53" i="1" s="1"/>
  <c r="AUV53" i="1" s="1"/>
  <c r="AUW53" i="1" s="1"/>
  <c r="AUX53" i="1" s="1"/>
  <c r="AUY53" i="1" s="1"/>
  <c r="AUZ53" i="1" s="1"/>
  <c r="AVA53" i="1" s="1"/>
  <c r="AVB53" i="1" s="1"/>
  <c r="AVC53" i="1" s="1"/>
  <c r="AVD53" i="1" s="1"/>
  <c r="AVE53" i="1" s="1"/>
  <c r="AVF53" i="1" s="1"/>
  <c r="AVG53" i="1" s="1"/>
  <c r="AVH53" i="1" s="1"/>
  <c r="AVI53" i="1" s="1"/>
  <c r="AVJ53" i="1" s="1"/>
  <c r="AVK53" i="1" s="1"/>
  <c r="AVL53" i="1" s="1"/>
  <c r="AVM53" i="1" s="1"/>
  <c r="AVN53" i="1" s="1"/>
  <c r="AVO53" i="1" s="1"/>
  <c r="AVP53" i="1" s="1"/>
  <c r="AVQ53" i="1" s="1"/>
  <c r="AVR53" i="1" s="1"/>
  <c r="AVS53" i="1" s="1"/>
  <c r="AVT53" i="1" s="1"/>
  <c r="AVU53" i="1" s="1"/>
  <c r="AVV53" i="1" s="1"/>
  <c r="AVW53" i="1" s="1"/>
  <c r="AVX53" i="1" s="1"/>
  <c r="AVY53" i="1" s="1"/>
  <c r="AVZ53" i="1" s="1"/>
  <c r="AWA53" i="1" s="1"/>
  <c r="AWB53" i="1" s="1"/>
  <c r="AWC53" i="1" s="1"/>
  <c r="AWD53" i="1" s="1"/>
  <c r="AWE53" i="1" s="1"/>
  <c r="AWF53" i="1" s="1"/>
  <c r="AWG53" i="1" s="1"/>
  <c r="AWH53" i="1" s="1"/>
  <c r="AWI53" i="1" s="1"/>
  <c r="AWJ53" i="1" s="1"/>
  <c r="AWK53" i="1" s="1"/>
  <c r="AWL53" i="1" s="1"/>
  <c r="AWM53" i="1" s="1"/>
  <c r="AWN53" i="1" s="1"/>
  <c r="AWO53" i="1" s="1"/>
  <c r="AWP53" i="1" s="1"/>
  <c r="AWQ53" i="1" s="1"/>
  <c r="AWR53" i="1" s="1"/>
  <c r="AWS53" i="1" s="1"/>
  <c r="AWT53" i="1" s="1"/>
  <c r="AWU53" i="1" s="1"/>
  <c r="AWV53" i="1" s="1"/>
  <c r="AWW53" i="1" s="1"/>
  <c r="AWX53" i="1" s="1"/>
  <c r="AWY53" i="1" s="1"/>
  <c r="AWZ53" i="1" s="1"/>
  <c r="AXA53" i="1" s="1"/>
  <c r="AXB53" i="1" s="1"/>
  <c r="AXC53" i="1" s="1"/>
  <c r="AXD53" i="1" s="1"/>
  <c r="AXE53" i="1" s="1"/>
  <c r="AXF53" i="1" s="1"/>
  <c r="AXG53" i="1" s="1"/>
  <c r="AXH53" i="1" s="1"/>
  <c r="AXI53" i="1" s="1"/>
  <c r="AXJ53" i="1" s="1"/>
  <c r="AXK53" i="1" s="1"/>
  <c r="AXL53" i="1" s="1"/>
  <c r="AXM53" i="1" s="1"/>
  <c r="AXN53" i="1" s="1"/>
  <c r="AXO53" i="1" s="1"/>
  <c r="AXP53" i="1" s="1"/>
  <c r="AXQ53" i="1" s="1"/>
  <c r="AXR53" i="1" s="1"/>
  <c r="AXS53" i="1" s="1"/>
  <c r="AXT53" i="1" s="1"/>
  <c r="AXU53" i="1" s="1"/>
  <c r="AXV53" i="1" s="1"/>
  <c r="AXW53" i="1" s="1"/>
  <c r="AXX53" i="1" s="1"/>
  <c r="AXY53" i="1" s="1"/>
  <c r="AXZ53" i="1" s="1"/>
  <c r="AYA53" i="1" s="1"/>
  <c r="AYB53" i="1" s="1"/>
  <c r="AYC53" i="1" s="1"/>
  <c r="AYD53" i="1" s="1"/>
  <c r="AYE53" i="1" s="1"/>
  <c r="AYF53" i="1" s="1"/>
  <c r="AYG53" i="1" s="1"/>
  <c r="AYH53" i="1" s="1"/>
  <c r="AYI53" i="1" s="1"/>
  <c r="AYJ53" i="1" s="1"/>
  <c r="AYK53" i="1" s="1"/>
  <c r="AYL53" i="1" s="1"/>
  <c r="AYM53" i="1" s="1"/>
  <c r="AYN53" i="1" s="1"/>
  <c r="AYO53" i="1" s="1"/>
  <c r="AYP53" i="1" s="1"/>
  <c r="AYQ53" i="1" s="1"/>
  <c r="AYR53" i="1" s="1"/>
  <c r="AYS53" i="1" s="1"/>
  <c r="AYT53" i="1" s="1"/>
  <c r="AYU53" i="1" s="1"/>
  <c r="AYV53" i="1" s="1"/>
  <c r="AYW53" i="1" s="1"/>
  <c r="AYX53" i="1" s="1"/>
  <c r="AYY53" i="1" s="1"/>
  <c r="AYZ53" i="1" s="1"/>
  <c r="AZA53" i="1" s="1"/>
  <c r="AZB53" i="1" s="1"/>
  <c r="AZC53" i="1" s="1"/>
  <c r="AZD53" i="1" s="1"/>
  <c r="AZE53" i="1" s="1"/>
  <c r="AZF53" i="1" s="1"/>
  <c r="AZG53" i="1" s="1"/>
  <c r="AZH53" i="1" s="1"/>
  <c r="AZI53" i="1" s="1"/>
  <c r="AZJ53" i="1" s="1"/>
  <c r="AZK53" i="1" s="1"/>
  <c r="AZL53" i="1" s="1"/>
  <c r="AZM53" i="1" s="1"/>
  <c r="AZN53" i="1" s="1"/>
  <c r="AZO53" i="1" s="1"/>
  <c r="AZP53" i="1" s="1"/>
  <c r="AZQ53" i="1" s="1"/>
  <c r="AZR53" i="1" s="1"/>
  <c r="AZS53" i="1" s="1"/>
  <c r="AZT53" i="1" s="1"/>
  <c r="AZU53" i="1" s="1"/>
  <c r="AZV53" i="1" s="1"/>
  <c r="AZW53" i="1" s="1"/>
  <c r="AZX53" i="1" s="1"/>
  <c r="AZY53" i="1" s="1"/>
  <c r="AZZ53" i="1" s="1"/>
  <c r="BAA53" i="1" s="1"/>
  <c r="BAB53" i="1" s="1"/>
  <c r="BAC53" i="1" s="1"/>
  <c r="BAD53" i="1" s="1"/>
  <c r="BAE53" i="1" s="1"/>
  <c r="BAF53" i="1" s="1"/>
  <c r="BAG53" i="1" s="1"/>
  <c r="BAH53" i="1" s="1"/>
  <c r="BAI53" i="1" s="1"/>
  <c r="BAJ53" i="1" s="1"/>
  <c r="BAK53" i="1" s="1"/>
  <c r="BAL53" i="1" s="1"/>
  <c r="BAM53" i="1" s="1"/>
  <c r="BAN53" i="1" s="1"/>
  <c r="BAO53" i="1" s="1"/>
  <c r="BAP53" i="1" s="1"/>
  <c r="BAQ53" i="1" s="1"/>
  <c r="BAR53" i="1" s="1"/>
  <c r="BAS53" i="1" s="1"/>
  <c r="BAT53" i="1" s="1"/>
  <c r="BAU53" i="1" s="1"/>
  <c r="BAV53" i="1" s="1"/>
  <c r="BAW53" i="1" s="1"/>
  <c r="BAX53" i="1" s="1"/>
  <c r="BAY53" i="1" s="1"/>
  <c r="BAZ53" i="1" s="1"/>
  <c r="BBA53" i="1" s="1"/>
  <c r="BBB53" i="1" s="1"/>
  <c r="BBC53" i="1" s="1"/>
  <c r="BBD53" i="1" s="1"/>
  <c r="BBE53" i="1" s="1"/>
  <c r="BBF53" i="1" s="1"/>
  <c r="BBG53" i="1" s="1"/>
  <c r="BBH53" i="1" s="1"/>
  <c r="BBI53" i="1" s="1"/>
  <c r="BBJ53" i="1" s="1"/>
  <c r="BBK53" i="1" s="1"/>
  <c r="BBL53" i="1" s="1"/>
  <c r="BBM53" i="1" s="1"/>
  <c r="BBN53" i="1" s="1"/>
  <c r="BBO53" i="1" s="1"/>
  <c r="BBP53" i="1" s="1"/>
  <c r="BBQ53" i="1" s="1"/>
  <c r="BBR53" i="1" s="1"/>
  <c r="BBS53" i="1" s="1"/>
  <c r="BBT53" i="1" s="1"/>
  <c r="BBU53" i="1" s="1"/>
  <c r="BBV53" i="1" s="1"/>
  <c r="BBW53" i="1" s="1"/>
  <c r="BBX53" i="1" s="1"/>
  <c r="BBY53" i="1" s="1"/>
  <c r="BBZ53" i="1" s="1"/>
  <c r="BCA53" i="1" s="1"/>
  <c r="BCB53" i="1" s="1"/>
  <c r="BCC53" i="1" s="1"/>
  <c r="BCD53" i="1" s="1"/>
  <c r="BCE53" i="1" s="1"/>
  <c r="BCF53" i="1" s="1"/>
  <c r="BCG53" i="1" s="1"/>
  <c r="BCH53" i="1" s="1"/>
  <c r="BCI53" i="1" s="1"/>
  <c r="BCJ53" i="1" s="1"/>
  <c r="BCK53" i="1" s="1"/>
  <c r="BCL53" i="1" s="1"/>
  <c r="BCM53" i="1" s="1"/>
  <c r="BCN53" i="1" s="1"/>
  <c r="BCO53" i="1" s="1"/>
  <c r="BCP53" i="1" s="1"/>
  <c r="BCQ53" i="1" s="1"/>
  <c r="BCR53" i="1" s="1"/>
  <c r="BCS53" i="1" s="1"/>
  <c r="BCT53" i="1" s="1"/>
  <c r="BCU53" i="1" s="1"/>
  <c r="BCV53" i="1" s="1"/>
  <c r="BCW53" i="1" s="1"/>
  <c r="BCX53" i="1" s="1"/>
  <c r="BCY53" i="1" s="1"/>
  <c r="BCZ53" i="1" s="1"/>
  <c r="BDA53" i="1" s="1"/>
  <c r="BDB53" i="1" s="1"/>
  <c r="BDC53" i="1" s="1"/>
  <c r="BDD53" i="1" s="1"/>
  <c r="BDE53" i="1" s="1"/>
  <c r="BDF53" i="1" s="1"/>
  <c r="BDG53" i="1" s="1"/>
  <c r="BDH53" i="1" s="1"/>
  <c r="BDI53" i="1" s="1"/>
  <c r="BDJ53" i="1" s="1"/>
  <c r="BDK53" i="1" s="1"/>
  <c r="BDL53" i="1" s="1"/>
  <c r="BDM53" i="1" s="1"/>
  <c r="BDN53" i="1" s="1"/>
  <c r="BDO53" i="1" s="1"/>
  <c r="BDP53" i="1" s="1"/>
  <c r="BDQ53" i="1" s="1"/>
  <c r="BDR53" i="1" s="1"/>
  <c r="BDS53" i="1" s="1"/>
  <c r="BDT53" i="1" s="1"/>
  <c r="BDU53" i="1" s="1"/>
  <c r="BDV53" i="1" s="1"/>
  <c r="BDW53" i="1" s="1"/>
  <c r="BDX53" i="1" s="1"/>
  <c r="BDY53" i="1" s="1"/>
  <c r="BDZ53" i="1" s="1"/>
  <c r="BEA53" i="1" s="1"/>
  <c r="BEB53" i="1" s="1"/>
  <c r="BEC53" i="1" s="1"/>
  <c r="BED53" i="1" s="1"/>
  <c r="BEE53" i="1" s="1"/>
  <c r="BEF53" i="1" s="1"/>
  <c r="BEG53" i="1" s="1"/>
  <c r="BEH53" i="1" s="1"/>
  <c r="BEI53" i="1" s="1"/>
  <c r="BEJ53" i="1" s="1"/>
  <c r="BEK53" i="1" s="1"/>
  <c r="BEL53" i="1" s="1"/>
  <c r="BEM53" i="1" s="1"/>
  <c r="BEN53" i="1" s="1"/>
  <c r="BEO53" i="1" s="1"/>
  <c r="BEP53" i="1" s="1"/>
  <c r="BEQ53" i="1" s="1"/>
  <c r="BER53" i="1" s="1"/>
  <c r="BES53" i="1" s="1"/>
  <c r="BET53" i="1" s="1"/>
  <c r="BEU53" i="1" s="1"/>
  <c r="BEV53" i="1" s="1"/>
  <c r="BEW53" i="1" s="1"/>
  <c r="BEX53" i="1" s="1"/>
  <c r="BEY53" i="1" s="1"/>
  <c r="BEZ53" i="1" s="1"/>
  <c r="BFA53" i="1" s="1"/>
  <c r="BFB53" i="1" s="1"/>
  <c r="BFC53" i="1" s="1"/>
  <c r="BFD53" i="1" s="1"/>
  <c r="BFE53" i="1" s="1"/>
  <c r="BFF53" i="1" s="1"/>
  <c r="BFG53" i="1" s="1"/>
  <c r="BFH53" i="1" s="1"/>
  <c r="BFI53" i="1" s="1"/>
  <c r="BFJ53" i="1" s="1"/>
  <c r="BFK53" i="1" s="1"/>
  <c r="BFL53" i="1" s="1"/>
  <c r="BFM53" i="1" s="1"/>
  <c r="BFN53" i="1" s="1"/>
  <c r="BFO53" i="1" s="1"/>
  <c r="BFP53" i="1" s="1"/>
  <c r="BFQ53" i="1" s="1"/>
  <c r="BFR53" i="1" s="1"/>
  <c r="BFS53" i="1" s="1"/>
  <c r="BFT53" i="1" s="1"/>
  <c r="BFU53" i="1" s="1"/>
  <c r="BFV53" i="1" s="1"/>
  <c r="BFW53" i="1" s="1"/>
  <c r="BFX53" i="1" s="1"/>
  <c r="BFY53" i="1" s="1"/>
  <c r="BFZ53" i="1" s="1"/>
  <c r="BGA53" i="1" s="1"/>
  <c r="BGB53" i="1" s="1"/>
  <c r="BGC53" i="1" s="1"/>
  <c r="BGD53" i="1" s="1"/>
  <c r="BGE53" i="1" s="1"/>
  <c r="BGF53" i="1" s="1"/>
  <c r="BGG53" i="1" s="1"/>
  <c r="BGH53" i="1" s="1"/>
  <c r="BGI53" i="1" s="1"/>
  <c r="BGJ53" i="1" s="1"/>
  <c r="BGK53" i="1" s="1"/>
  <c r="BGL53" i="1" s="1"/>
  <c r="BGM53" i="1" s="1"/>
  <c r="BGN53" i="1" s="1"/>
  <c r="BGO53" i="1" s="1"/>
  <c r="BGP53" i="1" s="1"/>
  <c r="BGQ53" i="1" s="1"/>
  <c r="BGR53" i="1" s="1"/>
  <c r="BGS53" i="1" s="1"/>
  <c r="BGT53" i="1" s="1"/>
  <c r="BGU53" i="1" s="1"/>
  <c r="BGV53" i="1" s="1"/>
  <c r="BGW53" i="1" s="1"/>
  <c r="BGX53" i="1" s="1"/>
  <c r="BGY53" i="1" s="1"/>
  <c r="BGZ53" i="1" s="1"/>
  <c r="BHA53" i="1" s="1"/>
  <c r="BHB53" i="1" s="1"/>
  <c r="BHC53" i="1" s="1"/>
  <c r="BHD53" i="1" s="1"/>
  <c r="BHE53" i="1" s="1"/>
  <c r="BHF53" i="1" s="1"/>
  <c r="BHG53" i="1" s="1"/>
  <c r="BHH53" i="1" s="1"/>
  <c r="BHI53" i="1" s="1"/>
  <c r="BHJ53" i="1" s="1"/>
  <c r="BHK53" i="1" s="1"/>
  <c r="BHL53" i="1" s="1"/>
  <c r="BHM53" i="1" s="1"/>
  <c r="BHN53" i="1" s="1"/>
  <c r="BHO53" i="1" s="1"/>
  <c r="BHP53" i="1" s="1"/>
  <c r="BHQ53" i="1" s="1"/>
  <c r="BHR53" i="1" s="1"/>
  <c r="BHS53" i="1" s="1"/>
  <c r="BHT53" i="1" s="1"/>
  <c r="BHU53" i="1" s="1"/>
  <c r="BHV53" i="1" s="1"/>
  <c r="BHW53" i="1" s="1"/>
  <c r="BHX53" i="1" s="1"/>
  <c r="BHY53" i="1" s="1"/>
  <c r="BHZ53" i="1" s="1"/>
  <c r="BIA53" i="1" s="1"/>
  <c r="BIB53" i="1" s="1"/>
  <c r="BIC53" i="1" s="1"/>
  <c r="BID53" i="1" s="1"/>
  <c r="BIE53" i="1" s="1"/>
  <c r="BIF53" i="1" s="1"/>
  <c r="BIG53" i="1" s="1"/>
  <c r="BIH53" i="1" s="1"/>
  <c r="BII53" i="1" s="1"/>
  <c r="BIJ53" i="1" s="1"/>
  <c r="BIK53" i="1" s="1"/>
  <c r="BIL53" i="1" s="1"/>
  <c r="BIM53" i="1" s="1"/>
  <c r="BIN53" i="1" s="1"/>
  <c r="BIO53" i="1" s="1"/>
  <c r="BIP53" i="1" s="1"/>
  <c r="BIQ53" i="1" s="1"/>
  <c r="BIR53" i="1" s="1"/>
  <c r="BIS53" i="1" s="1"/>
  <c r="BIT53" i="1" s="1"/>
  <c r="BIU53" i="1" s="1"/>
  <c r="BIV53" i="1" s="1"/>
  <c r="BIW53" i="1" s="1"/>
  <c r="BIX53" i="1" s="1"/>
  <c r="BIY53" i="1" s="1"/>
  <c r="BIZ53" i="1" s="1"/>
  <c r="BJA53" i="1" s="1"/>
  <c r="BJB53" i="1" s="1"/>
  <c r="BJC53" i="1" s="1"/>
  <c r="BJD53" i="1" s="1"/>
  <c r="BJE53" i="1" s="1"/>
  <c r="BJF53" i="1" s="1"/>
  <c r="BJG53" i="1" s="1"/>
  <c r="BJH53" i="1" s="1"/>
  <c r="BJI53" i="1" s="1"/>
  <c r="BJJ53" i="1" s="1"/>
  <c r="BJK53" i="1" s="1"/>
  <c r="BJL53" i="1" s="1"/>
  <c r="BJM53" i="1" s="1"/>
  <c r="BJN53" i="1" s="1"/>
  <c r="BJO53" i="1" s="1"/>
  <c r="BJP53" i="1" s="1"/>
  <c r="BJQ53" i="1" s="1"/>
  <c r="BJR53" i="1" s="1"/>
  <c r="BJS53" i="1" s="1"/>
  <c r="BJT53" i="1" s="1"/>
  <c r="BJU53" i="1" s="1"/>
  <c r="BJV53" i="1" s="1"/>
  <c r="BJW53" i="1" s="1"/>
  <c r="BJX53" i="1" s="1"/>
  <c r="BJY53" i="1" s="1"/>
  <c r="BJZ53" i="1" s="1"/>
  <c r="BKA53" i="1" s="1"/>
  <c r="BKB53" i="1" s="1"/>
  <c r="BKC53" i="1" s="1"/>
  <c r="BKD53" i="1" s="1"/>
  <c r="BKE53" i="1" s="1"/>
  <c r="BKF53" i="1" s="1"/>
  <c r="BKG53" i="1" s="1"/>
  <c r="BKH53" i="1" s="1"/>
  <c r="BKI53" i="1" s="1"/>
  <c r="BKJ53" i="1" s="1"/>
  <c r="BKK53" i="1" s="1"/>
  <c r="BKL53" i="1" s="1"/>
  <c r="BKM53" i="1" s="1"/>
  <c r="BKN53" i="1" s="1"/>
  <c r="BKO53" i="1" s="1"/>
  <c r="BKP53" i="1" s="1"/>
  <c r="BKQ53" i="1" s="1"/>
  <c r="BKR53" i="1" s="1"/>
  <c r="BKS53" i="1" s="1"/>
  <c r="BKT53" i="1" s="1"/>
  <c r="BKU53" i="1" s="1"/>
  <c r="BKV53" i="1" s="1"/>
  <c r="BKW53" i="1" s="1"/>
  <c r="BKX53" i="1" s="1"/>
  <c r="BKY53" i="1" s="1"/>
  <c r="BKZ53" i="1" s="1"/>
  <c r="BLA53" i="1" s="1"/>
  <c r="BLB53" i="1" s="1"/>
  <c r="BLC53" i="1" s="1"/>
  <c r="BLD53" i="1" s="1"/>
  <c r="BLE53" i="1" s="1"/>
  <c r="BLF53" i="1" s="1"/>
  <c r="BLG53" i="1" s="1"/>
  <c r="BLH53" i="1" s="1"/>
  <c r="BLI53" i="1" s="1"/>
  <c r="BLJ53" i="1" s="1"/>
  <c r="BLK53" i="1" s="1"/>
  <c r="BLL53" i="1" s="1"/>
  <c r="BLM53" i="1" s="1"/>
  <c r="BLN53" i="1" s="1"/>
  <c r="BLO53" i="1" s="1"/>
  <c r="BLP53" i="1" s="1"/>
  <c r="BLQ53" i="1" s="1"/>
  <c r="BLR53" i="1" s="1"/>
  <c r="BLS53" i="1" s="1"/>
  <c r="BLT53" i="1" s="1"/>
  <c r="BLU53" i="1" s="1"/>
  <c r="BLV53" i="1" s="1"/>
  <c r="BLW53" i="1" s="1"/>
  <c r="BLX53" i="1" s="1"/>
  <c r="BLY53" i="1" s="1"/>
  <c r="BLZ53" i="1" s="1"/>
  <c r="BMA53" i="1" s="1"/>
  <c r="BMB53" i="1" s="1"/>
  <c r="BMC53" i="1" s="1"/>
  <c r="BMD53" i="1" s="1"/>
  <c r="BME53" i="1" s="1"/>
  <c r="BMF53" i="1" s="1"/>
  <c r="BMG53" i="1" s="1"/>
  <c r="BMH53" i="1" s="1"/>
  <c r="BMI53" i="1" s="1"/>
  <c r="BMJ53" i="1" s="1"/>
  <c r="BMK53" i="1" s="1"/>
  <c r="BML53" i="1" s="1"/>
  <c r="BMM53" i="1" s="1"/>
  <c r="BMN53" i="1" s="1"/>
  <c r="BMO53" i="1" s="1"/>
  <c r="BMP53" i="1" s="1"/>
  <c r="BMQ53" i="1" s="1"/>
  <c r="BMR53" i="1" s="1"/>
  <c r="BMS53" i="1" s="1"/>
  <c r="BMT53" i="1" s="1"/>
  <c r="BMU53" i="1" s="1"/>
  <c r="BMV53" i="1" s="1"/>
  <c r="BMW53" i="1" s="1"/>
  <c r="BMX53" i="1" s="1"/>
  <c r="BMY53" i="1" s="1"/>
  <c r="BMZ53" i="1" s="1"/>
  <c r="BNA53" i="1" s="1"/>
  <c r="BNB53" i="1" s="1"/>
  <c r="BNC53" i="1" s="1"/>
  <c r="BND53" i="1" s="1"/>
  <c r="BNE53" i="1" s="1"/>
  <c r="BNF53" i="1" s="1"/>
  <c r="BNG53" i="1" s="1"/>
  <c r="BNH53" i="1" s="1"/>
  <c r="BNI53" i="1" s="1"/>
  <c r="BNJ53" i="1" s="1"/>
  <c r="BNK53" i="1" s="1"/>
  <c r="BNL53" i="1" s="1"/>
  <c r="BNM53" i="1" s="1"/>
  <c r="BNN53" i="1" s="1"/>
  <c r="BNO53" i="1" s="1"/>
  <c r="BNP53" i="1" s="1"/>
  <c r="BNQ53" i="1" s="1"/>
  <c r="BNR53" i="1" s="1"/>
  <c r="BNS53" i="1" s="1"/>
  <c r="BNT53" i="1" s="1"/>
  <c r="BNU53" i="1" s="1"/>
  <c r="BNV53" i="1" s="1"/>
  <c r="BNW53" i="1" s="1"/>
  <c r="BNX53" i="1" s="1"/>
  <c r="BNY53" i="1" s="1"/>
  <c r="BNZ53" i="1" s="1"/>
  <c r="BOA53" i="1" s="1"/>
  <c r="BOB53" i="1" s="1"/>
  <c r="BOC53" i="1" s="1"/>
  <c r="BOD53" i="1" s="1"/>
  <c r="BOE53" i="1" s="1"/>
  <c r="BOF53" i="1" s="1"/>
  <c r="BOG53" i="1" s="1"/>
  <c r="BOH53" i="1" s="1"/>
  <c r="BOI53" i="1" s="1"/>
  <c r="BOJ53" i="1" s="1"/>
  <c r="BOK53" i="1" s="1"/>
  <c r="BOL53" i="1" s="1"/>
  <c r="BOM53" i="1" s="1"/>
  <c r="BON53" i="1" s="1"/>
  <c r="BOO53" i="1" s="1"/>
  <c r="BOP53" i="1" s="1"/>
  <c r="BOQ53" i="1" s="1"/>
  <c r="BOR53" i="1" s="1"/>
  <c r="BOS53" i="1" s="1"/>
  <c r="BOT53" i="1" s="1"/>
  <c r="BOU53" i="1" s="1"/>
  <c r="BOV53" i="1" s="1"/>
  <c r="BOW53" i="1" s="1"/>
  <c r="BOX53" i="1" s="1"/>
  <c r="BOY53" i="1" s="1"/>
  <c r="BOZ53" i="1" s="1"/>
  <c r="BPA53" i="1" s="1"/>
  <c r="BPB53" i="1" s="1"/>
  <c r="BPC53" i="1" s="1"/>
  <c r="BPD53" i="1" s="1"/>
  <c r="BPE53" i="1" s="1"/>
  <c r="BPF53" i="1" s="1"/>
  <c r="BPG53" i="1" s="1"/>
  <c r="BPH53" i="1" s="1"/>
  <c r="BPI53" i="1" s="1"/>
  <c r="BPJ53" i="1" s="1"/>
  <c r="BPK53" i="1" s="1"/>
  <c r="BPL53" i="1" s="1"/>
  <c r="BPM53" i="1" s="1"/>
  <c r="BPN53" i="1" s="1"/>
  <c r="BPO53" i="1" s="1"/>
  <c r="BPP53" i="1" s="1"/>
  <c r="BPQ53" i="1" s="1"/>
  <c r="BPR53" i="1" s="1"/>
  <c r="BPS53" i="1" s="1"/>
  <c r="BPT53" i="1" s="1"/>
  <c r="BPU53" i="1" s="1"/>
  <c r="BPV53" i="1" s="1"/>
  <c r="BPW53" i="1" s="1"/>
  <c r="BPX53" i="1" s="1"/>
  <c r="BPY53" i="1" s="1"/>
  <c r="BPZ53" i="1" s="1"/>
  <c r="BQA53" i="1" s="1"/>
  <c r="BQB53" i="1" s="1"/>
  <c r="BQC53" i="1" s="1"/>
  <c r="BQD53" i="1" s="1"/>
  <c r="BQE53" i="1" s="1"/>
  <c r="BQF53" i="1" s="1"/>
  <c r="BQG53" i="1" s="1"/>
  <c r="BQH53" i="1" s="1"/>
  <c r="BQI53" i="1" s="1"/>
  <c r="BQJ53" i="1" s="1"/>
  <c r="BQK53" i="1" s="1"/>
  <c r="BQL53" i="1" s="1"/>
  <c r="BQM53" i="1" s="1"/>
  <c r="BQN53" i="1" s="1"/>
  <c r="BQO53" i="1" s="1"/>
  <c r="BQP53" i="1" s="1"/>
  <c r="BQQ53" i="1" s="1"/>
  <c r="BQR53" i="1" s="1"/>
  <c r="BQS53" i="1" s="1"/>
  <c r="BQT53" i="1" s="1"/>
  <c r="BQU53" i="1" s="1"/>
  <c r="BQV53" i="1" s="1"/>
  <c r="BQW53" i="1" s="1"/>
  <c r="BQX53" i="1" s="1"/>
  <c r="BQY53" i="1" s="1"/>
  <c r="BQZ53" i="1" s="1"/>
  <c r="BRA53" i="1" s="1"/>
  <c r="BRB53" i="1" s="1"/>
  <c r="BRC53" i="1" s="1"/>
  <c r="BRD53" i="1" s="1"/>
  <c r="BRE53" i="1" s="1"/>
  <c r="BRF53" i="1" s="1"/>
  <c r="BRG53" i="1" s="1"/>
  <c r="BRH53" i="1" s="1"/>
  <c r="BRI53" i="1" s="1"/>
  <c r="BRJ53" i="1" s="1"/>
  <c r="BRK53" i="1" s="1"/>
  <c r="BRL53" i="1" s="1"/>
  <c r="BRM53" i="1" s="1"/>
  <c r="BRN53" i="1" s="1"/>
  <c r="BRO53" i="1" s="1"/>
  <c r="BRP53" i="1" s="1"/>
  <c r="BRQ53" i="1" s="1"/>
  <c r="BRR53" i="1" s="1"/>
  <c r="BRS53" i="1" s="1"/>
  <c r="BRT53" i="1" s="1"/>
  <c r="BRU53" i="1" s="1"/>
  <c r="BRV53" i="1" s="1"/>
  <c r="BRW53" i="1" s="1"/>
  <c r="BRX53" i="1" s="1"/>
  <c r="BRY53" i="1" s="1"/>
  <c r="BRZ53" i="1" s="1"/>
  <c r="BSA53" i="1" s="1"/>
  <c r="BSB53" i="1" s="1"/>
  <c r="BSC53" i="1" s="1"/>
  <c r="BSD53" i="1" s="1"/>
  <c r="BSE53" i="1" s="1"/>
  <c r="BSF53" i="1" s="1"/>
  <c r="BSG53" i="1" s="1"/>
  <c r="BSH53" i="1" s="1"/>
  <c r="BSI53" i="1" s="1"/>
  <c r="BSJ53" i="1" s="1"/>
  <c r="BSK53" i="1" s="1"/>
  <c r="BSL53" i="1" s="1"/>
  <c r="BSM53" i="1" s="1"/>
  <c r="BSN53" i="1" s="1"/>
  <c r="BSO53" i="1" s="1"/>
  <c r="BSP53" i="1" s="1"/>
  <c r="BSQ53" i="1" s="1"/>
  <c r="BSR53" i="1" s="1"/>
  <c r="BSS53" i="1" s="1"/>
  <c r="BST53" i="1" s="1"/>
  <c r="BSU53" i="1" s="1"/>
  <c r="BSV53" i="1" s="1"/>
  <c r="BSW53" i="1" s="1"/>
  <c r="BSX53" i="1" s="1"/>
  <c r="BSY53" i="1" s="1"/>
  <c r="BSZ53" i="1" s="1"/>
  <c r="BTA53" i="1" s="1"/>
  <c r="BTB53" i="1" s="1"/>
  <c r="BTC53" i="1" s="1"/>
  <c r="BTD53" i="1" s="1"/>
  <c r="BTE53" i="1" s="1"/>
  <c r="BTF53" i="1" s="1"/>
  <c r="BTG53" i="1" s="1"/>
  <c r="BTH53" i="1" s="1"/>
  <c r="BTI53" i="1" s="1"/>
  <c r="BTJ53" i="1" s="1"/>
  <c r="BTK53" i="1" s="1"/>
  <c r="BTL53" i="1" s="1"/>
  <c r="BTM53" i="1" s="1"/>
  <c r="BTN53" i="1" s="1"/>
  <c r="BTO53" i="1" s="1"/>
  <c r="BTP53" i="1" s="1"/>
  <c r="BTQ53" i="1" s="1"/>
  <c r="BTR53" i="1" s="1"/>
  <c r="BTS53" i="1" s="1"/>
  <c r="BTT53" i="1" s="1"/>
  <c r="BTU53" i="1" s="1"/>
  <c r="BTV53" i="1" s="1"/>
  <c r="BTW53" i="1" s="1"/>
  <c r="BTX53" i="1" s="1"/>
  <c r="BTY53" i="1" s="1"/>
  <c r="BTZ53" i="1" s="1"/>
  <c r="BUA53" i="1" s="1"/>
  <c r="BUB53" i="1" s="1"/>
  <c r="BUC53" i="1" s="1"/>
  <c r="BUD53" i="1" s="1"/>
  <c r="BUE53" i="1" s="1"/>
  <c r="BUF53" i="1" s="1"/>
  <c r="BUG53" i="1" s="1"/>
  <c r="BUH53" i="1" s="1"/>
  <c r="BUI53" i="1" s="1"/>
  <c r="BUJ53" i="1" s="1"/>
  <c r="BUK53" i="1" s="1"/>
  <c r="BUL53" i="1" s="1"/>
  <c r="BUM53" i="1" s="1"/>
  <c r="BUN53" i="1" s="1"/>
  <c r="BUO53" i="1" s="1"/>
  <c r="BUP53" i="1" s="1"/>
  <c r="BUQ53" i="1" s="1"/>
  <c r="BUR53" i="1" s="1"/>
  <c r="BUS53" i="1" s="1"/>
  <c r="BUT53" i="1" s="1"/>
  <c r="BUU53" i="1" s="1"/>
  <c r="BUV53" i="1" s="1"/>
  <c r="BUW53" i="1" s="1"/>
  <c r="BUX53" i="1" s="1"/>
  <c r="BUY53" i="1" s="1"/>
  <c r="BUZ53" i="1" s="1"/>
  <c r="BVA53" i="1" s="1"/>
  <c r="BVB53" i="1" s="1"/>
  <c r="BVC53" i="1" s="1"/>
  <c r="BVD53" i="1" s="1"/>
  <c r="BVE53" i="1" s="1"/>
  <c r="BVF53" i="1" s="1"/>
  <c r="BVG53" i="1" s="1"/>
  <c r="BVH53" i="1" s="1"/>
  <c r="BVI53" i="1" s="1"/>
  <c r="BVJ53" i="1" s="1"/>
  <c r="BVK53" i="1" s="1"/>
  <c r="BVL53" i="1" s="1"/>
  <c r="BVM53" i="1" s="1"/>
  <c r="BVN53" i="1" s="1"/>
  <c r="BVO53" i="1" s="1"/>
  <c r="BVP53" i="1" s="1"/>
  <c r="BVQ53" i="1" s="1"/>
  <c r="BVR53" i="1" s="1"/>
  <c r="BVS53" i="1" s="1"/>
  <c r="BVT53" i="1" s="1"/>
  <c r="BVU53" i="1" s="1"/>
  <c r="BVV53" i="1" s="1"/>
  <c r="BVW53" i="1" s="1"/>
  <c r="BVX53" i="1" s="1"/>
  <c r="BVY53" i="1" s="1"/>
  <c r="BVZ53" i="1" s="1"/>
  <c r="BWA53" i="1" s="1"/>
  <c r="BWB53" i="1" s="1"/>
  <c r="BWC53" i="1" s="1"/>
  <c r="BWD53" i="1" s="1"/>
  <c r="BWE53" i="1" s="1"/>
  <c r="BWF53" i="1" s="1"/>
  <c r="BWG53" i="1" s="1"/>
  <c r="BWH53" i="1" s="1"/>
  <c r="BWI53" i="1" s="1"/>
  <c r="BWJ53" i="1" s="1"/>
  <c r="BWK53" i="1" s="1"/>
  <c r="BWL53" i="1" s="1"/>
  <c r="BWM53" i="1" s="1"/>
  <c r="BWN53" i="1" s="1"/>
  <c r="BWO53" i="1" s="1"/>
  <c r="BWP53" i="1" s="1"/>
  <c r="BWQ53" i="1" s="1"/>
  <c r="BWR53" i="1" s="1"/>
  <c r="BWS53" i="1" s="1"/>
  <c r="BWT53" i="1" s="1"/>
  <c r="BWU53" i="1" s="1"/>
  <c r="BWV53" i="1" s="1"/>
  <c r="BWW53" i="1" s="1"/>
  <c r="BWX53" i="1" s="1"/>
  <c r="BWY53" i="1" s="1"/>
  <c r="BWZ53" i="1" s="1"/>
  <c r="BXA53" i="1" s="1"/>
  <c r="BXB53" i="1" s="1"/>
  <c r="BXC53" i="1" s="1"/>
  <c r="BXD53" i="1" s="1"/>
  <c r="BXE53" i="1" s="1"/>
  <c r="BXF53" i="1" s="1"/>
  <c r="BXG53" i="1" s="1"/>
  <c r="BXH53" i="1" s="1"/>
  <c r="BXI53" i="1" s="1"/>
  <c r="BXJ53" i="1" s="1"/>
  <c r="BXK53" i="1" s="1"/>
  <c r="BXL53" i="1" s="1"/>
  <c r="BXM53" i="1" s="1"/>
  <c r="BXN53" i="1" s="1"/>
  <c r="BXO53" i="1" s="1"/>
  <c r="BXP53" i="1" s="1"/>
  <c r="BXQ53" i="1" s="1"/>
  <c r="BXR53" i="1" s="1"/>
  <c r="BXS53" i="1" s="1"/>
  <c r="BXT53" i="1" s="1"/>
  <c r="BXU53" i="1" s="1"/>
  <c r="BXV53" i="1" s="1"/>
  <c r="BXW53" i="1" s="1"/>
  <c r="BXX53" i="1" s="1"/>
  <c r="BXY53" i="1" s="1"/>
  <c r="BXZ53" i="1" s="1"/>
  <c r="BYA53" i="1" s="1"/>
  <c r="BYB53" i="1" s="1"/>
  <c r="BYC53" i="1" s="1"/>
  <c r="BYD53" i="1" s="1"/>
  <c r="BYE53" i="1" s="1"/>
  <c r="BYF53" i="1" s="1"/>
  <c r="BYG53" i="1" s="1"/>
  <c r="BYH53" i="1" s="1"/>
  <c r="BYI53" i="1" s="1"/>
  <c r="BYJ53" i="1" s="1"/>
  <c r="BYK53" i="1" s="1"/>
  <c r="BYL53" i="1" s="1"/>
  <c r="BYM53" i="1" s="1"/>
  <c r="BYN53" i="1" s="1"/>
  <c r="BYO53" i="1" s="1"/>
  <c r="BYP53" i="1" s="1"/>
  <c r="BYQ53" i="1" s="1"/>
  <c r="BYR53" i="1" s="1"/>
  <c r="BYS53" i="1" s="1"/>
  <c r="BYT53" i="1" s="1"/>
  <c r="BYU53" i="1" s="1"/>
  <c r="BYV53" i="1" s="1"/>
  <c r="BYW53" i="1" s="1"/>
  <c r="BYX53" i="1" s="1"/>
  <c r="BYY53" i="1" s="1"/>
  <c r="BYZ53" i="1" s="1"/>
  <c r="BZA53" i="1" s="1"/>
  <c r="BZB53" i="1" s="1"/>
  <c r="BZC53" i="1" s="1"/>
  <c r="BZD53" i="1" s="1"/>
  <c r="BZE53" i="1" s="1"/>
  <c r="BZF53" i="1" s="1"/>
  <c r="BZG53" i="1" s="1"/>
  <c r="BZH53" i="1" s="1"/>
  <c r="BZI53" i="1" s="1"/>
  <c r="BZJ53" i="1" s="1"/>
  <c r="BZK53" i="1" s="1"/>
  <c r="BZL53" i="1" s="1"/>
  <c r="BZM53" i="1" s="1"/>
  <c r="BZN53" i="1" s="1"/>
  <c r="BZO53" i="1" s="1"/>
  <c r="BZP53" i="1" s="1"/>
  <c r="BZQ53" i="1" s="1"/>
  <c r="BZR53" i="1" s="1"/>
  <c r="BZS53" i="1" s="1"/>
  <c r="BZT53" i="1" s="1"/>
  <c r="BZU53" i="1" s="1"/>
  <c r="BZV53" i="1" s="1"/>
  <c r="BZW53" i="1" s="1"/>
  <c r="BZX53" i="1" s="1"/>
  <c r="BZY53" i="1" s="1"/>
  <c r="BZZ53" i="1" s="1"/>
  <c r="CAA53" i="1" s="1"/>
  <c r="CAB53" i="1" s="1"/>
  <c r="CAC53" i="1" s="1"/>
  <c r="CAD53" i="1" s="1"/>
  <c r="CAE53" i="1" s="1"/>
  <c r="CAF53" i="1" s="1"/>
  <c r="CAG53" i="1" s="1"/>
  <c r="CAH53" i="1" s="1"/>
  <c r="CAI53" i="1" s="1"/>
  <c r="CAJ53" i="1" s="1"/>
  <c r="CAK53" i="1" s="1"/>
  <c r="CAL53" i="1" s="1"/>
  <c r="CAM53" i="1" s="1"/>
  <c r="CAN53" i="1" s="1"/>
  <c r="CAO53" i="1" s="1"/>
  <c r="CAP53" i="1" s="1"/>
  <c r="CAQ53" i="1" s="1"/>
  <c r="CAR53" i="1" s="1"/>
  <c r="CAS53" i="1" s="1"/>
  <c r="CAT53" i="1" s="1"/>
  <c r="CAU53" i="1" s="1"/>
  <c r="CAV53" i="1" s="1"/>
  <c r="CAW53" i="1" s="1"/>
  <c r="CAX53" i="1" s="1"/>
  <c r="CAY53" i="1" s="1"/>
  <c r="CAZ53" i="1" s="1"/>
  <c r="CBA53" i="1" s="1"/>
  <c r="CBB53" i="1" s="1"/>
  <c r="CBC53" i="1" s="1"/>
  <c r="CBD53" i="1" s="1"/>
  <c r="CBE53" i="1" s="1"/>
  <c r="CBF53" i="1" s="1"/>
  <c r="CBG53" i="1" s="1"/>
  <c r="CBH53" i="1" s="1"/>
  <c r="CBI53" i="1" s="1"/>
  <c r="CBJ53" i="1" s="1"/>
  <c r="CBK53" i="1" s="1"/>
  <c r="CBL53" i="1" s="1"/>
  <c r="CBM53" i="1" s="1"/>
  <c r="CBN53" i="1" s="1"/>
  <c r="CBO53" i="1" s="1"/>
  <c r="CBP53" i="1" s="1"/>
  <c r="CBQ53" i="1" s="1"/>
  <c r="CBR53" i="1" s="1"/>
  <c r="CBS53" i="1" s="1"/>
  <c r="CBT53" i="1" s="1"/>
  <c r="CBU53" i="1" s="1"/>
  <c r="CBV53" i="1" s="1"/>
  <c r="CBW53" i="1" s="1"/>
  <c r="CBX53" i="1" s="1"/>
  <c r="CBY53" i="1" s="1"/>
  <c r="CBZ53" i="1" s="1"/>
  <c r="CCA53" i="1" s="1"/>
  <c r="CCB53" i="1" s="1"/>
  <c r="CCC53" i="1" s="1"/>
  <c r="CCD53" i="1" s="1"/>
  <c r="CCE53" i="1" s="1"/>
  <c r="CCF53" i="1" s="1"/>
  <c r="CCG53" i="1" s="1"/>
  <c r="CCH53" i="1" s="1"/>
  <c r="CCI53" i="1" s="1"/>
  <c r="CCJ53" i="1" s="1"/>
  <c r="CCK53" i="1" s="1"/>
  <c r="CCL53" i="1" s="1"/>
  <c r="CCM53" i="1" s="1"/>
  <c r="CCN53" i="1" s="1"/>
  <c r="CCO53" i="1" s="1"/>
  <c r="CCP53" i="1" s="1"/>
  <c r="CCQ53" i="1" s="1"/>
  <c r="CCR53" i="1" s="1"/>
  <c r="CCS53" i="1" s="1"/>
  <c r="CCT53" i="1" s="1"/>
  <c r="CCU53" i="1" s="1"/>
  <c r="CCV53" i="1" s="1"/>
  <c r="CCW53" i="1" s="1"/>
  <c r="CCX53" i="1" s="1"/>
  <c r="CCY53" i="1" s="1"/>
  <c r="CCZ53" i="1" s="1"/>
  <c r="CDA53" i="1" s="1"/>
  <c r="CDB53" i="1" s="1"/>
  <c r="CDC53" i="1" s="1"/>
  <c r="CDD53" i="1" s="1"/>
  <c r="CDE53" i="1" s="1"/>
  <c r="CDF53" i="1" s="1"/>
  <c r="CDG53" i="1" s="1"/>
  <c r="CDH53" i="1" s="1"/>
  <c r="CDI53" i="1" s="1"/>
  <c r="CDJ53" i="1" s="1"/>
  <c r="CDK53" i="1" s="1"/>
  <c r="CDL53" i="1" s="1"/>
  <c r="CDM53" i="1" s="1"/>
  <c r="CDN53" i="1" s="1"/>
  <c r="CDO53" i="1" s="1"/>
  <c r="CDP53" i="1" s="1"/>
  <c r="CDQ53" i="1" s="1"/>
  <c r="CDR53" i="1" s="1"/>
  <c r="CDS53" i="1" s="1"/>
  <c r="CDT53" i="1" s="1"/>
  <c r="CDU53" i="1" s="1"/>
  <c r="CDV53" i="1" s="1"/>
  <c r="CDW53" i="1" s="1"/>
  <c r="CDX53" i="1" s="1"/>
  <c r="CDY53" i="1" s="1"/>
  <c r="CDZ53" i="1" s="1"/>
  <c r="CEA53" i="1" s="1"/>
  <c r="CEB53" i="1" s="1"/>
  <c r="CEC53" i="1" s="1"/>
  <c r="CED53" i="1" s="1"/>
  <c r="CEE53" i="1" s="1"/>
  <c r="CEF53" i="1" s="1"/>
  <c r="CEG53" i="1" s="1"/>
  <c r="CEH53" i="1" s="1"/>
  <c r="CEI53" i="1" s="1"/>
  <c r="CEJ53" i="1" s="1"/>
  <c r="CEK53" i="1" s="1"/>
  <c r="CEL53" i="1" s="1"/>
  <c r="CEM53" i="1" s="1"/>
  <c r="CEN53" i="1" s="1"/>
  <c r="CEO53" i="1" s="1"/>
  <c r="CEP53" i="1" s="1"/>
  <c r="CEQ53" i="1" s="1"/>
  <c r="CER53" i="1" s="1"/>
  <c r="CES53" i="1" s="1"/>
  <c r="CET53" i="1" s="1"/>
  <c r="CEU53" i="1" s="1"/>
  <c r="CEV53" i="1" s="1"/>
  <c r="CEW53" i="1" s="1"/>
  <c r="CEX53" i="1" s="1"/>
  <c r="CEY53" i="1" s="1"/>
  <c r="CEZ53" i="1" s="1"/>
  <c r="CFA53" i="1" s="1"/>
  <c r="CFB53" i="1" s="1"/>
  <c r="CFC53" i="1" s="1"/>
  <c r="CFD53" i="1" s="1"/>
  <c r="CFE53" i="1" s="1"/>
  <c r="CFF53" i="1" s="1"/>
  <c r="CFG53" i="1" s="1"/>
  <c r="CFH53" i="1" s="1"/>
  <c r="CFI53" i="1" s="1"/>
  <c r="CFJ53" i="1" s="1"/>
  <c r="CFK53" i="1" s="1"/>
  <c r="CFL53" i="1" s="1"/>
  <c r="CFM53" i="1" s="1"/>
  <c r="CFN53" i="1" s="1"/>
  <c r="CFO53" i="1" s="1"/>
  <c r="CFP53" i="1" s="1"/>
  <c r="CFQ53" i="1" s="1"/>
  <c r="CFR53" i="1" s="1"/>
  <c r="CFS53" i="1" s="1"/>
  <c r="CFT53" i="1" s="1"/>
  <c r="CFU53" i="1" s="1"/>
  <c r="CFV53" i="1" s="1"/>
  <c r="CFW53" i="1" s="1"/>
  <c r="CFX53" i="1" s="1"/>
  <c r="CFY53" i="1" s="1"/>
  <c r="CFZ53" i="1" s="1"/>
  <c r="CGA53" i="1" s="1"/>
  <c r="CGB53" i="1" s="1"/>
  <c r="CGC53" i="1" s="1"/>
  <c r="CGD53" i="1" s="1"/>
  <c r="CGE53" i="1" s="1"/>
  <c r="CGF53" i="1" s="1"/>
  <c r="CGG53" i="1" s="1"/>
  <c r="CGH53" i="1" s="1"/>
  <c r="CGI53" i="1" s="1"/>
  <c r="CGJ53" i="1" s="1"/>
  <c r="CGK53" i="1" s="1"/>
  <c r="CGL53" i="1" s="1"/>
  <c r="CGM53" i="1" s="1"/>
  <c r="CGN53" i="1" s="1"/>
  <c r="CGO53" i="1" s="1"/>
  <c r="CGP53" i="1" s="1"/>
  <c r="CGQ53" i="1" s="1"/>
  <c r="CGR53" i="1" s="1"/>
  <c r="CGS53" i="1" s="1"/>
  <c r="CGT53" i="1" s="1"/>
  <c r="CGU53" i="1" s="1"/>
  <c r="CGV53" i="1" s="1"/>
  <c r="CGW53" i="1" s="1"/>
  <c r="CGX53" i="1" s="1"/>
  <c r="CGY53" i="1" s="1"/>
  <c r="CGZ53" i="1" s="1"/>
  <c r="CHA53" i="1" s="1"/>
  <c r="CHB53" i="1" s="1"/>
  <c r="CHC53" i="1" s="1"/>
  <c r="CHD53" i="1" s="1"/>
  <c r="CHE53" i="1" s="1"/>
  <c r="CHF53" i="1" s="1"/>
  <c r="CHG53" i="1" s="1"/>
  <c r="CHH53" i="1" s="1"/>
  <c r="CHI53" i="1" s="1"/>
  <c r="CHJ53" i="1" s="1"/>
  <c r="CHK53" i="1" s="1"/>
  <c r="CHL53" i="1" s="1"/>
  <c r="CHM53" i="1" s="1"/>
  <c r="CHN53" i="1" s="1"/>
  <c r="CHO53" i="1" s="1"/>
  <c r="CHP53" i="1" s="1"/>
  <c r="CHQ53" i="1" s="1"/>
  <c r="CHR53" i="1" s="1"/>
  <c r="CHS53" i="1" s="1"/>
  <c r="CHT53" i="1" s="1"/>
  <c r="CHU53" i="1" s="1"/>
  <c r="CHV53" i="1" s="1"/>
  <c r="CHW53" i="1" s="1"/>
  <c r="CHX53" i="1" s="1"/>
  <c r="CHY53" i="1" s="1"/>
  <c r="CHZ53" i="1" s="1"/>
  <c r="CIA53" i="1" s="1"/>
  <c r="CIB53" i="1" s="1"/>
  <c r="CIC53" i="1" s="1"/>
  <c r="CID53" i="1" s="1"/>
  <c r="CIE53" i="1" s="1"/>
  <c r="CIF53" i="1" s="1"/>
  <c r="CIG53" i="1" s="1"/>
  <c r="CIH53" i="1" s="1"/>
  <c r="CII53" i="1" s="1"/>
  <c r="CIJ53" i="1" s="1"/>
  <c r="CIK53" i="1" s="1"/>
  <c r="CIL53" i="1" s="1"/>
  <c r="CIM53" i="1" s="1"/>
  <c r="CIN53" i="1" s="1"/>
  <c r="CIO53" i="1" s="1"/>
  <c r="CIP53" i="1" s="1"/>
  <c r="CIQ53" i="1" s="1"/>
  <c r="CIR53" i="1" s="1"/>
  <c r="CIS53" i="1" s="1"/>
  <c r="CIT53" i="1" s="1"/>
  <c r="CIU53" i="1" s="1"/>
  <c r="CIV53" i="1" s="1"/>
  <c r="CIW53" i="1" s="1"/>
  <c r="CIX53" i="1" s="1"/>
  <c r="CIY53" i="1" s="1"/>
  <c r="CIZ53" i="1" s="1"/>
  <c r="CJA53" i="1" s="1"/>
  <c r="CJB53" i="1" s="1"/>
  <c r="CJC53" i="1" s="1"/>
  <c r="CJD53" i="1" s="1"/>
  <c r="CJE53" i="1" s="1"/>
  <c r="CJF53" i="1" s="1"/>
  <c r="CJG53" i="1" s="1"/>
  <c r="CJH53" i="1" s="1"/>
  <c r="CJI53" i="1" s="1"/>
  <c r="CJJ53" i="1" s="1"/>
  <c r="CJK53" i="1" s="1"/>
  <c r="CJL53" i="1" s="1"/>
  <c r="CJM53" i="1" s="1"/>
  <c r="CJN53" i="1" s="1"/>
  <c r="CJO53" i="1" s="1"/>
  <c r="CJP53" i="1" s="1"/>
  <c r="CJQ53" i="1" s="1"/>
  <c r="CJR53" i="1" s="1"/>
  <c r="CJS53" i="1" s="1"/>
  <c r="CJT53" i="1" s="1"/>
  <c r="CJU53" i="1" s="1"/>
  <c r="CJV53" i="1" s="1"/>
  <c r="CJW53" i="1" s="1"/>
  <c r="CJX53" i="1" s="1"/>
  <c r="CJY53" i="1" s="1"/>
  <c r="CJZ53" i="1" s="1"/>
  <c r="CKA53" i="1" s="1"/>
  <c r="CKB53" i="1" s="1"/>
  <c r="CKC53" i="1" s="1"/>
  <c r="CKD53" i="1" s="1"/>
  <c r="CKE53" i="1" s="1"/>
  <c r="CKF53" i="1" s="1"/>
  <c r="CKG53" i="1" s="1"/>
  <c r="CKH53" i="1" s="1"/>
  <c r="CKI53" i="1" s="1"/>
  <c r="CKJ53" i="1" s="1"/>
  <c r="CKK53" i="1" s="1"/>
  <c r="CKL53" i="1" s="1"/>
  <c r="CKM53" i="1" s="1"/>
  <c r="CKN53" i="1" s="1"/>
  <c r="CKO53" i="1" s="1"/>
  <c r="CKP53" i="1" s="1"/>
  <c r="CKQ53" i="1" s="1"/>
  <c r="CKR53" i="1" s="1"/>
  <c r="CKS53" i="1" s="1"/>
  <c r="CKT53" i="1" s="1"/>
  <c r="CKU53" i="1" s="1"/>
  <c r="CKV53" i="1" s="1"/>
  <c r="CKW53" i="1" s="1"/>
  <c r="CKX53" i="1" s="1"/>
  <c r="CKY53" i="1" s="1"/>
  <c r="CKZ53" i="1" s="1"/>
  <c r="CLA53" i="1" s="1"/>
  <c r="CLB53" i="1" s="1"/>
  <c r="CLC53" i="1" s="1"/>
  <c r="CLD53" i="1" s="1"/>
  <c r="CLE53" i="1" s="1"/>
  <c r="CLF53" i="1" s="1"/>
  <c r="CLG53" i="1" s="1"/>
  <c r="CLH53" i="1" s="1"/>
  <c r="CLI53" i="1" s="1"/>
  <c r="CLJ53" i="1" s="1"/>
  <c r="CLK53" i="1" s="1"/>
  <c r="CLL53" i="1" s="1"/>
  <c r="CLM53" i="1" s="1"/>
  <c r="CLN53" i="1" s="1"/>
  <c r="CLO53" i="1" s="1"/>
  <c r="CLP53" i="1" s="1"/>
  <c r="CLQ53" i="1" s="1"/>
  <c r="CLR53" i="1" s="1"/>
  <c r="CLS53" i="1" s="1"/>
  <c r="CLT53" i="1" s="1"/>
  <c r="CLU53" i="1" s="1"/>
  <c r="CLV53" i="1" s="1"/>
  <c r="CLW53" i="1" s="1"/>
  <c r="CLX53" i="1" s="1"/>
  <c r="CLY53" i="1" s="1"/>
  <c r="CLZ53" i="1" s="1"/>
  <c r="CMA53" i="1" s="1"/>
  <c r="CMB53" i="1" s="1"/>
  <c r="CMC53" i="1" s="1"/>
  <c r="CMD53" i="1" s="1"/>
  <c r="CME53" i="1" s="1"/>
  <c r="CMF53" i="1" s="1"/>
  <c r="CMG53" i="1" s="1"/>
  <c r="CMH53" i="1" s="1"/>
  <c r="CMI53" i="1" s="1"/>
  <c r="CMJ53" i="1" s="1"/>
  <c r="CMK53" i="1" s="1"/>
  <c r="CML53" i="1" s="1"/>
  <c r="CMM53" i="1" s="1"/>
  <c r="CMN53" i="1" s="1"/>
  <c r="CMO53" i="1" s="1"/>
  <c r="CMP53" i="1" s="1"/>
  <c r="CMQ53" i="1" s="1"/>
  <c r="CMR53" i="1" s="1"/>
  <c r="CMS53" i="1" s="1"/>
  <c r="CMT53" i="1" s="1"/>
  <c r="CMU53" i="1" s="1"/>
  <c r="CMV53" i="1" s="1"/>
  <c r="CMW53" i="1" s="1"/>
  <c r="CMX53" i="1" s="1"/>
  <c r="CMY53" i="1" s="1"/>
  <c r="CMZ53" i="1" s="1"/>
  <c r="CNA53" i="1" s="1"/>
  <c r="CNB53" i="1" s="1"/>
  <c r="CNC53" i="1" s="1"/>
  <c r="CND53" i="1" s="1"/>
  <c r="CNE53" i="1" s="1"/>
  <c r="CNF53" i="1" s="1"/>
  <c r="CNG53" i="1" s="1"/>
  <c r="CNH53" i="1" s="1"/>
  <c r="CNI53" i="1" s="1"/>
  <c r="CNJ53" i="1" s="1"/>
  <c r="CNK53" i="1" s="1"/>
  <c r="CNL53" i="1" s="1"/>
  <c r="CNM53" i="1" s="1"/>
  <c r="CNN53" i="1" s="1"/>
  <c r="CNO53" i="1" s="1"/>
  <c r="CNP53" i="1" s="1"/>
  <c r="CNQ53" i="1" s="1"/>
  <c r="CNR53" i="1" s="1"/>
  <c r="CNS53" i="1" s="1"/>
  <c r="CNT53" i="1" s="1"/>
  <c r="CNU53" i="1" s="1"/>
  <c r="CNV53" i="1" s="1"/>
  <c r="CNW53" i="1" s="1"/>
  <c r="CNX53" i="1" s="1"/>
  <c r="CNY53" i="1" s="1"/>
  <c r="CNZ53" i="1" s="1"/>
  <c r="COA53" i="1" s="1"/>
  <c r="COB53" i="1" s="1"/>
  <c r="COC53" i="1" s="1"/>
  <c r="COD53" i="1" s="1"/>
  <c r="COE53" i="1" s="1"/>
  <c r="COF53" i="1" s="1"/>
  <c r="COG53" i="1" s="1"/>
  <c r="COH53" i="1" s="1"/>
  <c r="COI53" i="1" s="1"/>
  <c r="COJ53" i="1" s="1"/>
  <c r="COK53" i="1" s="1"/>
  <c r="COL53" i="1" s="1"/>
  <c r="COM53" i="1" s="1"/>
  <c r="CON53" i="1" s="1"/>
  <c r="COO53" i="1" s="1"/>
  <c r="COP53" i="1" s="1"/>
  <c r="COQ53" i="1" s="1"/>
  <c r="COR53" i="1" s="1"/>
  <c r="COS53" i="1" s="1"/>
  <c r="COT53" i="1" s="1"/>
  <c r="COU53" i="1" s="1"/>
  <c r="COV53" i="1" s="1"/>
  <c r="COW53" i="1" s="1"/>
  <c r="COX53" i="1" s="1"/>
  <c r="COY53" i="1" s="1"/>
  <c r="COZ53" i="1" s="1"/>
  <c r="CPA53" i="1" s="1"/>
  <c r="CPB53" i="1" s="1"/>
  <c r="CPC53" i="1" s="1"/>
  <c r="CPD53" i="1" s="1"/>
  <c r="CPE53" i="1" s="1"/>
  <c r="CPF53" i="1" s="1"/>
  <c r="CPG53" i="1" s="1"/>
  <c r="CPH53" i="1" s="1"/>
  <c r="CPI53" i="1" s="1"/>
  <c r="CPJ53" i="1" s="1"/>
  <c r="CPK53" i="1" s="1"/>
  <c r="CPL53" i="1" s="1"/>
  <c r="CPM53" i="1" s="1"/>
  <c r="CPN53" i="1" s="1"/>
  <c r="CPO53" i="1" s="1"/>
  <c r="CPP53" i="1" s="1"/>
  <c r="CPQ53" i="1" s="1"/>
  <c r="CPR53" i="1" s="1"/>
  <c r="CPS53" i="1" s="1"/>
  <c r="CPT53" i="1" s="1"/>
  <c r="CPU53" i="1" s="1"/>
  <c r="CPV53" i="1" s="1"/>
  <c r="CPW53" i="1" s="1"/>
  <c r="CPX53" i="1" s="1"/>
  <c r="CPY53" i="1" s="1"/>
  <c r="CPZ53" i="1" s="1"/>
  <c r="CQA53" i="1" s="1"/>
  <c r="CQB53" i="1" s="1"/>
  <c r="CQC53" i="1" s="1"/>
  <c r="CQD53" i="1" s="1"/>
  <c r="CQE53" i="1" s="1"/>
  <c r="CQF53" i="1" s="1"/>
  <c r="CQG53" i="1" s="1"/>
  <c r="CQH53" i="1" s="1"/>
  <c r="CQI53" i="1" s="1"/>
  <c r="CQJ53" i="1" s="1"/>
  <c r="CQK53" i="1" s="1"/>
  <c r="CQL53" i="1" s="1"/>
  <c r="CQM53" i="1" s="1"/>
  <c r="CQN53" i="1" s="1"/>
  <c r="CQO53" i="1" s="1"/>
  <c r="CQP53" i="1" s="1"/>
  <c r="CQQ53" i="1" s="1"/>
  <c r="CQR53" i="1" s="1"/>
  <c r="CQS53" i="1" s="1"/>
  <c r="CQT53" i="1" s="1"/>
  <c r="CQU53" i="1" s="1"/>
  <c r="CQV53" i="1" s="1"/>
  <c r="CQW53" i="1" s="1"/>
  <c r="CQX53" i="1" s="1"/>
  <c r="CQY53" i="1" s="1"/>
  <c r="CQZ53" i="1" s="1"/>
  <c r="CRA53" i="1" s="1"/>
  <c r="CRB53" i="1" s="1"/>
  <c r="CRC53" i="1" s="1"/>
  <c r="CRD53" i="1" s="1"/>
  <c r="CRE53" i="1" s="1"/>
  <c r="CRF53" i="1" s="1"/>
  <c r="CRG53" i="1" s="1"/>
  <c r="CRH53" i="1" s="1"/>
  <c r="CRI53" i="1" s="1"/>
  <c r="CRJ53" i="1" s="1"/>
  <c r="CRK53" i="1" s="1"/>
  <c r="CRL53" i="1" s="1"/>
  <c r="CRM53" i="1" s="1"/>
  <c r="CRN53" i="1" s="1"/>
  <c r="CRO53" i="1" s="1"/>
  <c r="CRP53" i="1" s="1"/>
  <c r="CRQ53" i="1" s="1"/>
  <c r="CRR53" i="1" s="1"/>
  <c r="CRS53" i="1" s="1"/>
  <c r="CRT53" i="1" s="1"/>
  <c r="CRU53" i="1" s="1"/>
  <c r="CRV53" i="1" s="1"/>
  <c r="CRW53" i="1" s="1"/>
  <c r="CRX53" i="1" s="1"/>
  <c r="CRY53" i="1" s="1"/>
  <c r="CRZ53" i="1" s="1"/>
  <c r="CSA53" i="1" s="1"/>
  <c r="CSB53" i="1" s="1"/>
  <c r="CSC53" i="1" s="1"/>
  <c r="CSD53" i="1" s="1"/>
  <c r="CSE53" i="1" s="1"/>
  <c r="CSF53" i="1" s="1"/>
  <c r="CSG53" i="1" s="1"/>
  <c r="CSH53" i="1" s="1"/>
  <c r="CSI53" i="1" s="1"/>
  <c r="CSJ53" i="1" s="1"/>
  <c r="CSK53" i="1" s="1"/>
  <c r="CSL53" i="1" s="1"/>
  <c r="CSM53" i="1" s="1"/>
  <c r="CSN53" i="1" s="1"/>
  <c r="CSO53" i="1" s="1"/>
  <c r="CSP53" i="1" s="1"/>
  <c r="CSQ53" i="1" s="1"/>
  <c r="CSR53" i="1" s="1"/>
  <c r="CSS53" i="1" s="1"/>
  <c r="CST53" i="1" s="1"/>
  <c r="CSU53" i="1" s="1"/>
  <c r="CSV53" i="1" s="1"/>
  <c r="CSW53" i="1" s="1"/>
  <c r="CSX53" i="1" s="1"/>
  <c r="CSY53" i="1" s="1"/>
  <c r="CSZ53" i="1" s="1"/>
  <c r="CTA53" i="1" s="1"/>
  <c r="CTB53" i="1" s="1"/>
  <c r="CTC53" i="1" s="1"/>
  <c r="CTD53" i="1" s="1"/>
  <c r="CTE53" i="1" s="1"/>
  <c r="CTF53" i="1" s="1"/>
  <c r="CTG53" i="1" s="1"/>
  <c r="CTH53" i="1" s="1"/>
  <c r="CTI53" i="1" s="1"/>
  <c r="CTJ53" i="1" s="1"/>
  <c r="CTK53" i="1" s="1"/>
  <c r="CTL53" i="1" s="1"/>
  <c r="CTM53" i="1" s="1"/>
  <c r="CTN53" i="1" s="1"/>
  <c r="CTO53" i="1" s="1"/>
  <c r="CTP53" i="1" s="1"/>
  <c r="CTQ53" i="1" s="1"/>
  <c r="CTR53" i="1" s="1"/>
  <c r="CTS53" i="1" s="1"/>
  <c r="CTT53" i="1" s="1"/>
  <c r="CTU53" i="1" s="1"/>
  <c r="CTV53" i="1" s="1"/>
  <c r="CTW53" i="1" s="1"/>
  <c r="CTX53" i="1" s="1"/>
  <c r="CTY53" i="1" s="1"/>
  <c r="CTZ53" i="1" s="1"/>
  <c r="CUA53" i="1" s="1"/>
  <c r="CUB53" i="1" s="1"/>
  <c r="CUC53" i="1" s="1"/>
  <c r="CUD53" i="1" s="1"/>
  <c r="CUE53" i="1" s="1"/>
  <c r="CUF53" i="1" s="1"/>
  <c r="CUG53" i="1" s="1"/>
  <c r="CUH53" i="1" s="1"/>
  <c r="CUI53" i="1" s="1"/>
  <c r="CUJ53" i="1" s="1"/>
  <c r="CUK53" i="1" s="1"/>
  <c r="CUL53" i="1" s="1"/>
  <c r="CUM53" i="1" s="1"/>
  <c r="CUN53" i="1" s="1"/>
  <c r="CUO53" i="1" s="1"/>
  <c r="CUP53" i="1" s="1"/>
  <c r="CUQ53" i="1" s="1"/>
  <c r="CUR53" i="1" s="1"/>
  <c r="CUS53" i="1" s="1"/>
  <c r="CUT53" i="1" s="1"/>
  <c r="CUU53" i="1" s="1"/>
  <c r="CUV53" i="1" s="1"/>
  <c r="CUW53" i="1" s="1"/>
  <c r="CUX53" i="1" s="1"/>
  <c r="CUY53" i="1" s="1"/>
  <c r="CUZ53" i="1" s="1"/>
  <c r="CVA53" i="1" s="1"/>
  <c r="CVB53" i="1" s="1"/>
  <c r="CVC53" i="1" s="1"/>
  <c r="CVD53" i="1" s="1"/>
  <c r="CVE53" i="1" s="1"/>
  <c r="CVF53" i="1" s="1"/>
  <c r="CVG53" i="1" s="1"/>
  <c r="CVH53" i="1" s="1"/>
  <c r="CVI53" i="1" s="1"/>
  <c r="CVJ53" i="1" s="1"/>
  <c r="CVK53" i="1" s="1"/>
  <c r="CVL53" i="1" s="1"/>
  <c r="CVM53" i="1" s="1"/>
  <c r="CVN53" i="1" s="1"/>
  <c r="CVO53" i="1" s="1"/>
  <c r="CVP53" i="1" s="1"/>
  <c r="CVQ53" i="1" s="1"/>
  <c r="CVR53" i="1" s="1"/>
  <c r="CVS53" i="1" s="1"/>
  <c r="CVT53" i="1" s="1"/>
  <c r="CVU53" i="1" s="1"/>
  <c r="CVV53" i="1" s="1"/>
  <c r="CVW53" i="1" s="1"/>
  <c r="CVX53" i="1" s="1"/>
  <c r="CVY53" i="1" s="1"/>
  <c r="CVZ53" i="1" s="1"/>
  <c r="CWA53" i="1" s="1"/>
  <c r="CWB53" i="1" s="1"/>
  <c r="CWC53" i="1" s="1"/>
  <c r="CWD53" i="1" s="1"/>
  <c r="CWE53" i="1" s="1"/>
  <c r="CWF53" i="1" s="1"/>
  <c r="CWG53" i="1" s="1"/>
  <c r="CWH53" i="1" s="1"/>
  <c r="CWI53" i="1" s="1"/>
  <c r="CWJ53" i="1" s="1"/>
  <c r="CWK53" i="1" s="1"/>
  <c r="CWL53" i="1" s="1"/>
  <c r="CWM53" i="1" s="1"/>
  <c r="CWN53" i="1" s="1"/>
  <c r="CWO53" i="1" s="1"/>
  <c r="CWP53" i="1" s="1"/>
  <c r="CWQ53" i="1" s="1"/>
  <c r="CWR53" i="1" s="1"/>
  <c r="CWS53" i="1" s="1"/>
  <c r="CWT53" i="1" s="1"/>
  <c r="CWU53" i="1" s="1"/>
  <c r="CWV53" i="1" s="1"/>
  <c r="CWW53" i="1" s="1"/>
  <c r="CWX53" i="1" s="1"/>
  <c r="CWY53" i="1" s="1"/>
  <c r="CWZ53" i="1" s="1"/>
  <c r="CXA53" i="1" s="1"/>
  <c r="CXB53" i="1" s="1"/>
  <c r="CXC53" i="1" s="1"/>
  <c r="CXD53" i="1" s="1"/>
  <c r="CXE53" i="1" s="1"/>
  <c r="CXF53" i="1" s="1"/>
  <c r="CXG53" i="1" s="1"/>
  <c r="CXH53" i="1" s="1"/>
  <c r="CXI53" i="1" s="1"/>
  <c r="CXJ53" i="1" s="1"/>
  <c r="CXK53" i="1" s="1"/>
  <c r="CXL53" i="1" s="1"/>
  <c r="CXM53" i="1" s="1"/>
  <c r="CXN53" i="1" s="1"/>
  <c r="CXO53" i="1" s="1"/>
  <c r="CXP53" i="1" s="1"/>
  <c r="CXQ53" i="1" s="1"/>
  <c r="CXR53" i="1" s="1"/>
  <c r="CXS53" i="1" s="1"/>
  <c r="CXT53" i="1" s="1"/>
  <c r="CXU53" i="1" s="1"/>
  <c r="CXV53" i="1" s="1"/>
  <c r="CXW53" i="1" s="1"/>
  <c r="CXX53" i="1" s="1"/>
  <c r="CXY53" i="1" s="1"/>
  <c r="CXZ53" i="1" s="1"/>
  <c r="CYA53" i="1" s="1"/>
  <c r="CYB53" i="1" s="1"/>
  <c r="CYC53" i="1" s="1"/>
  <c r="CYD53" i="1" s="1"/>
  <c r="CYE53" i="1" s="1"/>
  <c r="CYF53" i="1" s="1"/>
  <c r="CYG53" i="1" s="1"/>
  <c r="CYH53" i="1" s="1"/>
  <c r="CYI53" i="1" s="1"/>
  <c r="CYJ53" i="1" s="1"/>
  <c r="CYK53" i="1" s="1"/>
  <c r="CYL53" i="1" s="1"/>
  <c r="CYM53" i="1" s="1"/>
  <c r="CYN53" i="1" s="1"/>
  <c r="CYO53" i="1" s="1"/>
  <c r="CYP53" i="1" s="1"/>
  <c r="CYQ53" i="1" s="1"/>
  <c r="CYR53" i="1" s="1"/>
  <c r="CYS53" i="1" s="1"/>
  <c r="CYT53" i="1" s="1"/>
  <c r="CYU53" i="1" s="1"/>
  <c r="CYV53" i="1" s="1"/>
  <c r="CYW53" i="1" s="1"/>
  <c r="CYX53" i="1" s="1"/>
  <c r="CYY53" i="1" s="1"/>
  <c r="CYZ53" i="1" s="1"/>
  <c r="CZA53" i="1" s="1"/>
  <c r="CZB53" i="1" s="1"/>
  <c r="CZC53" i="1" s="1"/>
  <c r="CZD53" i="1" s="1"/>
  <c r="CZE53" i="1" s="1"/>
  <c r="CZF53" i="1" s="1"/>
  <c r="CZG53" i="1" s="1"/>
  <c r="CZH53" i="1" s="1"/>
  <c r="CZI53" i="1" s="1"/>
  <c r="CZJ53" i="1" s="1"/>
  <c r="CZK53" i="1" s="1"/>
  <c r="CZL53" i="1" s="1"/>
  <c r="CZM53" i="1" s="1"/>
  <c r="CZN53" i="1" s="1"/>
  <c r="CZO53" i="1" s="1"/>
  <c r="CZP53" i="1" s="1"/>
  <c r="CZQ53" i="1" s="1"/>
  <c r="CZR53" i="1" s="1"/>
  <c r="CZS53" i="1" s="1"/>
  <c r="CZT53" i="1" s="1"/>
  <c r="CZU53" i="1" s="1"/>
  <c r="CZV53" i="1" s="1"/>
  <c r="CZW53" i="1" s="1"/>
  <c r="CZX53" i="1" s="1"/>
  <c r="CZY53" i="1" s="1"/>
  <c r="CZZ53" i="1" s="1"/>
  <c r="DAA53" i="1" s="1"/>
  <c r="DAB53" i="1" s="1"/>
  <c r="DAC53" i="1" s="1"/>
  <c r="DAD53" i="1" s="1"/>
  <c r="DAE53" i="1" s="1"/>
  <c r="DAF53" i="1" s="1"/>
  <c r="DAG53" i="1" s="1"/>
  <c r="DAH53" i="1" s="1"/>
  <c r="DAI53" i="1" s="1"/>
  <c r="DAJ53" i="1" s="1"/>
  <c r="DAK53" i="1" s="1"/>
  <c r="DAL53" i="1" s="1"/>
  <c r="DAM53" i="1" s="1"/>
  <c r="DAN53" i="1" s="1"/>
  <c r="DAO53" i="1" s="1"/>
  <c r="DAP53" i="1" s="1"/>
  <c r="DAQ53" i="1" s="1"/>
  <c r="DAR53" i="1" s="1"/>
  <c r="DAS53" i="1" s="1"/>
  <c r="DAT53" i="1" s="1"/>
  <c r="DAU53" i="1" s="1"/>
  <c r="DAV53" i="1" s="1"/>
  <c r="DAW53" i="1" s="1"/>
  <c r="DAX53" i="1" s="1"/>
  <c r="DAY53" i="1" s="1"/>
  <c r="DAZ53" i="1" s="1"/>
  <c r="DBA53" i="1" s="1"/>
  <c r="DBB53" i="1" s="1"/>
  <c r="DBC53" i="1" s="1"/>
  <c r="DBD53" i="1" s="1"/>
  <c r="DBE53" i="1" s="1"/>
  <c r="DBF53" i="1" s="1"/>
  <c r="DBG53" i="1" s="1"/>
  <c r="DBH53" i="1" s="1"/>
  <c r="DBI53" i="1" s="1"/>
  <c r="DBJ53" i="1" s="1"/>
  <c r="DBK53" i="1" s="1"/>
  <c r="DBL53" i="1" s="1"/>
  <c r="DBM53" i="1" s="1"/>
  <c r="DBN53" i="1" s="1"/>
  <c r="DBO53" i="1" s="1"/>
  <c r="DBP53" i="1" s="1"/>
  <c r="DBQ53" i="1" s="1"/>
  <c r="DBR53" i="1" s="1"/>
  <c r="DBS53" i="1" s="1"/>
  <c r="DBT53" i="1" s="1"/>
  <c r="DBU53" i="1" s="1"/>
  <c r="DBV53" i="1" s="1"/>
  <c r="DBW53" i="1" s="1"/>
  <c r="DBX53" i="1" s="1"/>
  <c r="DBY53" i="1" s="1"/>
  <c r="DBZ53" i="1" s="1"/>
  <c r="DCA53" i="1" s="1"/>
  <c r="DCB53" i="1" s="1"/>
  <c r="DCC53" i="1" s="1"/>
  <c r="DCD53" i="1" s="1"/>
  <c r="DCE53" i="1" s="1"/>
  <c r="DCF53" i="1" s="1"/>
  <c r="DCG53" i="1" s="1"/>
  <c r="DCH53" i="1" s="1"/>
  <c r="DCI53" i="1" s="1"/>
  <c r="DCJ53" i="1" s="1"/>
  <c r="DCK53" i="1" s="1"/>
  <c r="DCL53" i="1" s="1"/>
  <c r="DCM53" i="1" s="1"/>
  <c r="DCN53" i="1" s="1"/>
  <c r="DCO53" i="1" s="1"/>
  <c r="DCP53" i="1" s="1"/>
  <c r="DCQ53" i="1" s="1"/>
  <c r="DCR53" i="1" s="1"/>
  <c r="DCS53" i="1" s="1"/>
  <c r="DCT53" i="1" s="1"/>
  <c r="DCU53" i="1" s="1"/>
  <c r="DCV53" i="1" s="1"/>
  <c r="DCW53" i="1" s="1"/>
  <c r="DCX53" i="1" s="1"/>
  <c r="DCY53" i="1" s="1"/>
  <c r="DCZ53" i="1" s="1"/>
  <c r="DDA53" i="1" s="1"/>
  <c r="DDB53" i="1" s="1"/>
  <c r="DDC53" i="1" s="1"/>
  <c r="DDD53" i="1" s="1"/>
  <c r="DDE53" i="1" s="1"/>
  <c r="DDF53" i="1" s="1"/>
  <c r="DDG53" i="1" s="1"/>
  <c r="DDH53" i="1" s="1"/>
  <c r="DDI53" i="1" s="1"/>
  <c r="DDJ53" i="1" s="1"/>
  <c r="DDK53" i="1" s="1"/>
  <c r="DDL53" i="1" s="1"/>
  <c r="DDM53" i="1" s="1"/>
  <c r="DDN53" i="1" s="1"/>
  <c r="DDO53" i="1" s="1"/>
  <c r="DDP53" i="1" s="1"/>
  <c r="DDQ53" i="1" s="1"/>
  <c r="DDR53" i="1" s="1"/>
  <c r="DDS53" i="1" s="1"/>
  <c r="DDT53" i="1" s="1"/>
  <c r="DDU53" i="1" s="1"/>
  <c r="DDV53" i="1" s="1"/>
  <c r="DDW53" i="1" s="1"/>
  <c r="DDX53" i="1" s="1"/>
  <c r="DDY53" i="1" s="1"/>
  <c r="DDZ53" i="1" s="1"/>
  <c r="DEA53" i="1" s="1"/>
  <c r="DEB53" i="1" s="1"/>
  <c r="DEC53" i="1" s="1"/>
  <c r="DED53" i="1" s="1"/>
  <c r="DEE53" i="1" s="1"/>
  <c r="DEF53" i="1" s="1"/>
  <c r="DEG53" i="1" s="1"/>
  <c r="DEH53" i="1" s="1"/>
  <c r="DEI53" i="1" s="1"/>
  <c r="DEJ53" i="1" s="1"/>
  <c r="DEK53" i="1" s="1"/>
  <c r="DEL53" i="1" s="1"/>
  <c r="DEM53" i="1" s="1"/>
  <c r="DEN53" i="1" s="1"/>
  <c r="DEO53" i="1" s="1"/>
  <c r="DEP53" i="1" s="1"/>
  <c r="DEQ53" i="1" s="1"/>
  <c r="DER53" i="1" s="1"/>
  <c r="DES53" i="1" s="1"/>
  <c r="DET53" i="1" s="1"/>
  <c r="DEU53" i="1" s="1"/>
  <c r="DEV53" i="1" s="1"/>
  <c r="DEW53" i="1" s="1"/>
  <c r="DEX53" i="1" s="1"/>
  <c r="DEY53" i="1" s="1"/>
  <c r="DEZ53" i="1" s="1"/>
  <c r="DFA53" i="1" s="1"/>
  <c r="DFB53" i="1" s="1"/>
  <c r="DFC53" i="1" s="1"/>
  <c r="DFD53" i="1" s="1"/>
  <c r="DFE53" i="1" s="1"/>
  <c r="DFF53" i="1" s="1"/>
  <c r="DFG53" i="1" s="1"/>
  <c r="DFH53" i="1" s="1"/>
  <c r="DFI53" i="1" s="1"/>
  <c r="DFJ53" i="1" s="1"/>
  <c r="DFK53" i="1" s="1"/>
  <c r="DFL53" i="1" s="1"/>
  <c r="DFM53" i="1" s="1"/>
  <c r="DFN53" i="1" s="1"/>
  <c r="DFO53" i="1" s="1"/>
  <c r="DFP53" i="1" s="1"/>
  <c r="DFQ53" i="1" s="1"/>
  <c r="DFR53" i="1" s="1"/>
  <c r="DFS53" i="1" s="1"/>
  <c r="DFT53" i="1" s="1"/>
  <c r="DFU53" i="1" s="1"/>
  <c r="DFV53" i="1" s="1"/>
  <c r="DFW53" i="1" s="1"/>
  <c r="DFX53" i="1" s="1"/>
  <c r="DFY53" i="1" s="1"/>
  <c r="DFZ53" i="1" s="1"/>
  <c r="DGA53" i="1" s="1"/>
  <c r="DGB53" i="1" s="1"/>
  <c r="DGC53" i="1" s="1"/>
  <c r="DGD53" i="1" s="1"/>
  <c r="DGE53" i="1" s="1"/>
  <c r="DGF53" i="1" s="1"/>
  <c r="DGG53" i="1" s="1"/>
  <c r="DGH53" i="1" s="1"/>
  <c r="DGI53" i="1" s="1"/>
  <c r="DGJ53" i="1" s="1"/>
  <c r="DGK53" i="1" s="1"/>
  <c r="DGL53" i="1" s="1"/>
  <c r="DGM53" i="1" s="1"/>
  <c r="DGN53" i="1" s="1"/>
  <c r="DGO53" i="1" s="1"/>
  <c r="DGP53" i="1" s="1"/>
  <c r="DGQ53" i="1" s="1"/>
  <c r="DGR53" i="1" s="1"/>
  <c r="DGS53" i="1" s="1"/>
  <c r="DGT53" i="1" s="1"/>
  <c r="DGU53" i="1" s="1"/>
  <c r="DGV53" i="1" s="1"/>
  <c r="DGW53" i="1" s="1"/>
  <c r="DGX53" i="1" s="1"/>
  <c r="DGY53" i="1" s="1"/>
  <c r="DGZ53" i="1" s="1"/>
  <c r="DHA53" i="1" s="1"/>
  <c r="DHB53" i="1" s="1"/>
  <c r="DHC53" i="1" s="1"/>
  <c r="DHD53" i="1" s="1"/>
  <c r="DHE53" i="1" s="1"/>
  <c r="DHF53" i="1" s="1"/>
  <c r="DHG53" i="1" s="1"/>
  <c r="DHH53" i="1" s="1"/>
  <c r="DHI53" i="1" s="1"/>
  <c r="DHJ53" i="1" s="1"/>
  <c r="DHK53" i="1" s="1"/>
  <c r="DHL53" i="1" s="1"/>
  <c r="DHM53" i="1" s="1"/>
  <c r="DHN53" i="1" s="1"/>
  <c r="DHO53" i="1" s="1"/>
  <c r="DHP53" i="1" s="1"/>
  <c r="DHQ53" i="1" s="1"/>
  <c r="DHR53" i="1" s="1"/>
  <c r="DHS53" i="1" s="1"/>
  <c r="DHT53" i="1" s="1"/>
  <c r="DHU53" i="1" s="1"/>
  <c r="DHV53" i="1" s="1"/>
  <c r="DHW53" i="1" s="1"/>
  <c r="DHX53" i="1" s="1"/>
  <c r="DHY53" i="1" s="1"/>
  <c r="DHZ53" i="1" s="1"/>
  <c r="DIA53" i="1" s="1"/>
  <c r="DIB53" i="1" s="1"/>
  <c r="DIC53" i="1" s="1"/>
  <c r="DID53" i="1" s="1"/>
  <c r="DIE53" i="1" s="1"/>
  <c r="DIF53" i="1" s="1"/>
  <c r="DIG53" i="1" s="1"/>
  <c r="DIH53" i="1" s="1"/>
  <c r="DII53" i="1" s="1"/>
  <c r="DIJ53" i="1" s="1"/>
  <c r="DIK53" i="1" s="1"/>
  <c r="DIL53" i="1" s="1"/>
  <c r="DIM53" i="1" s="1"/>
  <c r="DIN53" i="1" s="1"/>
  <c r="DIO53" i="1" s="1"/>
  <c r="DIP53" i="1" s="1"/>
  <c r="DIQ53" i="1" s="1"/>
  <c r="DIR53" i="1" s="1"/>
  <c r="DIS53" i="1" s="1"/>
  <c r="DIT53" i="1" s="1"/>
  <c r="DIU53" i="1" s="1"/>
  <c r="DIV53" i="1" s="1"/>
  <c r="DIW53" i="1" s="1"/>
  <c r="DIX53" i="1" s="1"/>
  <c r="DIY53" i="1" s="1"/>
  <c r="DIZ53" i="1" s="1"/>
  <c r="DJA53" i="1" s="1"/>
  <c r="DJB53" i="1" s="1"/>
  <c r="DJC53" i="1" s="1"/>
  <c r="DJD53" i="1" s="1"/>
  <c r="DJE53" i="1" s="1"/>
  <c r="DJF53" i="1" s="1"/>
  <c r="DJG53" i="1" s="1"/>
  <c r="DJH53" i="1" s="1"/>
  <c r="DJI53" i="1" s="1"/>
  <c r="DJJ53" i="1" s="1"/>
  <c r="DJK53" i="1" s="1"/>
  <c r="DJL53" i="1" s="1"/>
  <c r="DJM53" i="1" s="1"/>
  <c r="DJN53" i="1" s="1"/>
  <c r="DJO53" i="1" s="1"/>
  <c r="DJP53" i="1" s="1"/>
  <c r="DJQ53" i="1" s="1"/>
  <c r="DJR53" i="1" s="1"/>
  <c r="DJS53" i="1" s="1"/>
  <c r="DJT53" i="1" s="1"/>
  <c r="DJU53" i="1" s="1"/>
  <c r="DJV53" i="1" s="1"/>
  <c r="DJW53" i="1" s="1"/>
  <c r="DJX53" i="1" s="1"/>
  <c r="DJY53" i="1" s="1"/>
  <c r="DJZ53" i="1" s="1"/>
  <c r="DKA53" i="1" s="1"/>
  <c r="DKB53" i="1" s="1"/>
  <c r="DKC53" i="1" s="1"/>
  <c r="DKD53" i="1" s="1"/>
  <c r="DKE53" i="1" s="1"/>
  <c r="DKF53" i="1" s="1"/>
  <c r="DKG53" i="1" s="1"/>
  <c r="DKH53" i="1" s="1"/>
  <c r="DKI53" i="1" s="1"/>
  <c r="DKJ53" i="1" s="1"/>
  <c r="DKK53" i="1" s="1"/>
  <c r="DKL53" i="1" s="1"/>
  <c r="DKM53" i="1" s="1"/>
  <c r="DKN53" i="1" s="1"/>
  <c r="DKO53" i="1" s="1"/>
  <c r="DKP53" i="1" s="1"/>
  <c r="DKQ53" i="1" s="1"/>
  <c r="DKR53" i="1" s="1"/>
  <c r="DKS53" i="1" s="1"/>
  <c r="DKT53" i="1" s="1"/>
  <c r="DKU53" i="1" s="1"/>
  <c r="DKV53" i="1" s="1"/>
  <c r="DKW53" i="1" s="1"/>
  <c r="DKX53" i="1" s="1"/>
  <c r="DKY53" i="1" s="1"/>
  <c r="DKZ53" i="1" s="1"/>
  <c r="DLA53" i="1" s="1"/>
  <c r="DLB53" i="1" s="1"/>
  <c r="DLC53" i="1" s="1"/>
  <c r="DLD53" i="1" s="1"/>
  <c r="DLE53" i="1" s="1"/>
  <c r="DLF53" i="1" s="1"/>
  <c r="DLG53" i="1" s="1"/>
  <c r="DLH53" i="1" s="1"/>
  <c r="DLI53" i="1" s="1"/>
  <c r="DLJ53" i="1" s="1"/>
  <c r="DLK53" i="1" s="1"/>
  <c r="DLL53" i="1" s="1"/>
  <c r="DLM53" i="1" s="1"/>
  <c r="DLN53" i="1" s="1"/>
  <c r="DLO53" i="1" s="1"/>
  <c r="DLP53" i="1" s="1"/>
  <c r="DLQ53" i="1" s="1"/>
  <c r="DLR53" i="1" s="1"/>
  <c r="DLS53" i="1" s="1"/>
  <c r="DLT53" i="1" s="1"/>
  <c r="DLU53" i="1" s="1"/>
  <c r="DLV53" i="1" s="1"/>
  <c r="DLW53" i="1" s="1"/>
  <c r="DLX53" i="1" s="1"/>
  <c r="DLY53" i="1" s="1"/>
  <c r="DLZ53" i="1" s="1"/>
  <c r="DMA53" i="1" s="1"/>
  <c r="DMB53" i="1" s="1"/>
  <c r="DMC53" i="1" s="1"/>
  <c r="DMD53" i="1" s="1"/>
  <c r="DME53" i="1" s="1"/>
  <c r="DMF53" i="1" s="1"/>
  <c r="DMG53" i="1" s="1"/>
  <c r="DMH53" i="1" s="1"/>
  <c r="DMI53" i="1" s="1"/>
  <c r="DMJ53" i="1" s="1"/>
  <c r="DMK53" i="1" s="1"/>
  <c r="DML53" i="1" s="1"/>
  <c r="DMM53" i="1" s="1"/>
  <c r="DMN53" i="1" s="1"/>
  <c r="DMO53" i="1" s="1"/>
  <c r="DMP53" i="1" s="1"/>
  <c r="DMQ53" i="1" s="1"/>
  <c r="DMR53" i="1" s="1"/>
  <c r="DMS53" i="1" s="1"/>
  <c r="DMT53" i="1" s="1"/>
  <c r="DMU53" i="1" s="1"/>
  <c r="DMV53" i="1" s="1"/>
  <c r="DMW53" i="1" s="1"/>
  <c r="DMX53" i="1" s="1"/>
  <c r="DMY53" i="1" s="1"/>
  <c r="DMZ53" i="1" s="1"/>
  <c r="DNA53" i="1" s="1"/>
  <c r="DNB53" i="1" s="1"/>
  <c r="DNC53" i="1" s="1"/>
  <c r="DND53" i="1" s="1"/>
  <c r="DNE53" i="1" s="1"/>
  <c r="DNF53" i="1" s="1"/>
  <c r="DNG53" i="1" s="1"/>
  <c r="DNH53" i="1" s="1"/>
  <c r="DNI53" i="1" s="1"/>
  <c r="DNJ53" i="1" s="1"/>
  <c r="DNK53" i="1" s="1"/>
  <c r="DNL53" i="1" s="1"/>
  <c r="DNM53" i="1" s="1"/>
  <c r="DNN53" i="1" s="1"/>
  <c r="DNO53" i="1" s="1"/>
  <c r="DNP53" i="1" s="1"/>
  <c r="DNQ53" i="1" s="1"/>
  <c r="DNR53" i="1" s="1"/>
  <c r="DNS53" i="1" s="1"/>
  <c r="DNT53" i="1" s="1"/>
  <c r="DNU53" i="1" s="1"/>
  <c r="DNV53" i="1" s="1"/>
  <c r="DNW53" i="1" s="1"/>
  <c r="DNX53" i="1" s="1"/>
  <c r="DNY53" i="1" s="1"/>
  <c r="DNZ53" i="1" s="1"/>
  <c r="DOA53" i="1" s="1"/>
  <c r="DOB53" i="1" s="1"/>
  <c r="DOC53" i="1" s="1"/>
  <c r="DOD53" i="1" s="1"/>
  <c r="DOE53" i="1" s="1"/>
  <c r="DOF53" i="1" s="1"/>
  <c r="DOG53" i="1" s="1"/>
  <c r="DOH53" i="1" s="1"/>
  <c r="DOI53" i="1" s="1"/>
  <c r="DOJ53" i="1" s="1"/>
  <c r="DOK53" i="1" s="1"/>
  <c r="DOL53" i="1" s="1"/>
  <c r="DOM53" i="1" s="1"/>
  <c r="DON53" i="1" s="1"/>
  <c r="DOO53" i="1" s="1"/>
  <c r="DOP53" i="1" s="1"/>
  <c r="DOQ53" i="1" s="1"/>
  <c r="DOR53" i="1" s="1"/>
  <c r="DOS53" i="1" s="1"/>
  <c r="DOT53" i="1" s="1"/>
  <c r="DOU53" i="1" s="1"/>
  <c r="DOV53" i="1" s="1"/>
  <c r="DOW53" i="1" s="1"/>
  <c r="DOX53" i="1" s="1"/>
  <c r="DOY53" i="1" s="1"/>
  <c r="DOZ53" i="1" s="1"/>
  <c r="DPA53" i="1" s="1"/>
  <c r="DPB53" i="1" s="1"/>
  <c r="DPC53" i="1" s="1"/>
  <c r="DPD53" i="1" s="1"/>
  <c r="DPE53" i="1" s="1"/>
  <c r="DPF53" i="1" s="1"/>
  <c r="DPG53" i="1" s="1"/>
  <c r="DPH53" i="1" s="1"/>
  <c r="DPI53" i="1" s="1"/>
  <c r="DPJ53" i="1" s="1"/>
  <c r="DPK53" i="1" s="1"/>
  <c r="DPL53" i="1" s="1"/>
  <c r="DPM53" i="1" s="1"/>
  <c r="DPN53" i="1" s="1"/>
  <c r="DPO53" i="1" s="1"/>
  <c r="DPP53" i="1" s="1"/>
  <c r="DPQ53" i="1" s="1"/>
  <c r="DPR53" i="1" s="1"/>
  <c r="DPS53" i="1" s="1"/>
  <c r="DPT53" i="1" s="1"/>
  <c r="DPU53" i="1" s="1"/>
  <c r="DPV53" i="1" s="1"/>
  <c r="DPW53" i="1" s="1"/>
  <c r="DPX53" i="1" s="1"/>
  <c r="DPY53" i="1" s="1"/>
  <c r="DPZ53" i="1" s="1"/>
  <c r="DQA53" i="1" s="1"/>
  <c r="DQB53" i="1" s="1"/>
  <c r="DQC53" i="1" s="1"/>
  <c r="DQD53" i="1" s="1"/>
  <c r="DQE53" i="1" s="1"/>
  <c r="DQF53" i="1" s="1"/>
  <c r="DQG53" i="1" s="1"/>
  <c r="DQH53" i="1" s="1"/>
  <c r="DQI53" i="1" s="1"/>
  <c r="DQJ53" i="1" s="1"/>
  <c r="DQK53" i="1" s="1"/>
  <c r="DQL53" i="1" s="1"/>
  <c r="DQM53" i="1" s="1"/>
  <c r="DQN53" i="1" s="1"/>
  <c r="DQO53" i="1" s="1"/>
  <c r="DQP53" i="1" s="1"/>
  <c r="DQQ53" i="1" s="1"/>
  <c r="DQR53" i="1" s="1"/>
  <c r="DQS53" i="1" s="1"/>
  <c r="DQT53" i="1" s="1"/>
  <c r="DQU53" i="1" s="1"/>
  <c r="DQV53" i="1" s="1"/>
  <c r="DQW53" i="1" s="1"/>
  <c r="DQX53" i="1" s="1"/>
  <c r="DQY53" i="1" s="1"/>
  <c r="DQZ53" i="1" s="1"/>
  <c r="DRA53" i="1" s="1"/>
  <c r="DRB53" i="1" s="1"/>
  <c r="DRC53" i="1" s="1"/>
  <c r="DRD53" i="1" s="1"/>
  <c r="DRE53" i="1" s="1"/>
  <c r="DRF53" i="1" s="1"/>
  <c r="DRG53" i="1" s="1"/>
  <c r="DRH53" i="1" s="1"/>
  <c r="DRI53" i="1" s="1"/>
  <c r="DRJ53" i="1" s="1"/>
  <c r="DRK53" i="1" s="1"/>
  <c r="DRL53" i="1" s="1"/>
  <c r="DRM53" i="1" s="1"/>
  <c r="DRN53" i="1" s="1"/>
  <c r="DRO53" i="1" s="1"/>
  <c r="DRP53" i="1" s="1"/>
  <c r="DRQ53" i="1" s="1"/>
  <c r="DRR53" i="1" s="1"/>
  <c r="DRS53" i="1" s="1"/>
  <c r="DRT53" i="1" s="1"/>
  <c r="DRU53" i="1" s="1"/>
  <c r="DRV53" i="1" s="1"/>
  <c r="DRW53" i="1" s="1"/>
  <c r="DRX53" i="1" s="1"/>
  <c r="DRY53" i="1" s="1"/>
  <c r="DRZ53" i="1" s="1"/>
  <c r="DSA53" i="1" s="1"/>
  <c r="DSB53" i="1" s="1"/>
  <c r="DSC53" i="1" s="1"/>
  <c r="DSD53" i="1" s="1"/>
  <c r="DSE53" i="1" s="1"/>
  <c r="DSF53" i="1" s="1"/>
  <c r="DSG53" i="1" s="1"/>
  <c r="DSH53" i="1" s="1"/>
  <c r="DSI53" i="1" s="1"/>
  <c r="DSJ53" i="1" s="1"/>
  <c r="DSK53" i="1" s="1"/>
  <c r="DSL53" i="1" s="1"/>
  <c r="DSM53" i="1" s="1"/>
  <c r="DSN53" i="1" s="1"/>
  <c r="DSO53" i="1" s="1"/>
  <c r="DSP53" i="1" s="1"/>
  <c r="DSQ53" i="1" s="1"/>
  <c r="DSR53" i="1" s="1"/>
  <c r="DSS53" i="1" s="1"/>
  <c r="DST53" i="1" s="1"/>
  <c r="DSU53" i="1" s="1"/>
  <c r="DSV53" i="1" s="1"/>
  <c r="DSW53" i="1" s="1"/>
  <c r="DSX53" i="1" s="1"/>
  <c r="DSY53" i="1" s="1"/>
  <c r="DSZ53" i="1" s="1"/>
  <c r="DTA53" i="1" s="1"/>
  <c r="DTB53" i="1" s="1"/>
  <c r="DTC53" i="1" s="1"/>
  <c r="DTD53" i="1" s="1"/>
  <c r="DTE53" i="1" s="1"/>
  <c r="DTF53" i="1" s="1"/>
  <c r="DTG53" i="1" s="1"/>
  <c r="DTH53" i="1" s="1"/>
  <c r="DTI53" i="1" s="1"/>
  <c r="DTJ53" i="1" s="1"/>
  <c r="DTK53" i="1" s="1"/>
  <c r="DTL53" i="1" s="1"/>
  <c r="DTM53" i="1" s="1"/>
  <c r="DTN53" i="1" s="1"/>
  <c r="DTO53" i="1" s="1"/>
  <c r="DTP53" i="1" s="1"/>
  <c r="DTQ53" i="1" s="1"/>
  <c r="DTR53" i="1" s="1"/>
  <c r="DTS53" i="1" s="1"/>
  <c r="DTT53" i="1" s="1"/>
  <c r="DTU53" i="1" s="1"/>
  <c r="DTV53" i="1" s="1"/>
  <c r="DTW53" i="1" s="1"/>
  <c r="DTX53" i="1" s="1"/>
  <c r="DTY53" i="1" s="1"/>
  <c r="DTZ53" i="1" s="1"/>
  <c r="DUA53" i="1" s="1"/>
  <c r="DUB53" i="1" s="1"/>
  <c r="DUC53" i="1" s="1"/>
  <c r="DUD53" i="1" s="1"/>
  <c r="DUE53" i="1" s="1"/>
  <c r="DUF53" i="1" s="1"/>
  <c r="DUG53" i="1" s="1"/>
  <c r="DUH53" i="1" s="1"/>
  <c r="DUI53" i="1" s="1"/>
  <c r="DUJ53" i="1" s="1"/>
  <c r="DUK53" i="1" s="1"/>
  <c r="DUL53" i="1" s="1"/>
  <c r="DUM53" i="1" s="1"/>
  <c r="DUN53" i="1" s="1"/>
  <c r="DUO53" i="1" s="1"/>
  <c r="DUP53" i="1" s="1"/>
  <c r="DUQ53" i="1" s="1"/>
  <c r="DUR53" i="1" s="1"/>
  <c r="DUS53" i="1" s="1"/>
  <c r="DUT53" i="1" s="1"/>
  <c r="DUU53" i="1" s="1"/>
  <c r="DUV53" i="1" s="1"/>
  <c r="DUW53" i="1" s="1"/>
  <c r="DUX53" i="1" s="1"/>
  <c r="DUY53" i="1" s="1"/>
  <c r="DUZ53" i="1" s="1"/>
  <c r="DVA53" i="1" s="1"/>
  <c r="DVB53" i="1" s="1"/>
  <c r="DVC53" i="1" s="1"/>
  <c r="DVD53" i="1" s="1"/>
  <c r="DVE53" i="1" s="1"/>
  <c r="DVF53" i="1" s="1"/>
  <c r="DVG53" i="1" s="1"/>
  <c r="DVH53" i="1" s="1"/>
  <c r="DVI53" i="1" s="1"/>
  <c r="DVJ53" i="1" s="1"/>
  <c r="DVK53" i="1" s="1"/>
  <c r="DVL53" i="1" s="1"/>
  <c r="DVM53" i="1" s="1"/>
  <c r="DVN53" i="1" s="1"/>
  <c r="DVO53" i="1" s="1"/>
  <c r="DVP53" i="1" s="1"/>
  <c r="DVQ53" i="1" s="1"/>
  <c r="DVR53" i="1" s="1"/>
  <c r="DVS53" i="1" s="1"/>
  <c r="DVT53" i="1" s="1"/>
  <c r="DVU53" i="1" s="1"/>
  <c r="DVV53" i="1" s="1"/>
  <c r="DVW53" i="1" s="1"/>
  <c r="DVX53" i="1" s="1"/>
  <c r="DVY53" i="1" s="1"/>
  <c r="DVZ53" i="1" s="1"/>
  <c r="DWA53" i="1" s="1"/>
  <c r="DWB53" i="1" s="1"/>
  <c r="DWC53" i="1" s="1"/>
  <c r="DWD53" i="1" s="1"/>
  <c r="DWE53" i="1" s="1"/>
  <c r="DWF53" i="1" s="1"/>
  <c r="DWG53" i="1" s="1"/>
  <c r="DWH53" i="1" s="1"/>
  <c r="DWI53" i="1" s="1"/>
  <c r="DWJ53" i="1" s="1"/>
  <c r="DWK53" i="1" s="1"/>
  <c r="DWL53" i="1" s="1"/>
  <c r="DWM53" i="1" s="1"/>
  <c r="DWN53" i="1" s="1"/>
  <c r="DWO53" i="1" s="1"/>
  <c r="DWP53" i="1" s="1"/>
  <c r="DWQ53" i="1" s="1"/>
  <c r="DWR53" i="1" s="1"/>
  <c r="DWS53" i="1" s="1"/>
  <c r="DWT53" i="1" s="1"/>
  <c r="DWU53" i="1" s="1"/>
  <c r="DWV53" i="1" s="1"/>
  <c r="DWW53" i="1" s="1"/>
  <c r="DWX53" i="1" s="1"/>
  <c r="DWY53" i="1" s="1"/>
  <c r="DWZ53" i="1" s="1"/>
  <c r="DXA53" i="1" s="1"/>
  <c r="DXB53" i="1" s="1"/>
  <c r="DXC53" i="1" s="1"/>
  <c r="DXD53" i="1" s="1"/>
  <c r="DXE53" i="1" s="1"/>
  <c r="DXF53" i="1" s="1"/>
  <c r="DXG53" i="1" s="1"/>
  <c r="DXH53" i="1" s="1"/>
  <c r="DXI53" i="1" s="1"/>
  <c r="DXJ53" i="1" s="1"/>
  <c r="DXK53" i="1" s="1"/>
  <c r="DXL53" i="1" s="1"/>
  <c r="DXM53" i="1" s="1"/>
  <c r="DXN53" i="1" s="1"/>
  <c r="DXO53" i="1" s="1"/>
  <c r="DXP53" i="1" s="1"/>
  <c r="DXQ53" i="1" s="1"/>
  <c r="DXR53" i="1" s="1"/>
  <c r="DXS53" i="1" s="1"/>
  <c r="DXT53" i="1" s="1"/>
  <c r="DXU53" i="1" s="1"/>
  <c r="DXV53" i="1" s="1"/>
  <c r="DXW53" i="1" s="1"/>
  <c r="DXX53" i="1" s="1"/>
  <c r="DXY53" i="1" s="1"/>
  <c r="DXZ53" i="1" s="1"/>
  <c r="DYA53" i="1" s="1"/>
  <c r="DYB53" i="1" s="1"/>
  <c r="DYC53" i="1" s="1"/>
  <c r="DYD53" i="1" s="1"/>
  <c r="DYE53" i="1" s="1"/>
  <c r="DYF53" i="1" s="1"/>
  <c r="DYG53" i="1" s="1"/>
  <c r="DYH53" i="1" s="1"/>
  <c r="DYI53" i="1" s="1"/>
  <c r="DYJ53" i="1" s="1"/>
  <c r="DYK53" i="1" s="1"/>
  <c r="DYL53" i="1" s="1"/>
  <c r="DYM53" i="1" s="1"/>
  <c r="DYN53" i="1" s="1"/>
  <c r="DYO53" i="1" s="1"/>
  <c r="DYP53" i="1" s="1"/>
  <c r="DYQ53" i="1" s="1"/>
  <c r="DYR53" i="1" s="1"/>
  <c r="DYS53" i="1" s="1"/>
  <c r="DYT53" i="1" s="1"/>
  <c r="DYU53" i="1" s="1"/>
  <c r="DYV53" i="1" s="1"/>
  <c r="DYW53" i="1" s="1"/>
  <c r="DYX53" i="1" s="1"/>
  <c r="DYY53" i="1" s="1"/>
  <c r="DYZ53" i="1" s="1"/>
  <c r="DZA53" i="1" s="1"/>
  <c r="DZB53" i="1" s="1"/>
  <c r="DZC53" i="1" s="1"/>
  <c r="DZD53" i="1" s="1"/>
  <c r="DZE53" i="1" s="1"/>
  <c r="DZF53" i="1" s="1"/>
  <c r="DZG53" i="1" s="1"/>
  <c r="DZH53" i="1" s="1"/>
  <c r="DZI53" i="1" s="1"/>
  <c r="DZJ53" i="1" s="1"/>
  <c r="DZK53" i="1" s="1"/>
  <c r="DZL53" i="1" s="1"/>
  <c r="DZM53" i="1" s="1"/>
  <c r="DZN53" i="1" s="1"/>
  <c r="DZO53" i="1" s="1"/>
  <c r="DZP53" i="1" s="1"/>
  <c r="DZQ53" i="1" s="1"/>
  <c r="DZR53" i="1" s="1"/>
  <c r="DZS53" i="1" s="1"/>
  <c r="DZT53" i="1" s="1"/>
  <c r="DZU53" i="1" s="1"/>
  <c r="DZV53" i="1" s="1"/>
  <c r="DZW53" i="1" s="1"/>
  <c r="DZX53" i="1" s="1"/>
  <c r="DZY53" i="1" s="1"/>
  <c r="DZZ53" i="1" s="1"/>
  <c r="EAA53" i="1" s="1"/>
  <c r="EAB53" i="1" s="1"/>
  <c r="EAC53" i="1" s="1"/>
  <c r="EAD53" i="1" s="1"/>
  <c r="EAE53" i="1" s="1"/>
  <c r="EAF53" i="1" s="1"/>
  <c r="EAG53" i="1" s="1"/>
  <c r="EAH53" i="1" s="1"/>
  <c r="EAI53" i="1" s="1"/>
  <c r="EAJ53" i="1" s="1"/>
  <c r="EAK53" i="1" s="1"/>
  <c r="EAL53" i="1" s="1"/>
  <c r="EAM53" i="1" s="1"/>
  <c r="EAN53" i="1" s="1"/>
  <c r="EAO53" i="1" s="1"/>
  <c r="EAP53" i="1" s="1"/>
  <c r="EAQ53" i="1" s="1"/>
  <c r="EAR53" i="1" s="1"/>
  <c r="EAS53" i="1" s="1"/>
  <c r="EAT53" i="1" s="1"/>
  <c r="EAU53" i="1" s="1"/>
  <c r="EAV53" i="1" s="1"/>
  <c r="EAW53" i="1" s="1"/>
  <c r="EAX53" i="1" s="1"/>
  <c r="EAY53" i="1" s="1"/>
  <c r="EAZ53" i="1" s="1"/>
  <c r="EBA53" i="1" s="1"/>
  <c r="EBB53" i="1" s="1"/>
  <c r="EBC53" i="1" s="1"/>
  <c r="EBD53" i="1" s="1"/>
  <c r="EBE53" i="1" s="1"/>
  <c r="EBF53" i="1" s="1"/>
  <c r="EBG53" i="1" s="1"/>
  <c r="EBH53" i="1" s="1"/>
  <c r="EBI53" i="1" s="1"/>
  <c r="EBJ53" i="1" s="1"/>
  <c r="EBK53" i="1" s="1"/>
  <c r="EBL53" i="1" s="1"/>
  <c r="EBM53" i="1" s="1"/>
  <c r="EBN53" i="1" s="1"/>
  <c r="EBO53" i="1" s="1"/>
  <c r="EBP53" i="1" s="1"/>
  <c r="EBQ53" i="1" s="1"/>
  <c r="EBR53" i="1" s="1"/>
  <c r="EBS53" i="1" s="1"/>
  <c r="EBT53" i="1" s="1"/>
  <c r="EBU53" i="1" s="1"/>
  <c r="EBV53" i="1" s="1"/>
  <c r="EBW53" i="1" s="1"/>
  <c r="EBX53" i="1" s="1"/>
  <c r="EBY53" i="1" s="1"/>
  <c r="EBZ53" i="1" s="1"/>
  <c r="ECA53" i="1" s="1"/>
  <c r="ECB53" i="1" s="1"/>
  <c r="ECC53" i="1" s="1"/>
  <c r="ECD53" i="1" s="1"/>
  <c r="ECE53" i="1" s="1"/>
  <c r="ECF53" i="1" s="1"/>
  <c r="ECG53" i="1" s="1"/>
  <c r="ECH53" i="1" s="1"/>
  <c r="ECI53" i="1" s="1"/>
  <c r="ECJ53" i="1" s="1"/>
  <c r="ECK53" i="1" s="1"/>
  <c r="ECL53" i="1" s="1"/>
  <c r="ECM53" i="1" s="1"/>
  <c r="ECN53" i="1" s="1"/>
  <c r="ECO53" i="1" s="1"/>
  <c r="ECP53" i="1" s="1"/>
  <c r="ECQ53" i="1" s="1"/>
  <c r="ECR53" i="1" s="1"/>
  <c r="ECS53" i="1" s="1"/>
  <c r="ECT53" i="1" s="1"/>
  <c r="ECU53" i="1" s="1"/>
  <c r="ECV53" i="1" s="1"/>
  <c r="ECW53" i="1" s="1"/>
  <c r="ECX53" i="1" s="1"/>
  <c r="ECY53" i="1" s="1"/>
  <c r="ECZ53" i="1" s="1"/>
  <c r="EDA53" i="1" s="1"/>
  <c r="EDB53" i="1" s="1"/>
  <c r="EDC53" i="1" s="1"/>
  <c r="EDD53" i="1" s="1"/>
  <c r="EDE53" i="1" s="1"/>
  <c r="EDF53" i="1" s="1"/>
  <c r="EDG53" i="1" s="1"/>
  <c r="EDH53" i="1" s="1"/>
  <c r="EDI53" i="1" s="1"/>
  <c r="EDJ53" i="1" s="1"/>
  <c r="EDK53" i="1" s="1"/>
  <c r="EDL53" i="1" s="1"/>
  <c r="EDM53" i="1" s="1"/>
  <c r="EDN53" i="1" s="1"/>
  <c r="EDO53" i="1" s="1"/>
  <c r="EDP53" i="1" s="1"/>
  <c r="EDQ53" i="1" s="1"/>
  <c r="EDR53" i="1" s="1"/>
  <c r="EDS53" i="1" s="1"/>
  <c r="EDT53" i="1" s="1"/>
  <c r="EDU53" i="1" s="1"/>
  <c r="EDV53" i="1" s="1"/>
  <c r="EDW53" i="1" s="1"/>
  <c r="EDX53" i="1" s="1"/>
  <c r="EDY53" i="1" s="1"/>
  <c r="EDZ53" i="1" s="1"/>
  <c r="EEA53" i="1" s="1"/>
  <c r="EEB53" i="1" s="1"/>
  <c r="EEC53" i="1" s="1"/>
  <c r="EED53" i="1" s="1"/>
  <c r="EEE53" i="1" s="1"/>
  <c r="EEF53" i="1" s="1"/>
  <c r="EEG53" i="1" s="1"/>
  <c r="EEH53" i="1" s="1"/>
  <c r="EEI53" i="1" s="1"/>
  <c r="EEJ53" i="1" s="1"/>
  <c r="EEK53" i="1" s="1"/>
  <c r="EEL53" i="1" s="1"/>
  <c r="EEM53" i="1" s="1"/>
  <c r="EEN53" i="1" s="1"/>
  <c r="EEO53" i="1" s="1"/>
  <c r="EEP53" i="1" s="1"/>
  <c r="EEQ53" i="1" s="1"/>
  <c r="EER53" i="1" s="1"/>
  <c r="EES53" i="1" s="1"/>
  <c r="EET53" i="1" s="1"/>
  <c r="EEU53" i="1" s="1"/>
  <c r="EEV53" i="1" s="1"/>
  <c r="EEW53" i="1" s="1"/>
  <c r="EEX53" i="1" s="1"/>
  <c r="EEY53" i="1" s="1"/>
  <c r="EEZ53" i="1" s="1"/>
  <c r="EFA53" i="1" s="1"/>
  <c r="EFB53" i="1" s="1"/>
  <c r="EFC53" i="1" s="1"/>
  <c r="EFD53" i="1" s="1"/>
  <c r="EFE53" i="1" s="1"/>
  <c r="EFF53" i="1" s="1"/>
  <c r="EFG53" i="1" s="1"/>
  <c r="EFH53" i="1" s="1"/>
  <c r="EFI53" i="1" s="1"/>
  <c r="EFJ53" i="1" s="1"/>
  <c r="EFK53" i="1" s="1"/>
  <c r="EFL53" i="1" s="1"/>
  <c r="EFM53" i="1" s="1"/>
  <c r="EFN53" i="1" s="1"/>
  <c r="EFO53" i="1" s="1"/>
  <c r="EFP53" i="1" s="1"/>
  <c r="EFQ53" i="1" s="1"/>
  <c r="EFR53" i="1" s="1"/>
  <c r="EFS53" i="1" s="1"/>
  <c r="EFT53" i="1" s="1"/>
  <c r="EFU53" i="1" s="1"/>
  <c r="EFV53" i="1" s="1"/>
  <c r="EFW53" i="1" s="1"/>
  <c r="EFX53" i="1" s="1"/>
  <c r="EFY53" i="1" s="1"/>
  <c r="EFZ53" i="1" s="1"/>
  <c r="EGA53" i="1" s="1"/>
  <c r="EGB53" i="1" s="1"/>
  <c r="EGC53" i="1" s="1"/>
  <c r="EGD53" i="1" s="1"/>
  <c r="EGE53" i="1" s="1"/>
  <c r="EGF53" i="1" s="1"/>
  <c r="EGG53" i="1" s="1"/>
  <c r="EGH53" i="1" s="1"/>
  <c r="EGI53" i="1" s="1"/>
  <c r="EGJ53" i="1" s="1"/>
  <c r="EGK53" i="1" s="1"/>
  <c r="EGL53" i="1" s="1"/>
  <c r="EGM53" i="1" s="1"/>
  <c r="EGN53" i="1" s="1"/>
  <c r="EGO53" i="1" s="1"/>
  <c r="EGP53" i="1" s="1"/>
  <c r="EGQ53" i="1" s="1"/>
  <c r="EGR53" i="1" s="1"/>
  <c r="EGS53" i="1" s="1"/>
  <c r="EGT53" i="1" s="1"/>
  <c r="EGU53" i="1" s="1"/>
  <c r="EGV53" i="1" s="1"/>
  <c r="EGW53" i="1" s="1"/>
  <c r="EGX53" i="1" s="1"/>
  <c r="EGY53" i="1" s="1"/>
  <c r="EGZ53" i="1" s="1"/>
  <c r="EHA53" i="1" s="1"/>
  <c r="EHB53" i="1" s="1"/>
  <c r="EHC53" i="1" s="1"/>
  <c r="EHD53" i="1" s="1"/>
  <c r="EHE53" i="1" s="1"/>
  <c r="EHF53" i="1" s="1"/>
  <c r="EHG53" i="1" s="1"/>
  <c r="EHH53" i="1" s="1"/>
  <c r="EHI53" i="1" s="1"/>
  <c r="EHJ53" i="1" s="1"/>
  <c r="EHK53" i="1" s="1"/>
  <c r="EHL53" i="1" s="1"/>
  <c r="EHM53" i="1" s="1"/>
  <c r="EHN53" i="1" s="1"/>
  <c r="EHO53" i="1" s="1"/>
  <c r="EHP53" i="1" s="1"/>
  <c r="EHQ53" i="1" s="1"/>
  <c r="EHR53" i="1" s="1"/>
  <c r="EHS53" i="1" s="1"/>
  <c r="EHT53" i="1" s="1"/>
  <c r="EHU53" i="1" s="1"/>
  <c r="EHV53" i="1" s="1"/>
  <c r="EHW53" i="1" s="1"/>
  <c r="EHX53" i="1" s="1"/>
  <c r="EHY53" i="1" s="1"/>
  <c r="EHZ53" i="1" s="1"/>
  <c r="EIA53" i="1" s="1"/>
  <c r="EIB53" i="1" s="1"/>
  <c r="EIC53" i="1" s="1"/>
  <c r="EID53" i="1" s="1"/>
  <c r="EIE53" i="1" s="1"/>
  <c r="EIF53" i="1" s="1"/>
  <c r="EIG53" i="1" s="1"/>
  <c r="EIH53" i="1" s="1"/>
  <c r="EII53" i="1" s="1"/>
  <c r="EIJ53" i="1" s="1"/>
  <c r="EIK53" i="1" s="1"/>
  <c r="EIL53" i="1" s="1"/>
  <c r="EIM53" i="1" s="1"/>
  <c r="EIN53" i="1" s="1"/>
  <c r="EIO53" i="1" s="1"/>
  <c r="EIP53" i="1" s="1"/>
  <c r="EIQ53" i="1" s="1"/>
  <c r="EIR53" i="1" s="1"/>
  <c r="EIS53" i="1" s="1"/>
  <c r="EIT53" i="1" s="1"/>
  <c r="EIU53" i="1" s="1"/>
  <c r="EIV53" i="1" s="1"/>
  <c r="EIW53" i="1" s="1"/>
  <c r="EIX53" i="1" s="1"/>
  <c r="EIY53" i="1" s="1"/>
  <c r="EIZ53" i="1" s="1"/>
  <c r="EJA53" i="1" s="1"/>
  <c r="EJB53" i="1" s="1"/>
  <c r="EJC53" i="1" s="1"/>
  <c r="EJD53" i="1" s="1"/>
  <c r="EJE53" i="1" s="1"/>
  <c r="EJF53" i="1" s="1"/>
  <c r="EJG53" i="1" s="1"/>
  <c r="EJH53" i="1" s="1"/>
  <c r="EJI53" i="1" s="1"/>
  <c r="EJJ53" i="1" s="1"/>
  <c r="EJK53" i="1" s="1"/>
  <c r="EJL53" i="1" s="1"/>
  <c r="EJM53" i="1" s="1"/>
  <c r="EJN53" i="1" s="1"/>
  <c r="EJO53" i="1" s="1"/>
  <c r="EJP53" i="1" s="1"/>
  <c r="EJQ53" i="1" s="1"/>
  <c r="EJR53" i="1" s="1"/>
  <c r="EJS53" i="1" s="1"/>
  <c r="EJT53" i="1" s="1"/>
  <c r="EJU53" i="1" s="1"/>
  <c r="EJV53" i="1" s="1"/>
  <c r="EJW53" i="1" s="1"/>
  <c r="EJX53" i="1" s="1"/>
  <c r="EJY53" i="1" s="1"/>
  <c r="EJZ53" i="1" s="1"/>
  <c r="EKA53" i="1" s="1"/>
  <c r="EKB53" i="1" s="1"/>
  <c r="EKC53" i="1" s="1"/>
  <c r="EKD53" i="1" s="1"/>
  <c r="EKE53" i="1" s="1"/>
  <c r="EKF53" i="1" s="1"/>
  <c r="EKG53" i="1" s="1"/>
  <c r="EKH53" i="1" s="1"/>
  <c r="EKI53" i="1" s="1"/>
  <c r="EKJ53" i="1" s="1"/>
  <c r="EKK53" i="1" s="1"/>
  <c r="EKL53" i="1" s="1"/>
  <c r="EKM53" i="1" s="1"/>
  <c r="EKN53" i="1" s="1"/>
  <c r="EKO53" i="1" s="1"/>
  <c r="EKP53" i="1" s="1"/>
  <c r="EKQ53" i="1" s="1"/>
  <c r="EKR53" i="1" s="1"/>
  <c r="EKS53" i="1" s="1"/>
  <c r="EKT53" i="1" s="1"/>
  <c r="EKU53" i="1" s="1"/>
  <c r="EKV53" i="1" s="1"/>
  <c r="EKW53" i="1" s="1"/>
  <c r="EKX53" i="1" s="1"/>
  <c r="EKY53" i="1" s="1"/>
  <c r="EKZ53" i="1" s="1"/>
  <c r="ELA53" i="1" s="1"/>
  <c r="ELB53" i="1" s="1"/>
  <c r="ELC53" i="1" s="1"/>
  <c r="ELD53" i="1" s="1"/>
  <c r="ELE53" i="1" s="1"/>
  <c r="ELF53" i="1" s="1"/>
  <c r="ELG53" i="1" s="1"/>
  <c r="ELH53" i="1" s="1"/>
  <c r="ELI53" i="1" s="1"/>
  <c r="ELJ53" i="1" s="1"/>
  <c r="ELK53" i="1" s="1"/>
  <c r="ELL53" i="1" s="1"/>
  <c r="ELM53" i="1" s="1"/>
  <c r="ELN53" i="1" s="1"/>
  <c r="ELO53" i="1" s="1"/>
  <c r="ELP53" i="1" s="1"/>
  <c r="ELQ53" i="1" s="1"/>
  <c r="ELR53" i="1" s="1"/>
  <c r="ELS53" i="1" s="1"/>
  <c r="ELT53" i="1" s="1"/>
  <c r="ELU53" i="1" s="1"/>
  <c r="ELV53" i="1" s="1"/>
  <c r="ELW53" i="1" s="1"/>
  <c r="ELX53" i="1" s="1"/>
  <c r="ELY53" i="1" s="1"/>
  <c r="ELZ53" i="1" s="1"/>
  <c r="EMA53" i="1" s="1"/>
  <c r="EMB53" i="1" s="1"/>
  <c r="EMC53" i="1" s="1"/>
  <c r="EMD53" i="1" s="1"/>
  <c r="EME53" i="1" s="1"/>
  <c r="EMF53" i="1" s="1"/>
  <c r="EMG53" i="1" s="1"/>
  <c r="EMH53" i="1" s="1"/>
  <c r="EMI53" i="1" s="1"/>
  <c r="EMJ53" i="1" s="1"/>
  <c r="EMK53" i="1" s="1"/>
  <c r="EML53" i="1" s="1"/>
  <c r="EMM53" i="1" s="1"/>
  <c r="EMN53" i="1" s="1"/>
  <c r="EMO53" i="1" s="1"/>
  <c r="EMP53" i="1" s="1"/>
  <c r="EMQ53" i="1" s="1"/>
  <c r="EMR53" i="1" s="1"/>
  <c r="EMS53" i="1" s="1"/>
  <c r="EMT53" i="1" s="1"/>
  <c r="EMU53" i="1" s="1"/>
  <c r="EMV53" i="1" s="1"/>
  <c r="EMW53" i="1" s="1"/>
  <c r="EMX53" i="1" s="1"/>
  <c r="EMY53" i="1" s="1"/>
  <c r="EMZ53" i="1" s="1"/>
  <c r="ENA53" i="1" s="1"/>
  <c r="ENB53" i="1" s="1"/>
  <c r="ENC53" i="1" s="1"/>
  <c r="END53" i="1" s="1"/>
  <c r="ENE53" i="1" s="1"/>
  <c r="ENF53" i="1" s="1"/>
  <c r="ENG53" i="1" s="1"/>
  <c r="ENH53" i="1" s="1"/>
  <c r="ENI53" i="1" s="1"/>
  <c r="ENJ53" i="1" s="1"/>
  <c r="ENK53" i="1" s="1"/>
  <c r="ENL53" i="1" s="1"/>
  <c r="ENM53" i="1" s="1"/>
  <c r="ENN53" i="1" s="1"/>
  <c r="ENO53" i="1" s="1"/>
  <c r="ENP53" i="1" s="1"/>
  <c r="ENQ53" i="1" s="1"/>
  <c r="ENR53" i="1" s="1"/>
  <c r="ENS53" i="1" s="1"/>
  <c r="ENT53" i="1" s="1"/>
  <c r="ENU53" i="1" s="1"/>
  <c r="ENV53" i="1" s="1"/>
  <c r="ENW53" i="1" s="1"/>
  <c r="ENX53" i="1" s="1"/>
  <c r="ENY53" i="1" s="1"/>
  <c r="ENZ53" i="1" s="1"/>
  <c r="EOA53" i="1" s="1"/>
  <c r="EOB53" i="1" s="1"/>
  <c r="EOC53" i="1" s="1"/>
  <c r="EOD53" i="1" s="1"/>
  <c r="EOE53" i="1" s="1"/>
  <c r="EOF53" i="1" s="1"/>
  <c r="EOG53" i="1" s="1"/>
  <c r="EOH53" i="1" s="1"/>
  <c r="EOI53" i="1" s="1"/>
  <c r="EOJ53" i="1" s="1"/>
  <c r="EOK53" i="1" s="1"/>
  <c r="EOL53" i="1" s="1"/>
  <c r="EOM53" i="1" s="1"/>
  <c r="EON53" i="1" s="1"/>
  <c r="EOO53" i="1" s="1"/>
  <c r="EOP53" i="1" s="1"/>
  <c r="EOQ53" i="1" s="1"/>
  <c r="EOR53" i="1" s="1"/>
  <c r="EOS53" i="1" s="1"/>
  <c r="EOT53" i="1" s="1"/>
  <c r="EOU53" i="1" s="1"/>
  <c r="EOV53" i="1" s="1"/>
  <c r="EOW53" i="1" s="1"/>
  <c r="EOX53" i="1" s="1"/>
  <c r="EOY53" i="1" s="1"/>
  <c r="EOZ53" i="1" s="1"/>
  <c r="EPA53" i="1" s="1"/>
  <c r="EPB53" i="1" s="1"/>
  <c r="EPC53" i="1" s="1"/>
  <c r="EPD53" i="1" s="1"/>
  <c r="EPE53" i="1" s="1"/>
  <c r="EPF53" i="1" s="1"/>
  <c r="EPG53" i="1" s="1"/>
  <c r="EPH53" i="1" s="1"/>
  <c r="EPI53" i="1" s="1"/>
  <c r="EPJ53" i="1" s="1"/>
  <c r="EPK53" i="1" s="1"/>
  <c r="EPL53" i="1" s="1"/>
  <c r="EPM53" i="1" s="1"/>
  <c r="EPN53" i="1" s="1"/>
  <c r="EPO53" i="1" s="1"/>
  <c r="EPP53" i="1" s="1"/>
  <c r="EPQ53" i="1" s="1"/>
  <c r="EPR53" i="1" s="1"/>
  <c r="EPS53" i="1" s="1"/>
  <c r="EPT53" i="1" s="1"/>
  <c r="EPU53" i="1" s="1"/>
  <c r="EPV53" i="1" s="1"/>
  <c r="EPW53" i="1" s="1"/>
  <c r="EPX53" i="1" s="1"/>
  <c r="EPY53" i="1" s="1"/>
  <c r="EPZ53" i="1" s="1"/>
  <c r="EQA53" i="1" s="1"/>
  <c r="EQB53" i="1" s="1"/>
  <c r="EQC53" i="1" s="1"/>
  <c r="EQD53" i="1" s="1"/>
  <c r="EQE53" i="1" s="1"/>
  <c r="EQF53" i="1" s="1"/>
  <c r="EQG53" i="1" s="1"/>
  <c r="EQH53" i="1" s="1"/>
  <c r="EQI53" i="1" s="1"/>
  <c r="EQJ53" i="1" s="1"/>
  <c r="EQK53" i="1" s="1"/>
  <c r="EQL53" i="1" s="1"/>
  <c r="EQM53" i="1" s="1"/>
  <c r="EQN53" i="1" s="1"/>
  <c r="EQO53" i="1" s="1"/>
  <c r="EQP53" i="1" s="1"/>
  <c r="EQQ53" i="1" s="1"/>
  <c r="EQR53" i="1" s="1"/>
  <c r="EQS53" i="1" s="1"/>
  <c r="EQT53" i="1" s="1"/>
  <c r="EQU53" i="1" s="1"/>
  <c r="EQV53" i="1" s="1"/>
  <c r="EQW53" i="1" s="1"/>
  <c r="EQX53" i="1" s="1"/>
  <c r="EQY53" i="1" s="1"/>
  <c r="EQZ53" i="1" s="1"/>
  <c r="ERA53" i="1" s="1"/>
  <c r="ERB53" i="1" s="1"/>
  <c r="ERC53" i="1" s="1"/>
  <c r="ERD53" i="1" s="1"/>
  <c r="ERE53" i="1" s="1"/>
  <c r="ERF53" i="1" s="1"/>
  <c r="ERG53" i="1" s="1"/>
  <c r="ERH53" i="1" s="1"/>
  <c r="ERI53" i="1" s="1"/>
  <c r="ERJ53" i="1" s="1"/>
  <c r="ERK53" i="1" s="1"/>
  <c r="ERL53" i="1" s="1"/>
  <c r="ERM53" i="1" s="1"/>
  <c r="ERN53" i="1" s="1"/>
  <c r="ERO53" i="1" s="1"/>
  <c r="ERP53" i="1" s="1"/>
  <c r="ERQ53" i="1" s="1"/>
  <c r="ERR53" i="1" s="1"/>
  <c r="ERS53" i="1" s="1"/>
  <c r="ERT53" i="1" s="1"/>
  <c r="ERU53" i="1" s="1"/>
  <c r="ERV53" i="1" s="1"/>
  <c r="ERW53" i="1" s="1"/>
  <c r="ERX53" i="1" s="1"/>
  <c r="ERY53" i="1" s="1"/>
  <c r="ERZ53" i="1" s="1"/>
  <c r="ESA53" i="1" s="1"/>
  <c r="ESB53" i="1" s="1"/>
  <c r="ESC53" i="1" s="1"/>
  <c r="ESD53" i="1" s="1"/>
  <c r="ESE53" i="1" s="1"/>
  <c r="ESF53" i="1" s="1"/>
  <c r="ESG53" i="1" s="1"/>
  <c r="ESH53" i="1" s="1"/>
  <c r="ESI53" i="1" s="1"/>
  <c r="ESJ53" i="1" s="1"/>
  <c r="ESK53" i="1" s="1"/>
  <c r="ESL53" i="1" s="1"/>
  <c r="ESM53" i="1" s="1"/>
  <c r="ESN53" i="1" s="1"/>
  <c r="ESO53" i="1" s="1"/>
  <c r="ESP53" i="1" s="1"/>
  <c r="ESQ53" i="1" s="1"/>
  <c r="ESR53" i="1" s="1"/>
  <c r="ESS53" i="1" s="1"/>
  <c r="EST53" i="1" s="1"/>
  <c r="ESU53" i="1" s="1"/>
  <c r="ESV53" i="1" s="1"/>
  <c r="ESW53" i="1" s="1"/>
  <c r="ESX53" i="1" s="1"/>
  <c r="ESY53" i="1" s="1"/>
  <c r="ESZ53" i="1" s="1"/>
  <c r="ETA53" i="1" s="1"/>
  <c r="ETB53" i="1" s="1"/>
  <c r="ETC53" i="1" s="1"/>
  <c r="ETD53" i="1" s="1"/>
  <c r="ETE53" i="1" s="1"/>
  <c r="ETF53" i="1" s="1"/>
  <c r="ETG53" i="1" s="1"/>
  <c r="ETH53" i="1" s="1"/>
  <c r="ETI53" i="1" s="1"/>
  <c r="ETJ53" i="1" s="1"/>
  <c r="ETK53" i="1" s="1"/>
  <c r="ETL53" i="1" s="1"/>
  <c r="ETM53" i="1" s="1"/>
  <c r="ETN53" i="1" s="1"/>
  <c r="ETO53" i="1" s="1"/>
  <c r="ETP53" i="1" s="1"/>
  <c r="ETQ53" i="1" s="1"/>
  <c r="ETR53" i="1" s="1"/>
  <c r="ETS53" i="1" s="1"/>
  <c r="ETT53" i="1" s="1"/>
  <c r="ETU53" i="1" s="1"/>
  <c r="ETV53" i="1" s="1"/>
  <c r="ETW53" i="1" s="1"/>
  <c r="ETX53" i="1" s="1"/>
  <c r="ETY53" i="1" s="1"/>
  <c r="ETZ53" i="1" s="1"/>
  <c r="EUA53" i="1" s="1"/>
  <c r="EUB53" i="1" s="1"/>
  <c r="EUC53" i="1" s="1"/>
  <c r="EUD53" i="1" s="1"/>
  <c r="EUE53" i="1" s="1"/>
  <c r="EUF53" i="1" s="1"/>
  <c r="EUG53" i="1" s="1"/>
  <c r="EUH53" i="1" s="1"/>
  <c r="EUI53" i="1" s="1"/>
  <c r="EUJ53" i="1" s="1"/>
  <c r="EUK53" i="1" s="1"/>
  <c r="EUL53" i="1" s="1"/>
  <c r="EUM53" i="1" s="1"/>
  <c r="EUN53" i="1" s="1"/>
  <c r="EUO53" i="1" s="1"/>
  <c r="EUP53" i="1" s="1"/>
  <c r="EUQ53" i="1" s="1"/>
  <c r="EUR53" i="1" s="1"/>
  <c r="EUS53" i="1" s="1"/>
  <c r="EUT53" i="1" s="1"/>
  <c r="EUU53" i="1" s="1"/>
  <c r="EUV53" i="1" s="1"/>
  <c r="EUW53" i="1" s="1"/>
  <c r="EUX53" i="1" s="1"/>
  <c r="EUY53" i="1" s="1"/>
  <c r="EUZ53" i="1" s="1"/>
  <c r="EVA53" i="1" s="1"/>
  <c r="EVB53" i="1" s="1"/>
  <c r="EVC53" i="1" s="1"/>
  <c r="EVD53" i="1" s="1"/>
  <c r="EVE53" i="1" s="1"/>
  <c r="EVF53" i="1" s="1"/>
  <c r="EVG53" i="1" s="1"/>
  <c r="EVH53" i="1" s="1"/>
  <c r="EVI53" i="1" s="1"/>
  <c r="EVJ53" i="1" s="1"/>
  <c r="EVK53" i="1" s="1"/>
  <c r="EVL53" i="1" s="1"/>
  <c r="EVM53" i="1" s="1"/>
  <c r="EVN53" i="1" s="1"/>
  <c r="EVO53" i="1" s="1"/>
  <c r="EVP53" i="1" s="1"/>
  <c r="EVQ53" i="1" s="1"/>
  <c r="EVR53" i="1" s="1"/>
  <c r="EVS53" i="1" s="1"/>
  <c r="EVT53" i="1" s="1"/>
  <c r="EVU53" i="1" s="1"/>
  <c r="EVV53" i="1" s="1"/>
  <c r="EVW53" i="1" s="1"/>
  <c r="EVX53" i="1" s="1"/>
  <c r="EVY53" i="1" s="1"/>
  <c r="EVZ53" i="1" s="1"/>
  <c r="EWA53" i="1" s="1"/>
  <c r="EWB53" i="1" s="1"/>
  <c r="EWC53" i="1" s="1"/>
  <c r="EWD53" i="1" s="1"/>
  <c r="EWE53" i="1" s="1"/>
  <c r="EWF53" i="1" s="1"/>
  <c r="EWG53" i="1" s="1"/>
  <c r="EWH53" i="1" s="1"/>
  <c r="EWI53" i="1" s="1"/>
  <c r="EWJ53" i="1" s="1"/>
  <c r="EWK53" i="1" s="1"/>
  <c r="EWL53" i="1" s="1"/>
  <c r="EWM53" i="1" s="1"/>
  <c r="EWN53" i="1" s="1"/>
  <c r="EWO53" i="1" s="1"/>
  <c r="EWP53" i="1" s="1"/>
  <c r="EWQ53" i="1" s="1"/>
  <c r="EWR53" i="1" s="1"/>
  <c r="EWS53" i="1" s="1"/>
  <c r="EWT53" i="1" s="1"/>
  <c r="EWU53" i="1" s="1"/>
  <c r="EWV53" i="1" s="1"/>
  <c r="EWW53" i="1" s="1"/>
  <c r="EWX53" i="1" s="1"/>
  <c r="EWY53" i="1" s="1"/>
  <c r="EWZ53" i="1" s="1"/>
  <c r="EXA53" i="1" s="1"/>
  <c r="EXB53" i="1" s="1"/>
  <c r="EXC53" i="1" s="1"/>
  <c r="EXD53" i="1" s="1"/>
  <c r="EXE53" i="1" s="1"/>
  <c r="EXF53" i="1" s="1"/>
  <c r="EXG53" i="1" s="1"/>
  <c r="EXH53" i="1" s="1"/>
  <c r="EXI53" i="1" s="1"/>
  <c r="EXJ53" i="1" s="1"/>
  <c r="EXK53" i="1" s="1"/>
  <c r="EXL53" i="1" s="1"/>
  <c r="EXM53" i="1" s="1"/>
  <c r="EXN53" i="1" s="1"/>
  <c r="EXO53" i="1" s="1"/>
  <c r="EXP53" i="1" s="1"/>
  <c r="EXQ53" i="1" s="1"/>
  <c r="EXR53" i="1" s="1"/>
  <c r="EXS53" i="1" s="1"/>
  <c r="EXT53" i="1" s="1"/>
  <c r="EXU53" i="1" s="1"/>
  <c r="EXV53" i="1" s="1"/>
  <c r="EXW53" i="1" s="1"/>
  <c r="EXX53" i="1" s="1"/>
  <c r="EXY53" i="1" s="1"/>
  <c r="EXZ53" i="1" s="1"/>
  <c r="EYA53" i="1" s="1"/>
  <c r="EYB53" i="1" s="1"/>
  <c r="EYC53" i="1" s="1"/>
  <c r="EYD53" i="1" s="1"/>
  <c r="EYE53" i="1" s="1"/>
  <c r="EYF53" i="1" s="1"/>
  <c r="EYG53" i="1" s="1"/>
  <c r="EYH53" i="1" s="1"/>
  <c r="EYI53" i="1" s="1"/>
  <c r="EYJ53" i="1" s="1"/>
  <c r="EYK53" i="1" s="1"/>
  <c r="EYL53" i="1" s="1"/>
  <c r="EYM53" i="1" s="1"/>
  <c r="EYN53" i="1" s="1"/>
  <c r="EYO53" i="1" s="1"/>
  <c r="EYP53" i="1" s="1"/>
  <c r="EYQ53" i="1" s="1"/>
  <c r="EYR53" i="1" s="1"/>
  <c r="EYS53" i="1" s="1"/>
  <c r="EYT53" i="1" s="1"/>
  <c r="EYU53" i="1" s="1"/>
  <c r="EYV53" i="1" s="1"/>
  <c r="EYW53" i="1" s="1"/>
  <c r="EYX53" i="1" s="1"/>
  <c r="EYY53" i="1" s="1"/>
  <c r="EYZ53" i="1" s="1"/>
  <c r="EZA53" i="1" s="1"/>
  <c r="EZB53" i="1" s="1"/>
  <c r="EZC53" i="1" s="1"/>
  <c r="EZD53" i="1" s="1"/>
  <c r="EZE53" i="1" s="1"/>
  <c r="EZF53" i="1" s="1"/>
  <c r="EZG53" i="1" s="1"/>
  <c r="EZH53" i="1" s="1"/>
  <c r="EZI53" i="1" s="1"/>
  <c r="EZJ53" i="1" s="1"/>
  <c r="EZK53" i="1" s="1"/>
  <c r="EZL53" i="1" s="1"/>
  <c r="EZM53" i="1" s="1"/>
  <c r="EZN53" i="1" s="1"/>
  <c r="EZO53" i="1" s="1"/>
  <c r="EZP53" i="1" s="1"/>
  <c r="EZQ53" i="1" s="1"/>
  <c r="EZR53" i="1" s="1"/>
  <c r="EZS53" i="1" s="1"/>
  <c r="EZT53" i="1" s="1"/>
  <c r="EZU53" i="1" s="1"/>
  <c r="EZV53" i="1" s="1"/>
  <c r="EZW53" i="1" s="1"/>
  <c r="EZX53" i="1" s="1"/>
  <c r="EZY53" i="1" s="1"/>
  <c r="EZZ53" i="1" s="1"/>
  <c r="FAA53" i="1" s="1"/>
  <c r="FAB53" i="1" s="1"/>
  <c r="FAC53" i="1" s="1"/>
  <c r="FAD53" i="1" s="1"/>
  <c r="FAE53" i="1" s="1"/>
  <c r="FAF53" i="1" s="1"/>
  <c r="FAG53" i="1" s="1"/>
  <c r="FAH53" i="1" s="1"/>
  <c r="FAI53" i="1" s="1"/>
  <c r="FAJ53" i="1" s="1"/>
  <c r="FAK53" i="1" s="1"/>
  <c r="FAL53" i="1" s="1"/>
  <c r="FAM53" i="1" s="1"/>
  <c r="FAN53" i="1" s="1"/>
  <c r="FAO53" i="1" s="1"/>
  <c r="FAP53" i="1" s="1"/>
  <c r="FAQ53" i="1" s="1"/>
  <c r="FAR53" i="1" s="1"/>
  <c r="FAS53" i="1" s="1"/>
  <c r="FAT53" i="1" s="1"/>
  <c r="FAU53" i="1" s="1"/>
  <c r="FAV53" i="1" s="1"/>
  <c r="FAW53" i="1" s="1"/>
  <c r="FAX53" i="1" s="1"/>
  <c r="FAY53" i="1" s="1"/>
  <c r="FAZ53" i="1" s="1"/>
  <c r="FBA53" i="1" s="1"/>
  <c r="FBB53" i="1" s="1"/>
  <c r="FBC53" i="1" s="1"/>
  <c r="FBD53" i="1" s="1"/>
  <c r="FBE53" i="1" s="1"/>
  <c r="FBF53" i="1" s="1"/>
  <c r="FBG53" i="1" s="1"/>
  <c r="FBH53" i="1" s="1"/>
  <c r="FBI53" i="1" s="1"/>
  <c r="FBJ53" i="1" s="1"/>
  <c r="FBK53" i="1" s="1"/>
  <c r="FBL53" i="1" s="1"/>
  <c r="FBM53" i="1" s="1"/>
  <c r="FBN53" i="1" s="1"/>
  <c r="FBO53" i="1" s="1"/>
  <c r="FBP53" i="1" s="1"/>
  <c r="FBQ53" i="1" s="1"/>
  <c r="FBR53" i="1" s="1"/>
  <c r="FBS53" i="1" s="1"/>
  <c r="FBT53" i="1" s="1"/>
  <c r="FBU53" i="1" s="1"/>
  <c r="FBV53" i="1" s="1"/>
  <c r="FBW53" i="1" s="1"/>
  <c r="FBX53" i="1" s="1"/>
  <c r="FBY53" i="1" s="1"/>
  <c r="FBZ53" i="1" s="1"/>
  <c r="FCA53" i="1" s="1"/>
  <c r="FCB53" i="1" s="1"/>
  <c r="FCC53" i="1" s="1"/>
  <c r="FCD53" i="1" s="1"/>
  <c r="FCE53" i="1" s="1"/>
  <c r="FCF53" i="1" s="1"/>
  <c r="FCG53" i="1" s="1"/>
  <c r="FCH53" i="1" s="1"/>
  <c r="FCI53" i="1" s="1"/>
  <c r="FCJ53" i="1" s="1"/>
  <c r="FCK53" i="1" s="1"/>
  <c r="FCL53" i="1" s="1"/>
  <c r="FCM53" i="1" s="1"/>
  <c r="FCN53" i="1" s="1"/>
  <c r="FCO53" i="1" s="1"/>
  <c r="FCP53" i="1" s="1"/>
  <c r="FCQ53" i="1" s="1"/>
  <c r="FCR53" i="1" s="1"/>
  <c r="FCS53" i="1" s="1"/>
  <c r="FCT53" i="1" s="1"/>
  <c r="FCU53" i="1" s="1"/>
  <c r="FCV53" i="1" s="1"/>
  <c r="FCW53" i="1" s="1"/>
  <c r="FCX53" i="1" s="1"/>
  <c r="FCY53" i="1" s="1"/>
  <c r="FCZ53" i="1" s="1"/>
  <c r="FDA53" i="1" s="1"/>
  <c r="FDB53" i="1" s="1"/>
  <c r="FDC53" i="1" s="1"/>
  <c r="FDD53" i="1" s="1"/>
  <c r="FDE53" i="1" s="1"/>
  <c r="FDF53" i="1" s="1"/>
  <c r="FDG53" i="1" s="1"/>
  <c r="FDH53" i="1" s="1"/>
  <c r="FDI53" i="1" s="1"/>
  <c r="FDJ53" i="1" s="1"/>
  <c r="FDK53" i="1" s="1"/>
  <c r="FDL53" i="1" s="1"/>
  <c r="FDM53" i="1" s="1"/>
  <c r="FDN53" i="1" s="1"/>
  <c r="FDO53" i="1" s="1"/>
  <c r="FDP53" i="1" s="1"/>
  <c r="FDQ53" i="1" s="1"/>
  <c r="FDR53" i="1" s="1"/>
  <c r="FDS53" i="1" s="1"/>
  <c r="FDT53" i="1" s="1"/>
  <c r="FDU53" i="1" s="1"/>
  <c r="FDV53" i="1" s="1"/>
  <c r="FDW53" i="1" s="1"/>
  <c r="FDX53" i="1" s="1"/>
  <c r="FDY53" i="1" s="1"/>
  <c r="FDZ53" i="1" s="1"/>
  <c r="FEA53" i="1" s="1"/>
  <c r="FEB53" i="1" s="1"/>
  <c r="FEC53" i="1" s="1"/>
  <c r="FED53" i="1" s="1"/>
  <c r="FEE53" i="1" s="1"/>
  <c r="FEF53" i="1" s="1"/>
  <c r="FEG53" i="1" s="1"/>
  <c r="FEH53" i="1" s="1"/>
  <c r="FEI53" i="1" s="1"/>
  <c r="FEJ53" i="1" s="1"/>
  <c r="FEK53" i="1" s="1"/>
  <c r="FEL53" i="1" s="1"/>
  <c r="FEM53" i="1" s="1"/>
  <c r="FEN53" i="1" s="1"/>
  <c r="FEO53" i="1" s="1"/>
  <c r="FEP53" i="1" s="1"/>
  <c r="FEQ53" i="1" s="1"/>
  <c r="FER53" i="1" s="1"/>
  <c r="FES53" i="1" s="1"/>
  <c r="FET53" i="1" s="1"/>
  <c r="FEU53" i="1" s="1"/>
  <c r="FEV53" i="1" s="1"/>
  <c r="FEW53" i="1" s="1"/>
  <c r="FEX53" i="1" s="1"/>
  <c r="FEY53" i="1" s="1"/>
  <c r="FEZ53" i="1" s="1"/>
  <c r="FFA53" i="1" s="1"/>
  <c r="FFB53" i="1" s="1"/>
  <c r="FFC53" i="1" s="1"/>
  <c r="FFD53" i="1" s="1"/>
  <c r="FFE53" i="1" s="1"/>
  <c r="FFF53" i="1" s="1"/>
  <c r="FFG53" i="1" s="1"/>
  <c r="FFH53" i="1" s="1"/>
  <c r="FFI53" i="1" s="1"/>
  <c r="FFJ53" i="1" s="1"/>
  <c r="FFK53" i="1" s="1"/>
  <c r="FFL53" i="1" s="1"/>
  <c r="FFM53" i="1" s="1"/>
  <c r="FFN53" i="1" s="1"/>
  <c r="FFO53" i="1" s="1"/>
  <c r="FFP53" i="1" s="1"/>
  <c r="FFQ53" i="1" s="1"/>
  <c r="FFR53" i="1" s="1"/>
  <c r="FFS53" i="1" s="1"/>
  <c r="FFT53" i="1" s="1"/>
  <c r="FFU53" i="1" s="1"/>
  <c r="FFV53" i="1" s="1"/>
  <c r="FFW53" i="1" s="1"/>
  <c r="FFX53" i="1" s="1"/>
  <c r="FFY53" i="1" s="1"/>
  <c r="FFZ53" i="1" s="1"/>
  <c r="FGA53" i="1" s="1"/>
  <c r="FGB53" i="1" s="1"/>
  <c r="FGC53" i="1" s="1"/>
  <c r="FGD53" i="1" s="1"/>
  <c r="FGE53" i="1" s="1"/>
  <c r="FGF53" i="1" s="1"/>
  <c r="FGG53" i="1" s="1"/>
  <c r="FGH53" i="1" s="1"/>
  <c r="FGI53" i="1" s="1"/>
  <c r="FGJ53" i="1" s="1"/>
  <c r="FGK53" i="1" s="1"/>
  <c r="FGL53" i="1" s="1"/>
  <c r="FGM53" i="1" s="1"/>
  <c r="FGN53" i="1" s="1"/>
  <c r="FGO53" i="1" s="1"/>
  <c r="FGP53" i="1" s="1"/>
  <c r="FGQ53" i="1" s="1"/>
  <c r="FGR53" i="1" s="1"/>
  <c r="FGS53" i="1" s="1"/>
  <c r="FGT53" i="1" s="1"/>
  <c r="FGU53" i="1" s="1"/>
  <c r="FGV53" i="1" s="1"/>
  <c r="FGW53" i="1" s="1"/>
  <c r="FGX53" i="1" s="1"/>
  <c r="FGY53" i="1" s="1"/>
  <c r="FGZ53" i="1" s="1"/>
  <c r="FHA53" i="1" s="1"/>
  <c r="FHB53" i="1" s="1"/>
  <c r="FHC53" i="1" s="1"/>
  <c r="FHD53" i="1" s="1"/>
  <c r="FHE53" i="1" s="1"/>
  <c r="FHF53" i="1" s="1"/>
  <c r="FHG53" i="1" s="1"/>
  <c r="FHH53" i="1" s="1"/>
  <c r="FHI53" i="1" s="1"/>
  <c r="FHJ53" i="1" s="1"/>
  <c r="FHK53" i="1" s="1"/>
  <c r="FHL53" i="1" s="1"/>
  <c r="FHM53" i="1" s="1"/>
  <c r="FHN53" i="1" s="1"/>
  <c r="FHO53" i="1" s="1"/>
  <c r="FHP53" i="1" s="1"/>
  <c r="FHQ53" i="1" s="1"/>
  <c r="FHR53" i="1" s="1"/>
  <c r="FHS53" i="1" s="1"/>
  <c r="FHT53" i="1" s="1"/>
  <c r="FHU53" i="1" s="1"/>
  <c r="FHV53" i="1" s="1"/>
  <c r="FHW53" i="1" s="1"/>
  <c r="FHX53" i="1" s="1"/>
  <c r="FHY53" i="1" s="1"/>
  <c r="FHZ53" i="1" s="1"/>
  <c r="FIA53" i="1" s="1"/>
  <c r="FIB53" i="1" s="1"/>
  <c r="FIC53" i="1" s="1"/>
  <c r="FID53" i="1" s="1"/>
  <c r="FIE53" i="1" s="1"/>
  <c r="FIF53" i="1" s="1"/>
  <c r="FIG53" i="1" s="1"/>
  <c r="FIH53" i="1" s="1"/>
  <c r="FII53" i="1" s="1"/>
  <c r="FIJ53" i="1" s="1"/>
  <c r="FIK53" i="1" s="1"/>
  <c r="FIL53" i="1" s="1"/>
  <c r="FIM53" i="1" s="1"/>
  <c r="FIN53" i="1" s="1"/>
  <c r="FIO53" i="1" s="1"/>
  <c r="FIP53" i="1" s="1"/>
  <c r="FIQ53" i="1" s="1"/>
  <c r="FIR53" i="1" s="1"/>
  <c r="FIS53" i="1" s="1"/>
  <c r="FIT53" i="1" s="1"/>
  <c r="FIU53" i="1" s="1"/>
  <c r="FIV53" i="1" s="1"/>
  <c r="FIW53" i="1" s="1"/>
  <c r="FIX53" i="1" s="1"/>
  <c r="FIY53" i="1" s="1"/>
  <c r="FIZ53" i="1" s="1"/>
  <c r="FJA53" i="1" s="1"/>
  <c r="FJB53" i="1" s="1"/>
  <c r="FJC53" i="1" s="1"/>
  <c r="FJD53" i="1" s="1"/>
  <c r="FJE53" i="1" s="1"/>
  <c r="FJF53" i="1" s="1"/>
  <c r="FJG53" i="1" s="1"/>
  <c r="FJH53" i="1" s="1"/>
  <c r="FJI53" i="1" s="1"/>
  <c r="FJJ53" i="1" s="1"/>
  <c r="FJK53" i="1" s="1"/>
  <c r="FJL53" i="1" s="1"/>
  <c r="FJM53" i="1" s="1"/>
  <c r="FJN53" i="1" s="1"/>
  <c r="FJO53" i="1" s="1"/>
  <c r="FJP53" i="1" s="1"/>
  <c r="FJQ53" i="1" s="1"/>
  <c r="FJR53" i="1" s="1"/>
  <c r="FJS53" i="1" s="1"/>
  <c r="FJT53" i="1" s="1"/>
  <c r="FJU53" i="1" s="1"/>
  <c r="FJV53" i="1" s="1"/>
  <c r="FJW53" i="1" s="1"/>
  <c r="FJX53" i="1" s="1"/>
  <c r="FJY53" i="1" s="1"/>
  <c r="FJZ53" i="1" s="1"/>
  <c r="FKA53" i="1" s="1"/>
  <c r="FKB53" i="1" s="1"/>
  <c r="FKC53" i="1" s="1"/>
  <c r="FKD53" i="1" s="1"/>
  <c r="FKE53" i="1" s="1"/>
  <c r="FKF53" i="1" s="1"/>
  <c r="FKG53" i="1" s="1"/>
  <c r="FKH53" i="1" s="1"/>
  <c r="FKI53" i="1" s="1"/>
  <c r="FKJ53" i="1" s="1"/>
  <c r="FKK53" i="1" s="1"/>
  <c r="FKL53" i="1" s="1"/>
  <c r="FKM53" i="1" s="1"/>
  <c r="FKN53" i="1" s="1"/>
  <c r="FKO53" i="1" s="1"/>
  <c r="FKP53" i="1" s="1"/>
  <c r="FKQ53" i="1" s="1"/>
  <c r="FKR53" i="1" s="1"/>
  <c r="FKS53" i="1" s="1"/>
  <c r="FKT53" i="1" s="1"/>
  <c r="FKU53" i="1" s="1"/>
  <c r="FKV53" i="1" s="1"/>
  <c r="FKW53" i="1" s="1"/>
  <c r="FKX53" i="1" s="1"/>
  <c r="FKY53" i="1" s="1"/>
  <c r="FKZ53" i="1" s="1"/>
  <c r="FLA53" i="1" s="1"/>
  <c r="FLB53" i="1" s="1"/>
  <c r="FLC53" i="1" s="1"/>
  <c r="FLD53" i="1" s="1"/>
  <c r="FLE53" i="1" s="1"/>
  <c r="FLF53" i="1" s="1"/>
  <c r="FLG53" i="1" s="1"/>
  <c r="FLH53" i="1" s="1"/>
  <c r="FLI53" i="1" s="1"/>
  <c r="FLJ53" i="1" s="1"/>
  <c r="FLK53" i="1" s="1"/>
  <c r="FLL53" i="1" s="1"/>
  <c r="FLM53" i="1" s="1"/>
  <c r="FLN53" i="1" s="1"/>
  <c r="FLO53" i="1" s="1"/>
  <c r="FLP53" i="1" s="1"/>
  <c r="FLQ53" i="1" s="1"/>
  <c r="FLR53" i="1" s="1"/>
  <c r="FLS53" i="1" s="1"/>
  <c r="FLT53" i="1" s="1"/>
  <c r="FLU53" i="1" s="1"/>
  <c r="FLV53" i="1" s="1"/>
  <c r="FLW53" i="1" s="1"/>
  <c r="FLX53" i="1" s="1"/>
  <c r="FLY53" i="1" s="1"/>
  <c r="FLZ53" i="1" s="1"/>
  <c r="FMA53" i="1" s="1"/>
  <c r="FMB53" i="1" s="1"/>
  <c r="FMC53" i="1" s="1"/>
  <c r="FMD53" i="1" s="1"/>
  <c r="FME53" i="1" s="1"/>
  <c r="FMF53" i="1" s="1"/>
  <c r="FMG53" i="1" s="1"/>
  <c r="FMH53" i="1" s="1"/>
  <c r="FMI53" i="1" s="1"/>
  <c r="FMJ53" i="1" s="1"/>
  <c r="FMK53" i="1" s="1"/>
  <c r="FML53" i="1" s="1"/>
  <c r="FMM53" i="1" s="1"/>
  <c r="FMN53" i="1" s="1"/>
  <c r="FMO53" i="1" s="1"/>
  <c r="FMP53" i="1" s="1"/>
  <c r="FMQ53" i="1" s="1"/>
  <c r="FMR53" i="1" s="1"/>
  <c r="FMS53" i="1" s="1"/>
  <c r="FMT53" i="1" s="1"/>
  <c r="FMU53" i="1" s="1"/>
  <c r="FMV53" i="1" s="1"/>
  <c r="FMW53" i="1" s="1"/>
  <c r="FMX53" i="1" s="1"/>
  <c r="FMY53" i="1" s="1"/>
  <c r="FMZ53" i="1" s="1"/>
  <c r="FNA53" i="1" s="1"/>
  <c r="FNB53" i="1" s="1"/>
  <c r="FNC53" i="1" s="1"/>
  <c r="FND53" i="1" s="1"/>
  <c r="FNE53" i="1" s="1"/>
  <c r="FNF53" i="1" s="1"/>
  <c r="FNG53" i="1" s="1"/>
  <c r="FNH53" i="1" s="1"/>
  <c r="FNI53" i="1" s="1"/>
  <c r="FNJ53" i="1" s="1"/>
  <c r="FNK53" i="1" s="1"/>
  <c r="FNL53" i="1" s="1"/>
  <c r="FNM53" i="1" s="1"/>
  <c r="FNN53" i="1" s="1"/>
  <c r="FNO53" i="1" s="1"/>
  <c r="FNP53" i="1" s="1"/>
  <c r="FNQ53" i="1" s="1"/>
  <c r="FNR53" i="1" s="1"/>
  <c r="FNS53" i="1" s="1"/>
  <c r="FNT53" i="1" s="1"/>
  <c r="FNU53" i="1" s="1"/>
  <c r="FNV53" i="1" s="1"/>
  <c r="FNW53" i="1" s="1"/>
  <c r="FNX53" i="1" s="1"/>
  <c r="FNY53" i="1" s="1"/>
  <c r="FNZ53" i="1" s="1"/>
  <c r="FOA53" i="1" s="1"/>
  <c r="FOB53" i="1" s="1"/>
  <c r="FOC53" i="1" s="1"/>
  <c r="FOD53" i="1" s="1"/>
  <c r="FOE53" i="1" s="1"/>
  <c r="FOF53" i="1" s="1"/>
  <c r="FOG53" i="1" s="1"/>
  <c r="FOH53" i="1" s="1"/>
  <c r="FOI53" i="1" s="1"/>
  <c r="FOJ53" i="1" s="1"/>
  <c r="FOK53" i="1" s="1"/>
  <c r="FOL53" i="1" s="1"/>
  <c r="FOM53" i="1" s="1"/>
  <c r="FON53" i="1" s="1"/>
  <c r="FOO53" i="1" s="1"/>
  <c r="FOP53" i="1" s="1"/>
  <c r="FOQ53" i="1" s="1"/>
  <c r="FOR53" i="1" s="1"/>
  <c r="FOS53" i="1" s="1"/>
  <c r="FOT53" i="1" s="1"/>
  <c r="FOU53" i="1" s="1"/>
  <c r="FOV53" i="1" s="1"/>
  <c r="FOW53" i="1" s="1"/>
  <c r="FOX53" i="1" s="1"/>
  <c r="FOY53" i="1" s="1"/>
  <c r="FOZ53" i="1" s="1"/>
  <c r="FPA53" i="1" s="1"/>
  <c r="FPB53" i="1" s="1"/>
  <c r="FPC53" i="1" s="1"/>
  <c r="FPD53" i="1" s="1"/>
  <c r="FPE53" i="1" s="1"/>
  <c r="FPF53" i="1" s="1"/>
  <c r="FPG53" i="1" s="1"/>
  <c r="FPH53" i="1" s="1"/>
  <c r="FPI53" i="1" s="1"/>
  <c r="FPJ53" i="1" s="1"/>
  <c r="FPK53" i="1" s="1"/>
  <c r="FPL53" i="1" s="1"/>
  <c r="FPM53" i="1" s="1"/>
  <c r="FPN53" i="1" s="1"/>
  <c r="FPO53" i="1" s="1"/>
  <c r="FPP53" i="1" s="1"/>
  <c r="FPQ53" i="1" s="1"/>
  <c r="FPR53" i="1" s="1"/>
  <c r="FPS53" i="1" s="1"/>
  <c r="FPT53" i="1" s="1"/>
  <c r="FPU53" i="1" s="1"/>
  <c r="FPV53" i="1" s="1"/>
  <c r="FPW53" i="1" s="1"/>
  <c r="FPX53" i="1" s="1"/>
  <c r="FPY53" i="1" s="1"/>
  <c r="FPZ53" i="1" s="1"/>
  <c r="FQA53" i="1" s="1"/>
  <c r="FQB53" i="1" s="1"/>
  <c r="FQC53" i="1" s="1"/>
  <c r="FQD53" i="1" s="1"/>
  <c r="FQE53" i="1" s="1"/>
  <c r="FQF53" i="1" s="1"/>
  <c r="FQG53" i="1" s="1"/>
  <c r="FQH53" i="1" s="1"/>
  <c r="FQI53" i="1" s="1"/>
  <c r="FQJ53" i="1" s="1"/>
  <c r="FQK53" i="1" s="1"/>
  <c r="FQL53" i="1" s="1"/>
  <c r="FQM53" i="1" s="1"/>
  <c r="FQN53" i="1" s="1"/>
  <c r="FQO53" i="1" s="1"/>
  <c r="FQP53" i="1" s="1"/>
  <c r="FQQ53" i="1" s="1"/>
  <c r="FQR53" i="1" s="1"/>
  <c r="FQS53" i="1" s="1"/>
  <c r="FQT53" i="1" s="1"/>
  <c r="FQU53" i="1" s="1"/>
  <c r="FQV53" i="1" s="1"/>
  <c r="FQW53" i="1" s="1"/>
  <c r="FQX53" i="1" s="1"/>
  <c r="FQY53" i="1" s="1"/>
  <c r="FQZ53" i="1" s="1"/>
  <c r="FRA53" i="1" s="1"/>
  <c r="FRB53" i="1" s="1"/>
  <c r="FRC53" i="1" s="1"/>
  <c r="FRD53" i="1" s="1"/>
  <c r="FRE53" i="1" s="1"/>
  <c r="FRF53" i="1" s="1"/>
  <c r="FRG53" i="1" s="1"/>
  <c r="FRH53" i="1" s="1"/>
  <c r="FRI53" i="1" s="1"/>
  <c r="FRJ53" i="1" s="1"/>
  <c r="FRK53" i="1" s="1"/>
  <c r="FRL53" i="1" s="1"/>
  <c r="FRM53" i="1" s="1"/>
  <c r="FRN53" i="1" s="1"/>
  <c r="FRO53" i="1" s="1"/>
  <c r="FRP53" i="1" s="1"/>
  <c r="FRQ53" i="1" s="1"/>
  <c r="FRR53" i="1" s="1"/>
  <c r="FRS53" i="1" s="1"/>
  <c r="FRT53" i="1" s="1"/>
  <c r="FRU53" i="1" s="1"/>
  <c r="FRV53" i="1" s="1"/>
  <c r="FRW53" i="1" s="1"/>
  <c r="FRX53" i="1" s="1"/>
  <c r="FRY53" i="1" s="1"/>
  <c r="FRZ53" i="1" s="1"/>
  <c r="FSA53" i="1" s="1"/>
  <c r="FSB53" i="1" s="1"/>
  <c r="FSC53" i="1" s="1"/>
  <c r="FSD53" i="1" s="1"/>
  <c r="FSE53" i="1" s="1"/>
  <c r="FSF53" i="1" s="1"/>
  <c r="FSG53" i="1" s="1"/>
  <c r="FSH53" i="1" s="1"/>
  <c r="FSI53" i="1" s="1"/>
  <c r="FSJ53" i="1" s="1"/>
  <c r="FSK53" i="1" s="1"/>
  <c r="FSL53" i="1" s="1"/>
  <c r="FSM53" i="1" s="1"/>
  <c r="FSN53" i="1" s="1"/>
  <c r="FSO53" i="1" s="1"/>
  <c r="FSP53" i="1" s="1"/>
  <c r="FSQ53" i="1" s="1"/>
  <c r="FSR53" i="1" s="1"/>
  <c r="FSS53" i="1" s="1"/>
  <c r="FST53" i="1" s="1"/>
  <c r="FSU53" i="1" s="1"/>
  <c r="FSV53" i="1" s="1"/>
  <c r="FSW53" i="1" s="1"/>
  <c r="FSX53" i="1" s="1"/>
  <c r="FSY53" i="1" s="1"/>
  <c r="FSZ53" i="1" s="1"/>
  <c r="FTA53" i="1" s="1"/>
  <c r="FTB53" i="1" s="1"/>
  <c r="FTC53" i="1" s="1"/>
  <c r="FTD53" i="1" s="1"/>
  <c r="FTE53" i="1" s="1"/>
  <c r="FTF53" i="1" s="1"/>
  <c r="FTG53" i="1" s="1"/>
  <c r="FTH53" i="1" s="1"/>
  <c r="FTI53" i="1" s="1"/>
  <c r="FTJ53" i="1" s="1"/>
  <c r="FTK53" i="1" s="1"/>
  <c r="FTL53" i="1" s="1"/>
  <c r="FTM53" i="1" s="1"/>
  <c r="FTN53" i="1" s="1"/>
  <c r="FTO53" i="1" s="1"/>
  <c r="FTP53" i="1" s="1"/>
  <c r="FTQ53" i="1" s="1"/>
  <c r="FTR53" i="1" s="1"/>
  <c r="FTS53" i="1" s="1"/>
  <c r="FTT53" i="1" s="1"/>
  <c r="FTU53" i="1" s="1"/>
  <c r="FTV53" i="1" s="1"/>
  <c r="FTW53" i="1" s="1"/>
  <c r="FTX53" i="1" s="1"/>
  <c r="FTY53" i="1" s="1"/>
  <c r="FTZ53" i="1" s="1"/>
  <c r="FUA53" i="1" s="1"/>
  <c r="FUB53" i="1" s="1"/>
  <c r="FUC53" i="1" s="1"/>
  <c r="FUD53" i="1" s="1"/>
  <c r="FUE53" i="1" s="1"/>
  <c r="FUF53" i="1" s="1"/>
  <c r="FUG53" i="1" s="1"/>
  <c r="FUH53" i="1" s="1"/>
  <c r="FUI53" i="1" s="1"/>
  <c r="FUJ53" i="1" s="1"/>
  <c r="FUK53" i="1" s="1"/>
  <c r="FUL53" i="1" s="1"/>
  <c r="FUM53" i="1" s="1"/>
  <c r="FUN53" i="1" s="1"/>
  <c r="FUO53" i="1" s="1"/>
  <c r="FUP53" i="1" s="1"/>
  <c r="FUQ53" i="1" s="1"/>
  <c r="FUR53" i="1" s="1"/>
  <c r="FUS53" i="1" s="1"/>
  <c r="FUT53" i="1" s="1"/>
  <c r="FUU53" i="1" s="1"/>
  <c r="FUV53" i="1" s="1"/>
  <c r="FUW53" i="1" s="1"/>
  <c r="FUX53" i="1" s="1"/>
  <c r="FUY53" i="1" s="1"/>
  <c r="FUZ53" i="1" s="1"/>
  <c r="FVA53" i="1" s="1"/>
  <c r="FVB53" i="1" s="1"/>
  <c r="FVC53" i="1" s="1"/>
  <c r="FVD53" i="1" s="1"/>
  <c r="FVE53" i="1" s="1"/>
  <c r="FVF53" i="1" s="1"/>
  <c r="FVG53" i="1" s="1"/>
  <c r="FVH53" i="1" s="1"/>
  <c r="FVI53" i="1" s="1"/>
  <c r="FVJ53" i="1" s="1"/>
  <c r="FVK53" i="1" s="1"/>
  <c r="FVL53" i="1" s="1"/>
  <c r="FVM53" i="1" s="1"/>
  <c r="FVN53" i="1" s="1"/>
  <c r="FVO53" i="1" s="1"/>
  <c r="FVP53" i="1" s="1"/>
  <c r="FVQ53" i="1" s="1"/>
  <c r="FVR53" i="1" s="1"/>
  <c r="FVS53" i="1" s="1"/>
  <c r="FVT53" i="1" s="1"/>
  <c r="FVU53" i="1" s="1"/>
  <c r="FVV53" i="1" s="1"/>
  <c r="FVW53" i="1" s="1"/>
  <c r="FVX53" i="1" s="1"/>
  <c r="FVY53" i="1" s="1"/>
  <c r="FVZ53" i="1" s="1"/>
  <c r="FWA53" i="1" s="1"/>
  <c r="FWB53" i="1" s="1"/>
  <c r="FWC53" i="1" s="1"/>
  <c r="FWD53" i="1" s="1"/>
  <c r="FWE53" i="1" s="1"/>
  <c r="FWF53" i="1" s="1"/>
  <c r="FWG53" i="1" s="1"/>
  <c r="FWH53" i="1" s="1"/>
  <c r="FWI53" i="1" s="1"/>
  <c r="FWJ53" i="1" s="1"/>
  <c r="FWK53" i="1" s="1"/>
  <c r="FWL53" i="1" s="1"/>
  <c r="FWM53" i="1" s="1"/>
  <c r="FWN53" i="1" s="1"/>
  <c r="FWO53" i="1" s="1"/>
  <c r="FWP53" i="1" s="1"/>
  <c r="FWQ53" i="1" s="1"/>
  <c r="FWR53" i="1" s="1"/>
  <c r="FWS53" i="1" s="1"/>
  <c r="FWT53" i="1" s="1"/>
  <c r="FWU53" i="1" s="1"/>
  <c r="FWV53" i="1" s="1"/>
  <c r="FWW53" i="1" s="1"/>
  <c r="FWX53" i="1" s="1"/>
  <c r="FWY53" i="1" s="1"/>
  <c r="FWZ53" i="1" s="1"/>
  <c r="FXA53" i="1" s="1"/>
  <c r="FXB53" i="1" s="1"/>
  <c r="FXC53" i="1" s="1"/>
  <c r="FXD53" i="1" s="1"/>
  <c r="FXE53" i="1" s="1"/>
  <c r="FXF53" i="1" s="1"/>
  <c r="FXG53" i="1" s="1"/>
  <c r="FXH53" i="1" s="1"/>
  <c r="FXI53" i="1" s="1"/>
  <c r="FXJ53" i="1" s="1"/>
  <c r="FXK53" i="1" s="1"/>
  <c r="FXL53" i="1" s="1"/>
  <c r="FXM53" i="1" s="1"/>
  <c r="FXN53" i="1" s="1"/>
  <c r="FXO53" i="1" s="1"/>
  <c r="FXP53" i="1" s="1"/>
  <c r="FXQ53" i="1" s="1"/>
  <c r="FXR53" i="1" s="1"/>
  <c r="FXS53" i="1" s="1"/>
  <c r="FXT53" i="1" s="1"/>
  <c r="FXU53" i="1" s="1"/>
  <c r="FXV53" i="1" s="1"/>
  <c r="FXW53" i="1" s="1"/>
  <c r="FXX53" i="1" s="1"/>
  <c r="FXY53" i="1" s="1"/>
  <c r="FXZ53" i="1" s="1"/>
  <c r="FYA53" i="1" s="1"/>
  <c r="FYB53" i="1" s="1"/>
  <c r="FYC53" i="1" s="1"/>
  <c r="FYD53" i="1" s="1"/>
  <c r="FYE53" i="1" s="1"/>
  <c r="FYF53" i="1" s="1"/>
  <c r="FYG53" i="1" s="1"/>
  <c r="FYH53" i="1" s="1"/>
  <c r="FYI53" i="1" s="1"/>
  <c r="FYJ53" i="1" s="1"/>
  <c r="FYK53" i="1" s="1"/>
  <c r="FYL53" i="1" s="1"/>
  <c r="FYM53" i="1" s="1"/>
  <c r="FYN53" i="1" s="1"/>
  <c r="FYO53" i="1" s="1"/>
  <c r="FYP53" i="1" s="1"/>
  <c r="FYQ53" i="1" s="1"/>
  <c r="FYR53" i="1" s="1"/>
  <c r="FYS53" i="1" s="1"/>
  <c r="FYT53" i="1" s="1"/>
  <c r="FYU53" i="1" s="1"/>
  <c r="FYV53" i="1" s="1"/>
  <c r="FYW53" i="1" s="1"/>
  <c r="FYX53" i="1" s="1"/>
  <c r="FYY53" i="1" s="1"/>
  <c r="FYZ53" i="1" s="1"/>
  <c r="FZA53" i="1" s="1"/>
  <c r="FZB53" i="1" s="1"/>
  <c r="FZC53" i="1" s="1"/>
  <c r="FZD53" i="1" s="1"/>
  <c r="FZE53" i="1" s="1"/>
  <c r="FZF53" i="1" s="1"/>
  <c r="FZG53" i="1" s="1"/>
  <c r="FZH53" i="1" s="1"/>
  <c r="FZI53" i="1" s="1"/>
  <c r="FZJ53" i="1" s="1"/>
  <c r="FZK53" i="1" s="1"/>
  <c r="FZL53" i="1" s="1"/>
  <c r="FZM53" i="1" s="1"/>
  <c r="FZN53" i="1" s="1"/>
  <c r="FZO53" i="1" s="1"/>
  <c r="FZP53" i="1" s="1"/>
  <c r="FZQ53" i="1" s="1"/>
  <c r="FZR53" i="1" s="1"/>
  <c r="FZS53" i="1" s="1"/>
  <c r="FZT53" i="1" s="1"/>
  <c r="FZU53" i="1" s="1"/>
  <c r="FZV53" i="1" s="1"/>
  <c r="FZW53" i="1" s="1"/>
  <c r="FZX53" i="1" s="1"/>
  <c r="FZY53" i="1" s="1"/>
  <c r="FZZ53" i="1" s="1"/>
  <c r="GAA53" i="1" s="1"/>
  <c r="GAB53" i="1" s="1"/>
  <c r="GAC53" i="1" s="1"/>
  <c r="GAD53" i="1" s="1"/>
  <c r="GAE53" i="1" s="1"/>
  <c r="GAF53" i="1" s="1"/>
  <c r="GAG53" i="1" s="1"/>
  <c r="GAH53" i="1" s="1"/>
  <c r="GAI53" i="1" s="1"/>
  <c r="GAJ53" i="1" s="1"/>
  <c r="GAK53" i="1" s="1"/>
  <c r="GAL53" i="1" s="1"/>
  <c r="GAM53" i="1" s="1"/>
  <c r="GAN53" i="1" s="1"/>
  <c r="GAO53" i="1" s="1"/>
  <c r="GAP53" i="1" s="1"/>
  <c r="GAQ53" i="1" s="1"/>
  <c r="GAR53" i="1" s="1"/>
  <c r="GAS53" i="1" s="1"/>
  <c r="GAT53" i="1" s="1"/>
  <c r="GAU53" i="1" s="1"/>
  <c r="GAV53" i="1" s="1"/>
  <c r="GAW53" i="1" s="1"/>
  <c r="GAX53" i="1" s="1"/>
  <c r="GAY53" i="1" s="1"/>
  <c r="GAZ53" i="1" s="1"/>
  <c r="GBA53" i="1" s="1"/>
  <c r="GBB53" i="1" s="1"/>
  <c r="GBC53" i="1" s="1"/>
  <c r="GBD53" i="1" s="1"/>
  <c r="GBE53" i="1" s="1"/>
  <c r="GBF53" i="1" s="1"/>
  <c r="GBG53" i="1" s="1"/>
  <c r="GBH53" i="1" s="1"/>
  <c r="GBI53" i="1" s="1"/>
  <c r="GBJ53" i="1" s="1"/>
  <c r="GBK53" i="1" s="1"/>
  <c r="GBL53" i="1" s="1"/>
  <c r="GBM53" i="1" s="1"/>
  <c r="GBN53" i="1" s="1"/>
  <c r="GBO53" i="1" s="1"/>
  <c r="GBP53" i="1" s="1"/>
  <c r="GBQ53" i="1" s="1"/>
  <c r="GBR53" i="1" s="1"/>
  <c r="GBS53" i="1" s="1"/>
  <c r="GBT53" i="1" s="1"/>
  <c r="GBU53" i="1" s="1"/>
  <c r="GBV53" i="1" s="1"/>
  <c r="GBW53" i="1" s="1"/>
  <c r="GBX53" i="1" s="1"/>
  <c r="GBY53" i="1" s="1"/>
  <c r="GBZ53" i="1" s="1"/>
  <c r="GCA53" i="1" s="1"/>
  <c r="GCB53" i="1" s="1"/>
  <c r="GCC53" i="1" s="1"/>
  <c r="GCD53" i="1" s="1"/>
  <c r="GCE53" i="1" s="1"/>
  <c r="GCF53" i="1" s="1"/>
  <c r="GCG53" i="1" s="1"/>
  <c r="GCH53" i="1" s="1"/>
  <c r="GCI53" i="1" s="1"/>
  <c r="GCJ53" i="1" s="1"/>
  <c r="GCK53" i="1" s="1"/>
  <c r="GCL53" i="1" s="1"/>
  <c r="GCM53" i="1" s="1"/>
  <c r="GCN53" i="1" s="1"/>
  <c r="GCO53" i="1" s="1"/>
  <c r="GCP53" i="1" s="1"/>
  <c r="GCQ53" i="1" s="1"/>
  <c r="GCR53" i="1" s="1"/>
  <c r="GCS53" i="1" s="1"/>
  <c r="GCT53" i="1" s="1"/>
  <c r="GCU53" i="1" s="1"/>
  <c r="GCV53" i="1" s="1"/>
  <c r="GCW53" i="1" s="1"/>
  <c r="GCX53" i="1" s="1"/>
  <c r="GCY53" i="1" s="1"/>
  <c r="GCZ53" i="1" s="1"/>
  <c r="GDA53" i="1" s="1"/>
  <c r="GDB53" i="1" s="1"/>
  <c r="GDC53" i="1" s="1"/>
  <c r="GDD53" i="1" s="1"/>
  <c r="GDE53" i="1" s="1"/>
  <c r="GDF53" i="1" s="1"/>
  <c r="GDG53" i="1" s="1"/>
  <c r="GDH53" i="1" s="1"/>
  <c r="GDI53" i="1" s="1"/>
  <c r="GDJ53" i="1" s="1"/>
  <c r="GDK53" i="1" s="1"/>
  <c r="GDL53" i="1" s="1"/>
  <c r="GDM53" i="1" s="1"/>
  <c r="GDN53" i="1" s="1"/>
  <c r="GDO53" i="1" s="1"/>
  <c r="GDP53" i="1" s="1"/>
  <c r="GDQ53" i="1" s="1"/>
  <c r="GDR53" i="1" s="1"/>
  <c r="GDS53" i="1" s="1"/>
  <c r="GDT53" i="1" s="1"/>
  <c r="GDU53" i="1" s="1"/>
  <c r="GDV53" i="1" s="1"/>
  <c r="GDW53" i="1" s="1"/>
  <c r="GDX53" i="1" s="1"/>
  <c r="GDY53" i="1" s="1"/>
  <c r="GDZ53" i="1" s="1"/>
  <c r="GEA53" i="1" s="1"/>
  <c r="GEB53" i="1" s="1"/>
  <c r="GEC53" i="1" s="1"/>
  <c r="GED53" i="1" s="1"/>
  <c r="GEE53" i="1" s="1"/>
  <c r="GEF53" i="1" s="1"/>
  <c r="GEG53" i="1" s="1"/>
  <c r="GEH53" i="1" s="1"/>
  <c r="GEI53" i="1" s="1"/>
  <c r="GEJ53" i="1" s="1"/>
  <c r="GEK53" i="1" s="1"/>
  <c r="GEL53" i="1" s="1"/>
  <c r="GEM53" i="1" s="1"/>
  <c r="GEN53" i="1" s="1"/>
  <c r="GEO53" i="1" s="1"/>
  <c r="GEP53" i="1" s="1"/>
  <c r="GEQ53" i="1" s="1"/>
  <c r="GER53" i="1" s="1"/>
  <c r="GES53" i="1" s="1"/>
  <c r="GET53" i="1" s="1"/>
  <c r="GEU53" i="1" s="1"/>
  <c r="GEV53" i="1" s="1"/>
  <c r="GEW53" i="1" s="1"/>
  <c r="GEX53" i="1" s="1"/>
  <c r="GEY53" i="1" s="1"/>
  <c r="GEZ53" i="1" s="1"/>
  <c r="GFA53" i="1" s="1"/>
  <c r="GFB53" i="1" s="1"/>
  <c r="GFC53" i="1" s="1"/>
  <c r="GFD53" i="1" s="1"/>
  <c r="GFE53" i="1" s="1"/>
  <c r="GFF53" i="1" s="1"/>
  <c r="GFG53" i="1" s="1"/>
  <c r="GFH53" i="1" s="1"/>
  <c r="GFI53" i="1" s="1"/>
  <c r="GFJ53" i="1" s="1"/>
  <c r="GFK53" i="1" s="1"/>
  <c r="GFL53" i="1" s="1"/>
  <c r="GFM53" i="1" s="1"/>
  <c r="GFN53" i="1" s="1"/>
  <c r="GFO53" i="1" s="1"/>
  <c r="GFP53" i="1" s="1"/>
  <c r="GFQ53" i="1" s="1"/>
  <c r="GFR53" i="1" s="1"/>
  <c r="GFS53" i="1" s="1"/>
  <c r="GFT53" i="1" s="1"/>
  <c r="GFU53" i="1" s="1"/>
  <c r="GFV53" i="1" s="1"/>
  <c r="GFW53" i="1" s="1"/>
  <c r="GFX53" i="1" s="1"/>
  <c r="GFY53" i="1" s="1"/>
  <c r="GFZ53" i="1" s="1"/>
  <c r="GGA53" i="1" s="1"/>
  <c r="GGB53" i="1" s="1"/>
  <c r="GGC53" i="1" s="1"/>
  <c r="GGD53" i="1" s="1"/>
  <c r="GGE53" i="1" s="1"/>
  <c r="GGF53" i="1" s="1"/>
  <c r="GGG53" i="1" s="1"/>
  <c r="GGH53" i="1" s="1"/>
  <c r="GGI53" i="1" s="1"/>
  <c r="GGJ53" i="1" s="1"/>
  <c r="GGK53" i="1" s="1"/>
  <c r="GGL53" i="1" s="1"/>
  <c r="GGM53" i="1" s="1"/>
  <c r="GGN53" i="1" s="1"/>
  <c r="GGO53" i="1" s="1"/>
  <c r="GGP53" i="1" s="1"/>
  <c r="GGQ53" i="1" s="1"/>
  <c r="GGR53" i="1" s="1"/>
  <c r="GGS53" i="1" s="1"/>
  <c r="GGT53" i="1" s="1"/>
  <c r="GGU53" i="1" s="1"/>
  <c r="GGV53" i="1" s="1"/>
  <c r="GGW53" i="1" s="1"/>
  <c r="GGX53" i="1" s="1"/>
  <c r="GGY53" i="1" s="1"/>
  <c r="GGZ53" i="1" s="1"/>
  <c r="GHA53" i="1" s="1"/>
  <c r="GHB53" i="1" s="1"/>
  <c r="GHC53" i="1" s="1"/>
  <c r="GHD53" i="1" s="1"/>
  <c r="GHE53" i="1" s="1"/>
  <c r="GHF53" i="1" s="1"/>
  <c r="GHG53" i="1" s="1"/>
  <c r="GHH53" i="1" s="1"/>
  <c r="GHI53" i="1" s="1"/>
  <c r="GHJ53" i="1" s="1"/>
  <c r="GHK53" i="1" s="1"/>
  <c r="GHL53" i="1" s="1"/>
  <c r="GHM53" i="1" s="1"/>
  <c r="GHN53" i="1" s="1"/>
  <c r="GHO53" i="1" s="1"/>
  <c r="GHP53" i="1" s="1"/>
  <c r="GHQ53" i="1" s="1"/>
  <c r="GHR53" i="1" s="1"/>
  <c r="GHS53" i="1" s="1"/>
  <c r="GHT53" i="1" s="1"/>
  <c r="GHU53" i="1" s="1"/>
  <c r="GHV53" i="1" s="1"/>
  <c r="GHW53" i="1" s="1"/>
  <c r="GHX53" i="1" s="1"/>
  <c r="GHY53" i="1" s="1"/>
  <c r="GHZ53" i="1" s="1"/>
  <c r="GIA53" i="1" s="1"/>
  <c r="GIB53" i="1" s="1"/>
  <c r="GIC53" i="1" s="1"/>
  <c r="GID53" i="1" s="1"/>
  <c r="GIE53" i="1" s="1"/>
  <c r="GIF53" i="1" s="1"/>
  <c r="GIG53" i="1" s="1"/>
  <c r="GIH53" i="1" s="1"/>
  <c r="GII53" i="1" s="1"/>
  <c r="GIJ53" i="1" s="1"/>
  <c r="GIK53" i="1" s="1"/>
  <c r="GIL53" i="1" s="1"/>
  <c r="GIM53" i="1" s="1"/>
  <c r="GIN53" i="1" s="1"/>
  <c r="GIO53" i="1" s="1"/>
  <c r="GIP53" i="1" s="1"/>
  <c r="GIQ53" i="1" s="1"/>
  <c r="GIR53" i="1" s="1"/>
  <c r="GIS53" i="1" s="1"/>
  <c r="GIT53" i="1" s="1"/>
  <c r="GIU53" i="1" s="1"/>
  <c r="GIV53" i="1" s="1"/>
  <c r="GIW53" i="1" s="1"/>
  <c r="GIX53" i="1" s="1"/>
  <c r="GIY53" i="1" s="1"/>
  <c r="GIZ53" i="1" s="1"/>
  <c r="GJA53" i="1" s="1"/>
  <c r="GJB53" i="1" s="1"/>
  <c r="GJC53" i="1" s="1"/>
  <c r="GJD53" i="1" s="1"/>
  <c r="GJE53" i="1" s="1"/>
  <c r="GJF53" i="1" s="1"/>
  <c r="GJG53" i="1" s="1"/>
  <c r="GJH53" i="1" s="1"/>
  <c r="GJI53" i="1" s="1"/>
  <c r="GJJ53" i="1" s="1"/>
  <c r="GJK53" i="1" s="1"/>
  <c r="GJL53" i="1" s="1"/>
  <c r="GJM53" i="1" s="1"/>
  <c r="GJN53" i="1" s="1"/>
  <c r="GJO53" i="1" s="1"/>
  <c r="GJP53" i="1" s="1"/>
  <c r="GJQ53" i="1" s="1"/>
  <c r="GJR53" i="1" s="1"/>
  <c r="GJS53" i="1" s="1"/>
  <c r="GJT53" i="1" s="1"/>
  <c r="GJU53" i="1" s="1"/>
  <c r="GJV53" i="1" s="1"/>
  <c r="GJW53" i="1" s="1"/>
  <c r="GJX53" i="1" s="1"/>
  <c r="GJY53" i="1" s="1"/>
  <c r="GJZ53" i="1" s="1"/>
  <c r="GKA53" i="1" s="1"/>
  <c r="GKB53" i="1" s="1"/>
  <c r="GKC53" i="1" s="1"/>
  <c r="GKD53" i="1" s="1"/>
  <c r="GKE53" i="1" s="1"/>
  <c r="GKF53" i="1" s="1"/>
  <c r="GKG53" i="1" s="1"/>
  <c r="GKH53" i="1" s="1"/>
  <c r="GKI53" i="1" s="1"/>
  <c r="GKJ53" i="1" s="1"/>
  <c r="GKK53" i="1" s="1"/>
  <c r="GKL53" i="1" s="1"/>
  <c r="GKM53" i="1" s="1"/>
  <c r="GKN53" i="1" s="1"/>
  <c r="GKO53" i="1" s="1"/>
  <c r="GKP53" i="1" s="1"/>
  <c r="GKQ53" i="1" s="1"/>
  <c r="GKR53" i="1" s="1"/>
  <c r="GKS53" i="1" s="1"/>
  <c r="GKT53" i="1" s="1"/>
  <c r="GKU53" i="1" s="1"/>
  <c r="GKV53" i="1" s="1"/>
  <c r="GKW53" i="1" s="1"/>
  <c r="GKX53" i="1" s="1"/>
  <c r="GKY53" i="1" s="1"/>
  <c r="GKZ53" i="1" s="1"/>
  <c r="GLA53" i="1" s="1"/>
  <c r="GLB53" i="1" s="1"/>
  <c r="GLC53" i="1" s="1"/>
  <c r="GLD53" i="1" s="1"/>
  <c r="GLE53" i="1" s="1"/>
  <c r="GLF53" i="1" s="1"/>
  <c r="GLG53" i="1" s="1"/>
  <c r="GLH53" i="1" s="1"/>
  <c r="GLI53" i="1" s="1"/>
  <c r="GLJ53" i="1" s="1"/>
  <c r="GLK53" i="1" s="1"/>
  <c r="GLL53" i="1" s="1"/>
  <c r="GLM53" i="1" s="1"/>
  <c r="GLN53" i="1" s="1"/>
  <c r="GLO53" i="1" s="1"/>
  <c r="GLP53" i="1" s="1"/>
  <c r="GLQ53" i="1" s="1"/>
  <c r="GLR53" i="1" s="1"/>
  <c r="GLS53" i="1" s="1"/>
  <c r="GLT53" i="1" s="1"/>
  <c r="GLU53" i="1" s="1"/>
  <c r="GLV53" i="1" s="1"/>
  <c r="GLW53" i="1" s="1"/>
  <c r="GLX53" i="1" s="1"/>
  <c r="GLY53" i="1" s="1"/>
  <c r="GLZ53" i="1" s="1"/>
  <c r="GMA53" i="1" s="1"/>
  <c r="GMB53" i="1" s="1"/>
  <c r="GMC53" i="1" s="1"/>
  <c r="GMD53" i="1" s="1"/>
  <c r="GME53" i="1" s="1"/>
  <c r="GMF53" i="1" s="1"/>
  <c r="GMG53" i="1" s="1"/>
  <c r="GMH53" i="1" s="1"/>
  <c r="GMI53" i="1" s="1"/>
  <c r="GMJ53" i="1" s="1"/>
  <c r="GMK53" i="1" s="1"/>
  <c r="GML53" i="1" s="1"/>
  <c r="GMM53" i="1" s="1"/>
  <c r="GMN53" i="1" s="1"/>
  <c r="GMO53" i="1" s="1"/>
  <c r="GMP53" i="1" s="1"/>
  <c r="GMQ53" i="1" s="1"/>
  <c r="GMR53" i="1" s="1"/>
  <c r="GMS53" i="1" s="1"/>
  <c r="GMT53" i="1" s="1"/>
  <c r="GMU53" i="1" s="1"/>
  <c r="GMV53" i="1" s="1"/>
  <c r="GMW53" i="1" s="1"/>
  <c r="GMX53" i="1" s="1"/>
  <c r="GMY53" i="1" s="1"/>
  <c r="GMZ53" i="1" s="1"/>
  <c r="GNA53" i="1" s="1"/>
  <c r="GNB53" i="1" s="1"/>
  <c r="GNC53" i="1" s="1"/>
  <c r="GND53" i="1" s="1"/>
  <c r="GNE53" i="1" s="1"/>
  <c r="GNF53" i="1" s="1"/>
  <c r="GNG53" i="1" s="1"/>
  <c r="GNH53" i="1" s="1"/>
  <c r="GNI53" i="1" s="1"/>
  <c r="GNJ53" i="1" s="1"/>
  <c r="GNK53" i="1" s="1"/>
  <c r="GNL53" i="1" s="1"/>
  <c r="GNM53" i="1" s="1"/>
  <c r="GNN53" i="1" s="1"/>
  <c r="GNO53" i="1" s="1"/>
  <c r="GNP53" i="1" s="1"/>
  <c r="GNQ53" i="1" s="1"/>
  <c r="GNR53" i="1" s="1"/>
  <c r="GNS53" i="1" s="1"/>
  <c r="GNT53" i="1" s="1"/>
  <c r="GNU53" i="1" s="1"/>
  <c r="GNV53" i="1" s="1"/>
  <c r="GNW53" i="1" s="1"/>
  <c r="GNX53" i="1" s="1"/>
  <c r="GNY53" i="1" s="1"/>
  <c r="GNZ53" i="1" s="1"/>
  <c r="GOA53" i="1" s="1"/>
  <c r="GOB53" i="1" s="1"/>
  <c r="GOC53" i="1" s="1"/>
  <c r="GOD53" i="1" s="1"/>
  <c r="GOE53" i="1" s="1"/>
  <c r="GOF53" i="1" s="1"/>
  <c r="GOG53" i="1" s="1"/>
  <c r="GOH53" i="1" s="1"/>
  <c r="GOI53" i="1" s="1"/>
  <c r="GOJ53" i="1" s="1"/>
  <c r="GOK53" i="1" s="1"/>
  <c r="GOL53" i="1" s="1"/>
  <c r="GOM53" i="1" s="1"/>
  <c r="GON53" i="1" s="1"/>
  <c r="GOO53" i="1" s="1"/>
  <c r="GOP53" i="1" s="1"/>
  <c r="GOQ53" i="1" s="1"/>
  <c r="GOR53" i="1" s="1"/>
  <c r="GOS53" i="1" s="1"/>
  <c r="GOT53" i="1" s="1"/>
  <c r="GOU53" i="1" s="1"/>
  <c r="GOV53" i="1" s="1"/>
  <c r="GOW53" i="1" s="1"/>
  <c r="GOX53" i="1" s="1"/>
  <c r="GOY53" i="1" s="1"/>
  <c r="GOZ53" i="1" s="1"/>
  <c r="GPA53" i="1" s="1"/>
  <c r="GPB53" i="1" s="1"/>
  <c r="GPC53" i="1" s="1"/>
  <c r="GPD53" i="1" s="1"/>
  <c r="GPE53" i="1" s="1"/>
  <c r="GPF53" i="1" s="1"/>
  <c r="GPG53" i="1" s="1"/>
  <c r="GPH53" i="1" s="1"/>
  <c r="GPI53" i="1" s="1"/>
  <c r="GPJ53" i="1" s="1"/>
  <c r="GPK53" i="1" s="1"/>
  <c r="GPL53" i="1" s="1"/>
  <c r="GPM53" i="1" s="1"/>
  <c r="GPN53" i="1" s="1"/>
  <c r="GPO53" i="1" s="1"/>
  <c r="GPP53" i="1" s="1"/>
  <c r="GPQ53" i="1" s="1"/>
  <c r="GPR53" i="1" s="1"/>
  <c r="GPS53" i="1" s="1"/>
  <c r="GPT53" i="1" s="1"/>
  <c r="GPU53" i="1" s="1"/>
  <c r="GPV53" i="1" s="1"/>
  <c r="GPW53" i="1" s="1"/>
  <c r="GPX53" i="1" s="1"/>
  <c r="GPY53" i="1" s="1"/>
  <c r="GPZ53" i="1" s="1"/>
  <c r="GQA53" i="1" s="1"/>
  <c r="GQB53" i="1" s="1"/>
  <c r="GQC53" i="1" s="1"/>
  <c r="GQD53" i="1" s="1"/>
  <c r="GQE53" i="1" s="1"/>
  <c r="GQF53" i="1" s="1"/>
  <c r="GQG53" i="1" s="1"/>
  <c r="GQH53" i="1" s="1"/>
  <c r="GQI53" i="1" s="1"/>
  <c r="GQJ53" i="1" s="1"/>
  <c r="GQK53" i="1" s="1"/>
  <c r="GQL53" i="1" s="1"/>
  <c r="GQM53" i="1" s="1"/>
  <c r="GQN53" i="1" s="1"/>
  <c r="GQO53" i="1" s="1"/>
  <c r="GQP53" i="1" s="1"/>
  <c r="GQQ53" i="1" s="1"/>
  <c r="GQR53" i="1" s="1"/>
  <c r="GQS53" i="1" s="1"/>
  <c r="GQT53" i="1" s="1"/>
  <c r="GQU53" i="1" s="1"/>
  <c r="GQV53" i="1" s="1"/>
  <c r="GQW53" i="1" s="1"/>
  <c r="GQX53" i="1" s="1"/>
  <c r="GQY53" i="1" s="1"/>
  <c r="GQZ53" i="1" s="1"/>
  <c r="GRA53" i="1" s="1"/>
  <c r="GRB53" i="1" s="1"/>
  <c r="GRC53" i="1" s="1"/>
  <c r="GRD53" i="1" s="1"/>
  <c r="GRE53" i="1" s="1"/>
  <c r="GRF53" i="1" s="1"/>
  <c r="GRG53" i="1" s="1"/>
  <c r="GRH53" i="1" s="1"/>
  <c r="GRI53" i="1" s="1"/>
  <c r="GRJ53" i="1" s="1"/>
  <c r="GRK53" i="1" s="1"/>
  <c r="GRL53" i="1" s="1"/>
  <c r="GRM53" i="1" s="1"/>
  <c r="GRN53" i="1" s="1"/>
  <c r="GRO53" i="1" s="1"/>
  <c r="GRP53" i="1" s="1"/>
  <c r="GRQ53" i="1" s="1"/>
  <c r="GRR53" i="1" s="1"/>
  <c r="GRS53" i="1" s="1"/>
  <c r="GRT53" i="1" s="1"/>
  <c r="GRU53" i="1" s="1"/>
  <c r="GRV53" i="1" s="1"/>
  <c r="GRW53" i="1" s="1"/>
  <c r="GRX53" i="1" s="1"/>
  <c r="GRY53" i="1" s="1"/>
  <c r="GRZ53" i="1" s="1"/>
  <c r="GSA53" i="1" s="1"/>
  <c r="GSB53" i="1" s="1"/>
  <c r="GSC53" i="1" s="1"/>
  <c r="GSD53" i="1" s="1"/>
  <c r="GSE53" i="1" s="1"/>
  <c r="GSF53" i="1" s="1"/>
  <c r="GSG53" i="1" s="1"/>
  <c r="GSH53" i="1" s="1"/>
  <c r="GSI53" i="1" s="1"/>
  <c r="GSJ53" i="1" s="1"/>
  <c r="GSK53" i="1" s="1"/>
  <c r="GSL53" i="1" s="1"/>
  <c r="GSM53" i="1" s="1"/>
  <c r="GSN53" i="1" s="1"/>
  <c r="GSO53" i="1" s="1"/>
  <c r="GSP53" i="1" s="1"/>
  <c r="GSQ53" i="1" s="1"/>
  <c r="GSR53" i="1" s="1"/>
  <c r="GSS53" i="1" s="1"/>
  <c r="GST53" i="1" s="1"/>
  <c r="GSU53" i="1" s="1"/>
  <c r="GSV53" i="1" s="1"/>
  <c r="GSW53" i="1" s="1"/>
  <c r="GSX53" i="1" s="1"/>
  <c r="GSY53" i="1" s="1"/>
  <c r="GSZ53" i="1" s="1"/>
  <c r="GTA53" i="1" s="1"/>
  <c r="GTB53" i="1" s="1"/>
  <c r="GTC53" i="1" s="1"/>
  <c r="GTD53" i="1" s="1"/>
  <c r="GTE53" i="1" s="1"/>
  <c r="GTF53" i="1" s="1"/>
  <c r="GTG53" i="1" s="1"/>
  <c r="GTH53" i="1" s="1"/>
  <c r="GTI53" i="1" s="1"/>
  <c r="GTJ53" i="1" s="1"/>
  <c r="GTK53" i="1" s="1"/>
  <c r="GTL53" i="1" s="1"/>
  <c r="GTM53" i="1" s="1"/>
  <c r="GTN53" i="1" s="1"/>
  <c r="GTO53" i="1" s="1"/>
  <c r="GTP53" i="1" s="1"/>
  <c r="GTQ53" i="1" s="1"/>
  <c r="GTR53" i="1" s="1"/>
  <c r="GTS53" i="1" s="1"/>
  <c r="GTT53" i="1" s="1"/>
  <c r="GTU53" i="1" s="1"/>
  <c r="GTV53" i="1" s="1"/>
  <c r="GTW53" i="1" s="1"/>
  <c r="GTX53" i="1" s="1"/>
  <c r="GTY53" i="1" s="1"/>
  <c r="GTZ53" i="1" s="1"/>
  <c r="GUA53" i="1" s="1"/>
  <c r="GUB53" i="1" s="1"/>
  <c r="GUC53" i="1" s="1"/>
  <c r="GUD53" i="1" s="1"/>
  <c r="GUE53" i="1" s="1"/>
  <c r="GUF53" i="1" s="1"/>
  <c r="GUG53" i="1" s="1"/>
  <c r="GUH53" i="1" s="1"/>
  <c r="GUI53" i="1" s="1"/>
  <c r="GUJ53" i="1" s="1"/>
  <c r="GUK53" i="1" s="1"/>
  <c r="GUL53" i="1" s="1"/>
  <c r="GUM53" i="1" s="1"/>
  <c r="GUN53" i="1" s="1"/>
  <c r="GUO53" i="1" s="1"/>
  <c r="GUP53" i="1" s="1"/>
  <c r="GUQ53" i="1" s="1"/>
  <c r="GUR53" i="1" s="1"/>
  <c r="GUS53" i="1" s="1"/>
  <c r="GUT53" i="1" s="1"/>
  <c r="GUU53" i="1" s="1"/>
  <c r="GUV53" i="1" s="1"/>
  <c r="GUW53" i="1" s="1"/>
  <c r="GUX53" i="1" s="1"/>
  <c r="GUY53" i="1" s="1"/>
  <c r="GUZ53" i="1" s="1"/>
  <c r="GVA53" i="1" s="1"/>
  <c r="GVB53" i="1" s="1"/>
  <c r="GVC53" i="1" s="1"/>
  <c r="GVD53" i="1" s="1"/>
  <c r="GVE53" i="1" s="1"/>
  <c r="GVF53" i="1" s="1"/>
  <c r="GVG53" i="1" s="1"/>
  <c r="GVH53" i="1" s="1"/>
  <c r="GVI53" i="1" s="1"/>
  <c r="GVJ53" i="1" s="1"/>
  <c r="GVK53" i="1" s="1"/>
  <c r="GVL53" i="1" s="1"/>
  <c r="GVM53" i="1" s="1"/>
  <c r="GVN53" i="1" s="1"/>
  <c r="GVO53" i="1" s="1"/>
  <c r="GVP53" i="1" s="1"/>
  <c r="GVQ53" i="1" s="1"/>
  <c r="GVR53" i="1" s="1"/>
  <c r="GVS53" i="1" s="1"/>
  <c r="GVT53" i="1" s="1"/>
  <c r="GVU53" i="1" s="1"/>
  <c r="GVV53" i="1" s="1"/>
  <c r="GVW53" i="1" s="1"/>
  <c r="GVX53" i="1" s="1"/>
  <c r="GVY53" i="1" s="1"/>
  <c r="GVZ53" i="1" s="1"/>
  <c r="GWA53" i="1" s="1"/>
  <c r="GWB53" i="1" s="1"/>
  <c r="GWC53" i="1" s="1"/>
  <c r="GWD53" i="1" s="1"/>
  <c r="GWE53" i="1" s="1"/>
  <c r="GWF53" i="1" s="1"/>
  <c r="GWG53" i="1" s="1"/>
  <c r="GWH53" i="1" s="1"/>
  <c r="GWI53" i="1" s="1"/>
  <c r="GWJ53" i="1" s="1"/>
  <c r="GWK53" i="1" s="1"/>
  <c r="GWL53" i="1" s="1"/>
  <c r="GWM53" i="1" s="1"/>
  <c r="GWN53" i="1" s="1"/>
  <c r="GWO53" i="1" s="1"/>
  <c r="GWP53" i="1" s="1"/>
  <c r="GWQ53" i="1" s="1"/>
  <c r="GWR53" i="1" s="1"/>
  <c r="GWS53" i="1" s="1"/>
  <c r="GWT53" i="1" s="1"/>
  <c r="GWU53" i="1" s="1"/>
  <c r="GWV53" i="1" s="1"/>
  <c r="GWW53" i="1" s="1"/>
  <c r="GWX53" i="1" s="1"/>
  <c r="GWY53" i="1" s="1"/>
  <c r="GWZ53" i="1" s="1"/>
  <c r="GXA53" i="1" s="1"/>
  <c r="GXB53" i="1" s="1"/>
  <c r="GXC53" i="1" s="1"/>
  <c r="GXD53" i="1" s="1"/>
  <c r="GXE53" i="1" s="1"/>
  <c r="GXF53" i="1" s="1"/>
  <c r="GXG53" i="1" s="1"/>
  <c r="GXH53" i="1" s="1"/>
  <c r="GXI53" i="1" s="1"/>
  <c r="GXJ53" i="1" s="1"/>
  <c r="GXK53" i="1" s="1"/>
  <c r="GXL53" i="1" s="1"/>
  <c r="GXM53" i="1" s="1"/>
  <c r="GXN53" i="1" s="1"/>
  <c r="GXO53" i="1" s="1"/>
  <c r="GXP53" i="1" s="1"/>
  <c r="GXQ53" i="1" s="1"/>
  <c r="GXR53" i="1" s="1"/>
  <c r="GXS53" i="1" s="1"/>
  <c r="GXT53" i="1" s="1"/>
  <c r="GXU53" i="1" s="1"/>
  <c r="GXV53" i="1" s="1"/>
  <c r="GXW53" i="1" s="1"/>
  <c r="GXX53" i="1" s="1"/>
  <c r="GXY53" i="1" s="1"/>
  <c r="GXZ53" i="1" s="1"/>
  <c r="GYA53" i="1" s="1"/>
  <c r="GYB53" i="1" s="1"/>
  <c r="GYC53" i="1" s="1"/>
  <c r="GYD53" i="1" s="1"/>
  <c r="GYE53" i="1" s="1"/>
  <c r="GYF53" i="1" s="1"/>
  <c r="GYG53" i="1" s="1"/>
  <c r="GYH53" i="1" s="1"/>
  <c r="GYI53" i="1" s="1"/>
  <c r="GYJ53" i="1" s="1"/>
  <c r="GYK53" i="1" s="1"/>
  <c r="GYL53" i="1" s="1"/>
  <c r="GYM53" i="1" s="1"/>
  <c r="GYN53" i="1" s="1"/>
  <c r="GYO53" i="1" s="1"/>
  <c r="GYP53" i="1" s="1"/>
  <c r="GYQ53" i="1" s="1"/>
  <c r="GYR53" i="1" s="1"/>
  <c r="GYS53" i="1" s="1"/>
  <c r="GYT53" i="1" s="1"/>
  <c r="GYU53" i="1" s="1"/>
  <c r="GYV53" i="1" s="1"/>
  <c r="GYW53" i="1" s="1"/>
  <c r="GYX53" i="1" s="1"/>
  <c r="GYY53" i="1" s="1"/>
  <c r="GYZ53" i="1" s="1"/>
  <c r="GZA53" i="1" s="1"/>
  <c r="GZB53" i="1" s="1"/>
  <c r="GZC53" i="1" s="1"/>
  <c r="GZD53" i="1" s="1"/>
  <c r="GZE53" i="1" s="1"/>
  <c r="GZF53" i="1" s="1"/>
  <c r="GZG53" i="1" s="1"/>
  <c r="GZH53" i="1" s="1"/>
  <c r="GZI53" i="1" s="1"/>
  <c r="GZJ53" i="1" s="1"/>
  <c r="GZK53" i="1" s="1"/>
  <c r="GZL53" i="1" s="1"/>
  <c r="GZM53" i="1" s="1"/>
  <c r="GZN53" i="1" s="1"/>
  <c r="GZO53" i="1" s="1"/>
  <c r="GZP53" i="1" s="1"/>
  <c r="GZQ53" i="1" s="1"/>
  <c r="GZR53" i="1" s="1"/>
  <c r="GZS53" i="1" s="1"/>
  <c r="GZT53" i="1" s="1"/>
  <c r="GZU53" i="1" s="1"/>
  <c r="GZV53" i="1" s="1"/>
  <c r="GZW53" i="1" s="1"/>
  <c r="GZX53" i="1" s="1"/>
  <c r="GZY53" i="1" s="1"/>
  <c r="GZZ53" i="1" s="1"/>
  <c r="HAA53" i="1" s="1"/>
  <c r="HAB53" i="1" s="1"/>
  <c r="HAC53" i="1" s="1"/>
  <c r="HAD53" i="1" s="1"/>
  <c r="HAE53" i="1" s="1"/>
  <c r="HAF53" i="1" s="1"/>
  <c r="HAG53" i="1" s="1"/>
  <c r="HAH53" i="1" s="1"/>
  <c r="HAI53" i="1" s="1"/>
  <c r="HAJ53" i="1" s="1"/>
  <c r="HAK53" i="1" s="1"/>
  <c r="HAL53" i="1" s="1"/>
  <c r="HAM53" i="1" s="1"/>
  <c r="HAN53" i="1" s="1"/>
  <c r="HAO53" i="1" s="1"/>
  <c r="HAP53" i="1" s="1"/>
  <c r="HAQ53" i="1" s="1"/>
  <c r="HAR53" i="1" s="1"/>
  <c r="HAS53" i="1" s="1"/>
  <c r="HAT53" i="1" s="1"/>
  <c r="HAU53" i="1" s="1"/>
  <c r="HAV53" i="1" s="1"/>
  <c r="HAW53" i="1" s="1"/>
  <c r="HAX53" i="1" s="1"/>
  <c r="HAY53" i="1" s="1"/>
  <c r="HAZ53" i="1" s="1"/>
  <c r="HBA53" i="1" s="1"/>
  <c r="HBB53" i="1" s="1"/>
  <c r="HBC53" i="1" s="1"/>
  <c r="HBD53" i="1" s="1"/>
  <c r="HBE53" i="1" s="1"/>
  <c r="HBF53" i="1" s="1"/>
  <c r="HBG53" i="1" s="1"/>
  <c r="HBH53" i="1" s="1"/>
  <c r="HBI53" i="1" s="1"/>
  <c r="HBJ53" i="1" s="1"/>
  <c r="HBK53" i="1" s="1"/>
  <c r="HBL53" i="1" s="1"/>
  <c r="HBM53" i="1" s="1"/>
  <c r="HBN53" i="1" s="1"/>
  <c r="HBO53" i="1" s="1"/>
  <c r="HBP53" i="1" s="1"/>
  <c r="HBQ53" i="1" s="1"/>
  <c r="HBR53" i="1" s="1"/>
  <c r="HBS53" i="1" s="1"/>
  <c r="HBT53" i="1" s="1"/>
  <c r="HBU53" i="1" s="1"/>
  <c r="HBV53" i="1" s="1"/>
  <c r="HBW53" i="1" s="1"/>
  <c r="HBX53" i="1" s="1"/>
  <c r="HBY53" i="1" s="1"/>
  <c r="HBZ53" i="1" s="1"/>
  <c r="HCA53" i="1" s="1"/>
  <c r="HCB53" i="1" s="1"/>
  <c r="HCC53" i="1" s="1"/>
  <c r="HCD53" i="1" s="1"/>
  <c r="HCE53" i="1" s="1"/>
  <c r="HCF53" i="1" s="1"/>
  <c r="HCG53" i="1" s="1"/>
  <c r="HCH53" i="1" s="1"/>
  <c r="HCI53" i="1" s="1"/>
  <c r="HCJ53" i="1" s="1"/>
  <c r="HCK53" i="1" s="1"/>
  <c r="HCL53" i="1" s="1"/>
  <c r="HCM53" i="1" s="1"/>
  <c r="HCN53" i="1" s="1"/>
  <c r="HCO53" i="1" s="1"/>
  <c r="HCP53" i="1" s="1"/>
  <c r="HCQ53" i="1" s="1"/>
  <c r="HCR53" i="1" s="1"/>
  <c r="HCS53" i="1" s="1"/>
  <c r="HCT53" i="1" s="1"/>
  <c r="HCU53" i="1" s="1"/>
  <c r="HCV53" i="1" s="1"/>
  <c r="HCW53" i="1" s="1"/>
  <c r="HCX53" i="1" s="1"/>
  <c r="HCY53" i="1" s="1"/>
  <c r="HCZ53" i="1" s="1"/>
  <c r="HDA53" i="1" s="1"/>
  <c r="HDB53" i="1" s="1"/>
  <c r="HDC53" i="1" s="1"/>
  <c r="HDD53" i="1" s="1"/>
  <c r="HDE53" i="1" s="1"/>
  <c r="HDF53" i="1" s="1"/>
  <c r="HDG53" i="1" s="1"/>
  <c r="HDH53" i="1" s="1"/>
  <c r="HDI53" i="1" s="1"/>
  <c r="HDJ53" i="1" s="1"/>
  <c r="HDK53" i="1" s="1"/>
  <c r="HDL53" i="1" s="1"/>
  <c r="HDM53" i="1" s="1"/>
  <c r="HDN53" i="1" s="1"/>
  <c r="HDO53" i="1" s="1"/>
  <c r="HDP53" i="1" s="1"/>
  <c r="HDQ53" i="1" s="1"/>
  <c r="HDR53" i="1" s="1"/>
  <c r="HDS53" i="1" s="1"/>
  <c r="HDT53" i="1" s="1"/>
  <c r="HDU53" i="1" s="1"/>
  <c r="HDV53" i="1" s="1"/>
  <c r="HDW53" i="1" s="1"/>
  <c r="HDX53" i="1" s="1"/>
  <c r="HDY53" i="1" s="1"/>
  <c r="HDZ53" i="1" s="1"/>
  <c r="HEA53" i="1" s="1"/>
  <c r="HEB53" i="1" s="1"/>
  <c r="HEC53" i="1" s="1"/>
  <c r="HED53" i="1" s="1"/>
  <c r="HEE53" i="1" s="1"/>
  <c r="HEF53" i="1" s="1"/>
  <c r="HEG53" i="1" s="1"/>
  <c r="HEH53" i="1" s="1"/>
  <c r="HEI53" i="1" s="1"/>
  <c r="HEJ53" i="1" s="1"/>
  <c r="HEK53" i="1" s="1"/>
  <c r="HEL53" i="1" s="1"/>
  <c r="HEM53" i="1" s="1"/>
  <c r="HEN53" i="1" s="1"/>
  <c r="HEO53" i="1" s="1"/>
  <c r="HEP53" i="1" s="1"/>
  <c r="HEQ53" i="1" s="1"/>
  <c r="HER53" i="1" s="1"/>
  <c r="HES53" i="1" s="1"/>
  <c r="HET53" i="1" s="1"/>
  <c r="HEU53" i="1" s="1"/>
  <c r="HEV53" i="1" s="1"/>
  <c r="HEW53" i="1" s="1"/>
  <c r="HEX53" i="1" s="1"/>
  <c r="HEY53" i="1" s="1"/>
  <c r="HEZ53" i="1" s="1"/>
  <c r="HFA53" i="1" s="1"/>
  <c r="HFB53" i="1" s="1"/>
  <c r="HFC53" i="1" s="1"/>
  <c r="HFD53" i="1" s="1"/>
  <c r="HFE53" i="1" s="1"/>
  <c r="HFF53" i="1" s="1"/>
  <c r="HFG53" i="1" s="1"/>
  <c r="HFH53" i="1" s="1"/>
  <c r="HFI53" i="1" s="1"/>
  <c r="HFJ53" i="1" s="1"/>
  <c r="HFK53" i="1" s="1"/>
  <c r="HFL53" i="1" s="1"/>
  <c r="HFM53" i="1" s="1"/>
  <c r="HFN53" i="1" s="1"/>
  <c r="HFO53" i="1" s="1"/>
  <c r="HFP53" i="1" s="1"/>
  <c r="HFQ53" i="1" s="1"/>
  <c r="HFR53" i="1" s="1"/>
  <c r="HFS53" i="1" s="1"/>
  <c r="HFT53" i="1" s="1"/>
  <c r="HFU53" i="1" s="1"/>
  <c r="HFV53" i="1" s="1"/>
  <c r="HFW53" i="1" s="1"/>
  <c r="HFX53" i="1" s="1"/>
  <c r="HFY53" i="1" s="1"/>
  <c r="HFZ53" i="1" s="1"/>
  <c r="HGA53" i="1" s="1"/>
  <c r="HGB53" i="1" s="1"/>
  <c r="HGC53" i="1" s="1"/>
  <c r="HGD53" i="1" s="1"/>
  <c r="HGE53" i="1" s="1"/>
  <c r="HGF53" i="1" s="1"/>
  <c r="HGG53" i="1" s="1"/>
  <c r="HGH53" i="1" s="1"/>
  <c r="HGI53" i="1" s="1"/>
  <c r="HGJ53" i="1" s="1"/>
  <c r="HGK53" i="1" s="1"/>
  <c r="HGL53" i="1" s="1"/>
  <c r="HGM53" i="1" s="1"/>
  <c r="HGN53" i="1" s="1"/>
  <c r="HGO53" i="1" s="1"/>
  <c r="HGP53" i="1" s="1"/>
  <c r="HGQ53" i="1" s="1"/>
  <c r="HGR53" i="1" s="1"/>
  <c r="HGS53" i="1" s="1"/>
  <c r="HGT53" i="1" s="1"/>
  <c r="HGU53" i="1" s="1"/>
  <c r="HGV53" i="1" s="1"/>
  <c r="HGW53" i="1" s="1"/>
  <c r="HGX53" i="1" s="1"/>
  <c r="HGY53" i="1" s="1"/>
  <c r="HGZ53" i="1" s="1"/>
  <c r="HHA53" i="1" s="1"/>
  <c r="HHB53" i="1" s="1"/>
  <c r="HHC53" i="1" s="1"/>
  <c r="HHD53" i="1" s="1"/>
  <c r="HHE53" i="1" s="1"/>
  <c r="HHF53" i="1" s="1"/>
  <c r="HHG53" i="1" s="1"/>
  <c r="HHH53" i="1" s="1"/>
  <c r="HHI53" i="1" s="1"/>
  <c r="HHJ53" i="1" s="1"/>
  <c r="HHK53" i="1" s="1"/>
  <c r="HHL53" i="1" s="1"/>
  <c r="HHM53" i="1" s="1"/>
  <c r="HHN53" i="1" s="1"/>
  <c r="HHO53" i="1" s="1"/>
  <c r="HHP53" i="1" s="1"/>
  <c r="HHQ53" i="1" s="1"/>
  <c r="HHR53" i="1" s="1"/>
  <c r="HHS53" i="1" s="1"/>
  <c r="HHT53" i="1" s="1"/>
  <c r="HHU53" i="1" s="1"/>
  <c r="HHV53" i="1" s="1"/>
  <c r="HHW53" i="1" s="1"/>
  <c r="HHX53" i="1" s="1"/>
  <c r="HHY53" i="1" s="1"/>
  <c r="HHZ53" i="1" s="1"/>
  <c r="HIA53" i="1" s="1"/>
  <c r="HIB53" i="1" s="1"/>
  <c r="HIC53" i="1" s="1"/>
  <c r="HID53" i="1" s="1"/>
  <c r="HIE53" i="1" s="1"/>
  <c r="HIF53" i="1" s="1"/>
  <c r="HIG53" i="1" s="1"/>
  <c r="HIH53" i="1" s="1"/>
  <c r="HII53" i="1" s="1"/>
  <c r="HIJ53" i="1" s="1"/>
  <c r="HIK53" i="1" s="1"/>
  <c r="HIL53" i="1" s="1"/>
  <c r="HIM53" i="1" s="1"/>
  <c r="HIN53" i="1" s="1"/>
  <c r="HIO53" i="1" s="1"/>
  <c r="HIP53" i="1" s="1"/>
  <c r="HIQ53" i="1" s="1"/>
  <c r="HIR53" i="1" s="1"/>
  <c r="HIS53" i="1" s="1"/>
  <c r="HIT53" i="1" s="1"/>
  <c r="HIU53" i="1" s="1"/>
  <c r="HIV53" i="1" s="1"/>
  <c r="HIW53" i="1" s="1"/>
  <c r="HIX53" i="1" s="1"/>
  <c r="HIY53" i="1" s="1"/>
  <c r="HIZ53" i="1" s="1"/>
  <c r="HJA53" i="1" s="1"/>
  <c r="HJB53" i="1" s="1"/>
  <c r="HJC53" i="1" s="1"/>
  <c r="HJD53" i="1" s="1"/>
  <c r="HJE53" i="1" s="1"/>
  <c r="HJF53" i="1" s="1"/>
  <c r="HJG53" i="1" s="1"/>
  <c r="HJH53" i="1" s="1"/>
  <c r="HJI53" i="1" s="1"/>
  <c r="HJJ53" i="1" s="1"/>
  <c r="HJK53" i="1" s="1"/>
  <c r="HJL53" i="1" s="1"/>
  <c r="HJM53" i="1" s="1"/>
  <c r="HJN53" i="1" s="1"/>
  <c r="HJO53" i="1" s="1"/>
  <c r="HJP53" i="1" s="1"/>
  <c r="HJQ53" i="1" s="1"/>
  <c r="HJR53" i="1" s="1"/>
  <c r="HJS53" i="1" s="1"/>
  <c r="HJT53" i="1" s="1"/>
  <c r="HJU53" i="1" s="1"/>
  <c r="HJV53" i="1" s="1"/>
  <c r="HJW53" i="1" s="1"/>
  <c r="HJX53" i="1" s="1"/>
  <c r="HJY53" i="1" s="1"/>
  <c r="HJZ53" i="1" s="1"/>
  <c r="HKA53" i="1" s="1"/>
  <c r="HKB53" i="1" s="1"/>
  <c r="HKC53" i="1" s="1"/>
  <c r="HKD53" i="1" s="1"/>
  <c r="HKE53" i="1" s="1"/>
  <c r="HKF53" i="1" s="1"/>
  <c r="HKG53" i="1" s="1"/>
  <c r="HKH53" i="1" s="1"/>
  <c r="HKI53" i="1" s="1"/>
  <c r="HKJ53" i="1" s="1"/>
  <c r="HKK53" i="1" s="1"/>
  <c r="HKL53" i="1" s="1"/>
  <c r="HKM53" i="1" s="1"/>
  <c r="HKN53" i="1" s="1"/>
  <c r="HKO53" i="1" s="1"/>
  <c r="HKP53" i="1" s="1"/>
  <c r="HKQ53" i="1" s="1"/>
  <c r="HKR53" i="1" s="1"/>
  <c r="HKS53" i="1" s="1"/>
  <c r="HKT53" i="1" s="1"/>
  <c r="HKU53" i="1" s="1"/>
  <c r="HKV53" i="1" s="1"/>
  <c r="HKW53" i="1" s="1"/>
  <c r="HKX53" i="1" s="1"/>
  <c r="HKY53" i="1" s="1"/>
  <c r="HKZ53" i="1" s="1"/>
  <c r="HLA53" i="1" s="1"/>
  <c r="HLB53" i="1" s="1"/>
  <c r="HLC53" i="1" s="1"/>
  <c r="HLD53" i="1" s="1"/>
  <c r="HLE53" i="1" s="1"/>
  <c r="HLF53" i="1" s="1"/>
  <c r="HLG53" i="1" s="1"/>
  <c r="HLH53" i="1" s="1"/>
  <c r="HLI53" i="1" s="1"/>
  <c r="HLJ53" i="1" s="1"/>
  <c r="HLK53" i="1" s="1"/>
  <c r="HLL53" i="1" s="1"/>
  <c r="HLM53" i="1" s="1"/>
  <c r="HLN53" i="1" s="1"/>
  <c r="HLO53" i="1" s="1"/>
  <c r="HLP53" i="1" s="1"/>
  <c r="HLQ53" i="1" s="1"/>
  <c r="HLR53" i="1" s="1"/>
  <c r="HLS53" i="1" s="1"/>
  <c r="HLT53" i="1" s="1"/>
  <c r="HLU53" i="1" s="1"/>
  <c r="HLV53" i="1" s="1"/>
  <c r="HLW53" i="1" s="1"/>
  <c r="HLX53" i="1" s="1"/>
  <c r="HLY53" i="1" s="1"/>
  <c r="HLZ53" i="1" s="1"/>
  <c r="HMA53" i="1" s="1"/>
  <c r="HMB53" i="1" s="1"/>
  <c r="HMC53" i="1" s="1"/>
  <c r="HMD53" i="1" s="1"/>
  <c r="HME53" i="1" s="1"/>
  <c r="HMF53" i="1" s="1"/>
  <c r="HMG53" i="1" s="1"/>
  <c r="HMH53" i="1" s="1"/>
  <c r="HMI53" i="1" s="1"/>
  <c r="HMJ53" i="1" s="1"/>
  <c r="HMK53" i="1" s="1"/>
  <c r="HML53" i="1" s="1"/>
  <c r="HMM53" i="1" s="1"/>
  <c r="HMN53" i="1" s="1"/>
  <c r="HMO53" i="1" s="1"/>
  <c r="HMP53" i="1" s="1"/>
  <c r="HMQ53" i="1" s="1"/>
  <c r="HMR53" i="1" s="1"/>
  <c r="HMS53" i="1" s="1"/>
  <c r="HMT53" i="1" s="1"/>
  <c r="HMU53" i="1" s="1"/>
  <c r="HMV53" i="1" s="1"/>
  <c r="HMW53" i="1" s="1"/>
  <c r="HMX53" i="1" s="1"/>
  <c r="HMY53" i="1" s="1"/>
  <c r="HMZ53" i="1" s="1"/>
  <c r="HNA53" i="1" s="1"/>
  <c r="HNB53" i="1" s="1"/>
  <c r="HNC53" i="1" s="1"/>
  <c r="HND53" i="1" s="1"/>
  <c r="HNE53" i="1" s="1"/>
  <c r="HNF53" i="1" s="1"/>
  <c r="HNG53" i="1" s="1"/>
  <c r="HNH53" i="1" s="1"/>
  <c r="HNI53" i="1" s="1"/>
  <c r="HNJ53" i="1" s="1"/>
  <c r="HNK53" i="1" s="1"/>
  <c r="HNL53" i="1" s="1"/>
  <c r="HNM53" i="1" s="1"/>
  <c r="HNN53" i="1" s="1"/>
  <c r="HNO53" i="1" s="1"/>
  <c r="HNP53" i="1" s="1"/>
  <c r="HNQ53" i="1" s="1"/>
  <c r="HNR53" i="1" s="1"/>
  <c r="HNS53" i="1" s="1"/>
  <c r="HNT53" i="1" s="1"/>
  <c r="HNU53" i="1" s="1"/>
  <c r="HNV53" i="1" s="1"/>
  <c r="HNW53" i="1" s="1"/>
  <c r="HNX53" i="1" s="1"/>
  <c r="HNY53" i="1" s="1"/>
  <c r="HNZ53" i="1" s="1"/>
  <c r="HOA53" i="1" s="1"/>
  <c r="HOB53" i="1" s="1"/>
  <c r="HOC53" i="1" s="1"/>
  <c r="HOD53" i="1" s="1"/>
  <c r="HOE53" i="1" s="1"/>
  <c r="HOF53" i="1" s="1"/>
  <c r="HOG53" i="1" s="1"/>
  <c r="HOH53" i="1" s="1"/>
  <c r="HOI53" i="1" s="1"/>
  <c r="HOJ53" i="1" s="1"/>
  <c r="HOK53" i="1" s="1"/>
  <c r="HOL53" i="1" s="1"/>
  <c r="HOM53" i="1" s="1"/>
  <c r="HON53" i="1" s="1"/>
  <c r="HOO53" i="1" s="1"/>
  <c r="HOP53" i="1" s="1"/>
  <c r="HOQ53" i="1" s="1"/>
  <c r="HOR53" i="1" s="1"/>
  <c r="HOS53" i="1" s="1"/>
  <c r="HOT53" i="1" s="1"/>
  <c r="HOU53" i="1" s="1"/>
  <c r="HOV53" i="1" s="1"/>
  <c r="HOW53" i="1" s="1"/>
  <c r="HOX53" i="1" s="1"/>
  <c r="HOY53" i="1" s="1"/>
  <c r="HOZ53" i="1" s="1"/>
  <c r="HPA53" i="1" s="1"/>
  <c r="HPB53" i="1" s="1"/>
  <c r="HPC53" i="1" s="1"/>
  <c r="HPD53" i="1" s="1"/>
  <c r="HPE53" i="1" s="1"/>
  <c r="HPF53" i="1" s="1"/>
  <c r="HPG53" i="1" s="1"/>
  <c r="HPH53" i="1" s="1"/>
  <c r="HPI53" i="1" s="1"/>
  <c r="HPJ53" i="1" s="1"/>
  <c r="HPK53" i="1" s="1"/>
  <c r="HPL53" i="1" s="1"/>
  <c r="HPM53" i="1" s="1"/>
  <c r="HPN53" i="1" s="1"/>
  <c r="HPO53" i="1" s="1"/>
  <c r="HPP53" i="1" s="1"/>
  <c r="HPQ53" i="1" s="1"/>
  <c r="HPR53" i="1" s="1"/>
  <c r="HPS53" i="1" s="1"/>
  <c r="HPT53" i="1" s="1"/>
  <c r="HPU53" i="1" s="1"/>
  <c r="HPV53" i="1" s="1"/>
  <c r="HPW53" i="1" s="1"/>
  <c r="HPX53" i="1" s="1"/>
  <c r="HPY53" i="1" s="1"/>
  <c r="HPZ53" i="1" s="1"/>
  <c r="HQA53" i="1" s="1"/>
  <c r="HQB53" i="1" s="1"/>
  <c r="HQC53" i="1" s="1"/>
  <c r="HQD53" i="1" s="1"/>
  <c r="HQE53" i="1" s="1"/>
  <c r="HQF53" i="1" s="1"/>
  <c r="HQG53" i="1" s="1"/>
  <c r="HQH53" i="1" s="1"/>
  <c r="HQI53" i="1" s="1"/>
  <c r="HQJ53" i="1" s="1"/>
  <c r="HQK53" i="1" s="1"/>
  <c r="HQL53" i="1" s="1"/>
  <c r="HQM53" i="1" s="1"/>
  <c r="HQN53" i="1" s="1"/>
  <c r="HQO53" i="1" s="1"/>
  <c r="HQP53" i="1" s="1"/>
  <c r="HQQ53" i="1" s="1"/>
  <c r="HQR53" i="1" s="1"/>
  <c r="HQS53" i="1" s="1"/>
  <c r="HQT53" i="1" s="1"/>
  <c r="HQU53" i="1" s="1"/>
  <c r="HQV53" i="1" s="1"/>
  <c r="HQW53" i="1" s="1"/>
  <c r="HQX53" i="1" s="1"/>
  <c r="HQY53" i="1" s="1"/>
  <c r="HQZ53" i="1" s="1"/>
  <c r="HRA53" i="1" s="1"/>
  <c r="HRB53" i="1" s="1"/>
  <c r="HRC53" i="1" s="1"/>
  <c r="HRD53" i="1" s="1"/>
  <c r="HRE53" i="1" s="1"/>
  <c r="HRF53" i="1" s="1"/>
  <c r="HRG53" i="1" s="1"/>
  <c r="HRH53" i="1" s="1"/>
  <c r="HRI53" i="1" s="1"/>
  <c r="HRJ53" i="1" s="1"/>
  <c r="HRK53" i="1" s="1"/>
  <c r="HRL53" i="1" s="1"/>
  <c r="HRM53" i="1" s="1"/>
  <c r="HRN53" i="1" s="1"/>
  <c r="HRO53" i="1" s="1"/>
  <c r="HRP53" i="1" s="1"/>
  <c r="HRQ53" i="1" s="1"/>
  <c r="HRR53" i="1" s="1"/>
  <c r="HRS53" i="1" s="1"/>
  <c r="HRT53" i="1" s="1"/>
  <c r="HRU53" i="1" s="1"/>
  <c r="HRV53" i="1" s="1"/>
  <c r="HRW53" i="1" s="1"/>
  <c r="HRX53" i="1" s="1"/>
  <c r="HRY53" i="1" s="1"/>
  <c r="HRZ53" i="1" s="1"/>
  <c r="HSA53" i="1" s="1"/>
  <c r="HSB53" i="1" s="1"/>
  <c r="HSC53" i="1" s="1"/>
  <c r="HSD53" i="1" s="1"/>
  <c r="HSE53" i="1" s="1"/>
  <c r="HSF53" i="1" s="1"/>
  <c r="HSG53" i="1" s="1"/>
  <c r="HSH53" i="1" s="1"/>
  <c r="HSI53" i="1" s="1"/>
  <c r="HSJ53" i="1" s="1"/>
  <c r="HSK53" i="1" s="1"/>
  <c r="HSL53" i="1" s="1"/>
  <c r="HSM53" i="1" s="1"/>
  <c r="HSN53" i="1" s="1"/>
  <c r="HSO53" i="1" s="1"/>
  <c r="HSP53" i="1" s="1"/>
  <c r="HSQ53" i="1" s="1"/>
  <c r="HSR53" i="1" s="1"/>
  <c r="HSS53" i="1" s="1"/>
  <c r="HST53" i="1" s="1"/>
  <c r="HSU53" i="1" s="1"/>
  <c r="HSV53" i="1" s="1"/>
  <c r="HSW53" i="1" s="1"/>
  <c r="HSX53" i="1" s="1"/>
  <c r="HSY53" i="1" s="1"/>
  <c r="HSZ53" i="1" s="1"/>
  <c r="HTA53" i="1" s="1"/>
  <c r="HTB53" i="1" s="1"/>
  <c r="HTC53" i="1" s="1"/>
  <c r="HTD53" i="1" s="1"/>
  <c r="HTE53" i="1" s="1"/>
  <c r="HTF53" i="1" s="1"/>
  <c r="HTG53" i="1" s="1"/>
  <c r="HTH53" i="1" s="1"/>
  <c r="HTI53" i="1" s="1"/>
  <c r="HTJ53" i="1" s="1"/>
  <c r="HTK53" i="1" s="1"/>
  <c r="HTL53" i="1" s="1"/>
  <c r="HTM53" i="1" s="1"/>
  <c r="HTN53" i="1" s="1"/>
  <c r="HTO53" i="1" s="1"/>
  <c r="HTP53" i="1" s="1"/>
  <c r="HTQ53" i="1" s="1"/>
  <c r="HTR53" i="1" s="1"/>
  <c r="HTS53" i="1" s="1"/>
  <c r="HTT53" i="1" s="1"/>
  <c r="HTU53" i="1" s="1"/>
  <c r="HTV53" i="1" s="1"/>
  <c r="HTW53" i="1" s="1"/>
  <c r="HTX53" i="1" s="1"/>
  <c r="HTY53" i="1" s="1"/>
  <c r="HTZ53" i="1" s="1"/>
  <c r="HUA53" i="1" s="1"/>
  <c r="HUB53" i="1" s="1"/>
  <c r="HUC53" i="1" s="1"/>
  <c r="HUD53" i="1" s="1"/>
  <c r="HUE53" i="1" s="1"/>
  <c r="HUF53" i="1" s="1"/>
  <c r="HUG53" i="1" s="1"/>
  <c r="HUH53" i="1" s="1"/>
  <c r="HUI53" i="1" s="1"/>
  <c r="HUJ53" i="1" s="1"/>
  <c r="HUK53" i="1" s="1"/>
  <c r="HUL53" i="1" s="1"/>
  <c r="HUM53" i="1" s="1"/>
  <c r="HUN53" i="1" s="1"/>
  <c r="HUO53" i="1" s="1"/>
  <c r="HUP53" i="1" s="1"/>
  <c r="HUQ53" i="1" s="1"/>
  <c r="HUR53" i="1" s="1"/>
  <c r="HUS53" i="1" s="1"/>
  <c r="HUT53" i="1" s="1"/>
  <c r="HUU53" i="1" s="1"/>
  <c r="HUV53" i="1" s="1"/>
  <c r="HUW53" i="1" s="1"/>
  <c r="HUX53" i="1" s="1"/>
  <c r="HUY53" i="1" s="1"/>
  <c r="HUZ53" i="1" s="1"/>
  <c r="HVA53" i="1" s="1"/>
  <c r="HVB53" i="1" s="1"/>
  <c r="HVC53" i="1" s="1"/>
  <c r="HVD53" i="1" s="1"/>
  <c r="HVE53" i="1" s="1"/>
  <c r="HVF53" i="1" s="1"/>
  <c r="HVG53" i="1" s="1"/>
  <c r="HVH53" i="1" s="1"/>
  <c r="HVI53" i="1" s="1"/>
  <c r="HVJ53" i="1" s="1"/>
  <c r="HVK53" i="1" s="1"/>
  <c r="HVL53" i="1" s="1"/>
  <c r="HVM53" i="1" s="1"/>
  <c r="HVN53" i="1" s="1"/>
  <c r="HVO53" i="1" s="1"/>
  <c r="HVP53" i="1" s="1"/>
  <c r="HVQ53" i="1" s="1"/>
  <c r="HVR53" i="1" s="1"/>
  <c r="HVS53" i="1" s="1"/>
  <c r="HVT53" i="1" s="1"/>
  <c r="HVU53" i="1" s="1"/>
  <c r="HVV53" i="1" s="1"/>
  <c r="HVW53" i="1" s="1"/>
  <c r="HVX53" i="1" s="1"/>
  <c r="HVY53" i="1" s="1"/>
  <c r="HVZ53" i="1" s="1"/>
  <c r="HWA53" i="1" s="1"/>
  <c r="HWB53" i="1" s="1"/>
  <c r="HWC53" i="1" s="1"/>
  <c r="HWD53" i="1" s="1"/>
  <c r="HWE53" i="1" s="1"/>
  <c r="HWF53" i="1" s="1"/>
  <c r="HWG53" i="1" s="1"/>
  <c r="HWH53" i="1" s="1"/>
  <c r="HWI53" i="1" s="1"/>
  <c r="HWJ53" i="1" s="1"/>
  <c r="HWK53" i="1" s="1"/>
  <c r="HWL53" i="1" s="1"/>
  <c r="HWM53" i="1" s="1"/>
  <c r="HWN53" i="1" s="1"/>
  <c r="HWO53" i="1" s="1"/>
  <c r="HWP53" i="1" s="1"/>
  <c r="HWQ53" i="1" s="1"/>
  <c r="HWR53" i="1" s="1"/>
  <c r="HWS53" i="1" s="1"/>
  <c r="HWT53" i="1" s="1"/>
  <c r="HWU53" i="1" s="1"/>
  <c r="HWV53" i="1" s="1"/>
  <c r="HWW53" i="1" s="1"/>
  <c r="HWX53" i="1" s="1"/>
  <c r="HWY53" i="1" s="1"/>
  <c r="HWZ53" i="1" s="1"/>
  <c r="HXA53" i="1" s="1"/>
  <c r="HXB53" i="1" s="1"/>
  <c r="HXC53" i="1" s="1"/>
  <c r="HXD53" i="1" s="1"/>
  <c r="HXE53" i="1" s="1"/>
  <c r="HXF53" i="1" s="1"/>
  <c r="HXG53" i="1" s="1"/>
  <c r="HXH53" i="1" s="1"/>
  <c r="HXI53" i="1" s="1"/>
  <c r="HXJ53" i="1" s="1"/>
  <c r="HXK53" i="1" s="1"/>
  <c r="HXL53" i="1" s="1"/>
  <c r="HXM53" i="1" s="1"/>
  <c r="HXN53" i="1" s="1"/>
  <c r="HXO53" i="1" s="1"/>
  <c r="HXP53" i="1" s="1"/>
  <c r="HXQ53" i="1" s="1"/>
  <c r="HXR53" i="1" s="1"/>
  <c r="HXS53" i="1" s="1"/>
  <c r="HXT53" i="1" s="1"/>
  <c r="HXU53" i="1" s="1"/>
  <c r="HXV53" i="1" s="1"/>
  <c r="HXW53" i="1" s="1"/>
  <c r="HXX53" i="1" s="1"/>
  <c r="HXY53" i="1" s="1"/>
  <c r="HXZ53" i="1" s="1"/>
  <c r="HYA53" i="1" s="1"/>
  <c r="HYB53" i="1" s="1"/>
  <c r="HYC53" i="1" s="1"/>
  <c r="HYD53" i="1" s="1"/>
  <c r="HYE53" i="1" s="1"/>
  <c r="HYF53" i="1" s="1"/>
  <c r="HYG53" i="1" s="1"/>
  <c r="HYH53" i="1" s="1"/>
  <c r="HYI53" i="1" s="1"/>
  <c r="HYJ53" i="1" s="1"/>
  <c r="HYK53" i="1" s="1"/>
  <c r="HYL53" i="1" s="1"/>
  <c r="HYM53" i="1" s="1"/>
  <c r="HYN53" i="1" s="1"/>
  <c r="HYO53" i="1" s="1"/>
  <c r="HYP53" i="1" s="1"/>
  <c r="HYQ53" i="1" s="1"/>
  <c r="HYR53" i="1" s="1"/>
  <c r="HYS53" i="1" s="1"/>
  <c r="HYT53" i="1" s="1"/>
  <c r="HYU53" i="1" s="1"/>
  <c r="HYV53" i="1" s="1"/>
  <c r="HYW53" i="1" s="1"/>
  <c r="HYX53" i="1" s="1"/>
  <c r="HYY53" i="1" s="1"/>
  <c r="HYZ53" i="1" s="1"/>
  <c r="HZA53" i="1" s="1"/>
  <c r="HZB53" i="1" s="1"/>
  <c r="HZC53" i="1" s="1"/>
  <c r="HZD53" i="1" s="1"/>
  <c r="HZE53" i="1" s="1"/>
  <c r="HZF53" i="1" s="1"/>
  <c r="HZG53" i="1" s="1"/>
  <c r="HZH53" i="1" s="1"/>
  <c r="HZI53" i="1" s="1"/>
  <c r="HZJ53" i="1" s="1"/>
  <c r="HZK53" i="1" s="1"/>
  <c r="HZL53" i="1" s="1"/>
  <c r="HZM53" i="1" s="1"/>
  <c r="HZN53" i="1" s="1"/>
  <c r="HZO53" i="1" s="1"/>
  <c r="HZP53" i="1" s="1"/>
  <c r="HZQ53" i="1" s="1"/>
  <c r="HZR53" i="1" s="1"/>
  <c r="HZS53" i="1" s="1"/>
  <c r="HZT53" i="1" s="1"/>
  <c r="HZU53" i="1" s="1"/>
  <c r="HZV53" i="1" s="1"/>
  <c r="HZW53" i="1" s="1"/>
  <c r="HZX53" i="1" s="1"/>
  <c r="HZY53" i="1" s="1"/>
  <c r="HZZ53" i="1" s="1"/>
  <c r="IAA53" i="1" s="1"/>
  <c r="IAB53" i="1" s="1"/>
  <c r="IAC53" i="1" s="1"/>
  <c r="IAD53" i="1" s="1"/>
  <c r="IAE53" i="1" s="1"/>
  <c r="IAF53" i="1" s="1"/>
  <c r="IAG53" i="1" s="1"/>
  <c r="IAH53" i="1" s="1"/>
  <c r="IAI53" i="1" s="1"/>
  <c r="IAJ53" i="1" s="1"/>
  <c r="IAK53" i="1" s="1"/>
  <c r="IAL53" i="1" s="1"/>
  <c r="IAM53" i="1" s="1"/>
  <c r="IAN53" i="1" s="1"/>
  <c r="IAO53" i="1" s="1"/>
  <c r="IAP53" i="1" s="1"/>
  <c r="IAQ53" i="1" s="1"/>
  <c r="IAR53" i="1" s="1"/>
  <c r="IAS53" i="1" s="1"/>
  <c r="IAT53" i="1" s="1"/>
  <c r="IAU53" i="1" s="1"/>
  <c r="IAV53" i="1" s="1"/>
  <c r="IAW53" i="1" s="1"/>
  <c r="IAX53" i="1" s="1"/>
  <c r="IAY53" i="1" s="1"/>
  <c r="IAZ53" i="1" s="1"/>
  <c r="IBA53" i="1" s="1"/>
  <c r="IBB53" i="1" s="1"/>
  <c r="IBC53" i="1" s="1"/>
  <c r="IBD53" i="1" s="1"/>
  <c r="IBE53" i="1" s="1"/>
  <c r="IBF53" i="1" s="1"/>
  <c r="IBG53" i="1" s="1"/>
  <c r="IBH53" i="1" s="1"/>
  <c r="IBI53" i="1" s="1"/>
  <c r="IBJ53" i="1" s="1"/>
  <c r="IBK53" i="1" s="1"/>
  <c r="IBL53" i="1" s="1"/>
  <c r="IBM53" i="1" s="1"/>
  <c r="IBN53" i="1" s="1"/>
  <c r="IBO53" i="1" s="1"/>
  <c r="IBP53" i="1" s="1"/>
  <c r="IBQ53" i="1" s="1"/>
  <c r="IBR53" i="1" s="1"/>
  <c r="IBS53" i="1" s="1"/>
  <c r="IBT53" i="1" s="1"/>
  <c r="IBU53" i="1" s="1"/>
  <c r="IBV53" i="1" s="1"/>
  <c r="IBW53" i="1" s="1"/>
  <c r="IBX53" i="1" s="1"/>
  <c r="IBY53" i="1" s="1"/>
  <c r="IBZ53" i="1" s="1"/>
  <c r="ICA53" i="1" s="1"/>
  <c r="ICB53" i="1" s="1"/>
  <c r="ICC53" i="1" s="1"/>
  <c r="ICD53" i="1" s="1"/>
  <c r="ICE53" i="1" s="1"/>
  <c r="ICF53" i="1" s="1"/>
  <c r="ICG53" i="1" s="1"/>
  <c r="ICH53" i="1" s="1"/>
  <c r="ICI53" i="1" s="1"/>
  <c r="ICJ53" i="1" s="1"/>
  <c r="ICK53" i="1" s="1"/>
  <c r="ICL53" i="1" s="1"/>
  <c r="ICM53" i="1" s="1"/>
  <c r="ICN53" i="1" s="1"/>
  <c r="ICO53" i="1" s="1"/>
  <c r="ICP53" i="1" s="1"/>
  <c r="ICQ53" i="1" s="1"/>
  <c r="ICR53" i="1" s="1"/>
  <c r="ICS53" i="1" s="1"/>
  <c r="ICT53" i="1" s="1"/>
  <c r="ICU53" i="1" s="1"/>
  <c r="ICV53" i="1" s="1"/>
  <c r="ICW53" i="1" s="1"/>
  <c r="ICX53" i="1" s="1"/>
  <c r="ICY53" i="1" s="1"/>
  <c r="ICZ53" i="1" s="1"/>
  <c r="IDA53" i="1" s="1"/>
  <c r="IDB53" i="1" s="1"/>
  <c r="IDC53" i="1" s="1"/>
  <c r="IDD53" i="1" s="1"/>
  <c r="IDE53" i="1" s="1"/>
  <c r="IDF53" i="1" s="1"/>
  <c r="IDG53" i="1" s="1"/>
  <c r="IDH53" i="1" s="1"/>
  <c r="IDI53" i="1" s="1"/>
  <c r="IDJ53" i="1" s="1"/>
  <c r="IDK53" i="1" s="1"/>
  <c r="IDL53" i="1" s="1"/>
  <c r="IDM53" i="1" s="1"/>
  <c r="IDN53" i="1" s="1"/>
  <c r="IDO53" i="1" s="1"/>
  <c r="IDP53" i="1" s="1"/>
  <c r="IDQ53" i="1" s="1"/>
  <c r="IDR53" i="1" s="1"/>
  <c r="IDS53" i="1" s="1"/>
  <c r="IDT53" i="1" s="1"/>
  <c r="IDU53" i="1" s="1"/>
  <c r="IDV53" i="1" s="1"/>
  <c r="IDW53" i="1" s="1"/>
  <c r="IDX53" i="1" s="1"/>
  <c r="IDY53" i="1" s="1"/>
  <c r="IDZ53" i="1" s="1"/>
  <c r="IEA53" i="1" s="1"/>
  <c r="IEB53" i="1" s="1"/>
  <c r="IEC53" i="1" s="1"/>
  <c r="IED53" i="1" s="1"/>
  <c r="IEE53" i="1" s="1"/>
  <c r="IEF53" i="1" s="1"/>
  <c r="IEG53" i="1" s="1"/>
  <c r="IEH53" i="1" s="1"/>
  <c r="IEI53" i="1" s="1"/>
  <c r="IEJ53" i="1" s="1"/>
  <c r="IEK53" i="1" s="1"/>
  <c r="IEL53" i="1" s="1"/>
  <c r="IEM53" i="1" s="1"/>
  <c r="IEN53" i="1" s="1"/>
  <c r="IEO53" i="1" s="1"/>
  <c r="IEP53" i="1" s="1"/>
  <c r="IEQ53" i="1" s="1"/>
  <c r="IER53" i="1" s="1"/>
  <c r="IES53" i="1" s="1"/>
  <c r="IET53" i="1" s="1"/>
  <c r="IEU53" i="1" s="1"/>
  <c r="IEV53" i="1" s="1"/>
  <c r="IEW53" i="1" s="1"/>
  <c r="IEX53" i="1" s="1"/>
  <c r="IEY53" i="1" s="1"/>
  <c r="IEZ53" i="1" s="1"/>
  <c r="IFA53" i="1" s="1"/>
  <c r="IFB53" i="1" s="1"/>
  <c r="IFC53" i="1" s="1"/>
  <c r="IFD53" i="1" s="1"/>
  <c r="IFE53" i="1" s="1"/>
  <c r="IFF53" i="1" s="1"/>
  <c r="IFG53" i="1" s="1"/>
  <c r="IFH53" i="1" s="1"/>
  <c r="IFI53" i="1" s="1"/>
  <c r="IFJ53" i="1" s="1"/>
  <c r="IFK53" i="1" s="1"/>
  <c r="IFL53" i="1" s="1"/>
  <c r="IFM53" i="1" s="1"/>
  <c r="IFN53" i="1" s="1"/>
  <c r="IFO53" i="1" s="1"/>
  <c r="IFP53" i="1" s="1"/>
  <c r="IFQ53" i="1" s="1"/>
  <c r="IFR53" i="1" s="1"/>
  <c r="IFS53" i="1" s="1"/>
  <c r="IFT53" i="1" s="1"/>
  <c r="IFU53" i="1" s="1"/>
  <c r="IFV53" i="1" s="1"/>
  <c r="IFW53" i="1" s="1"/>
  <c r="IFX53" i="1" s="1"/>
  <c r="IFY53" i="1" s="1"/>
  <c r="IFZ53" i="1" s="1"/>
  <c r="IGA53" i="1" s="1"/>
  <c r="IGB53" i="1" s="1"/>
  <c r="IGC53" i="1" s="1"/>
  <c r="IGD53" i="1" s="1"/>
  <c r="IGE53" i="1" s="1"/>
  <c r="IGF53" i="1" s="1"/>
  <c r="IGG53" i="1" s="1"/>
  <c r="IGH53" i="1" s="1"/>
  <c r="IGI53" i="1" s="1"/>
  <c r="IGJ53" i="1" s="1"/>
  <c r="IGK53" i="1" s="1"/>
  <c r="IGL53" i="1" s="1"/>
  <c r="IGM53" i="1" s="1"/>
  <c r="IGN53" i="1" s="1"/>
  <c r="IGO53" i="1" s="1"/>
  <c r="IGP53" i="1" s="1"/>
  <c r="IGQ53" i="1" s="1"/>
  <c r="IGR53" i="1" s="1"/>
  <c r="IGS53" i="1" s="1"/>
  <c r="IGT53" i="1" s="1"/>
  <c r="IGU53" i="1" s="1"/>
  <c r="IGV53" i="1" s="1"/>
  <c r="IGW53" i="1" s="1"/>
  <c r="IGX53" i="1" s="1"/>
  <c r="IGY53" i="1" s="1"/>
  <c r="IGZ53" i="1" s="1"/>
  <c r="IHA53" i="1" s="1"/>
  <c r="IHB53" i="1" s="1"/>
  <c r="IHC53" i="1" s="1"/>
  <c r="IHD53" i="1" s="1"/>
  <c r="IHE53" i="1" s="1"/>
  <c r="IHF53" i="1" s="1"/>
  <c r="IHG53" i="1" s="1"/>
  <c r="IHH53" i="1" s="1"/>
  <c r="IHI53" i="1" s="1"/>
  <c r="IHJ53" i="1" s="1"/>
  <c r="IHK53" i="1" s="1"/>
  <c r="IHL53" i="1" s="1"/>
  <c r="IHM53" i="1" s="1"/>
  <c r="IHN53" i="1" s="1"/>
  <c r="IHO53" i="1" s="1"/>
  <c r="IHP53" i="1" s="1"/>
  <c r="IHQ53" i="1" s="1"/>
  <c r="IHR53" i="1" s="1"/>
  <c r="IHS53" i="1" s="1"/>
  <c r="IHT53" i="1" s="1"/>
  <c r="IHU53" i="1" s="1"/>
  <c r="IHV53" i="1" s="1"/>
  <c r="IHW53" i="1" s="1"/>
  <c r="IHX53" i="1" s="1"/>
  <c r="IHY53" i="1" s="1"/>
  <c r="IHZ53" i="1" s="1"/>
  <c r="IIA53" i="1" s="1"/>
  <c r="IIB53" i="1" s="1"/>
  <c r="IIC53" i="1" s="1"/>
  <c r="IID53" i="1" s="1"/>
  <c r="IIE53" i="1" s="1"/>
  <c r="IIF53" i="1" s="1"/>
  <c r="IIG53" i="1" s="1"/>
  <c r="IIH53" i="1" s="1"/>
  <c r="III53" i="1" s="1"/>
  <c r="IIJ53" i="1" s="1"/>
  <c r="IIK53" i="1" s="1"/>
  <c r="IIL53" i="1" s="1"/>
  <c r="IIM53" i="1" s="1"/>
  <c r="IIN53" i="1" s="1"/>
  <c r="IIO53" i="1" s="1"/>
  <c r="IIP53" i="1" s="1"/>
  <c r="IIQ53" i="1" s="1"/>
  <c r="IIR53" i="1" s="1"/>
  <c r="IIS53" i="1" s="1"/>
  <c r="IIT53" i="1" s="1"/>
  <c r="IIU53" i="1" s="1"/>
  <c r="IIV53" i="1" s="1"/>
  <c r="IIW53" i="1" s="1"/>
  <c r="IIX53" i="1" s="1"/>
  <c r="IIY53" i="1" s="1"/>
  <c r="IIZ53" i="1" s="1"/>
  <c r="IJA53" i="1" s="1"/>
  <c r="IJB53" i="1" s="1"/>
  <c r="IJC53" i="1" s="1"/>
  <c r="IJD53" i="1" s="1"/>
  <c r="IJE53" i="1" s="1"/>
  <c r="IJF53" i="1" s="1"/>
  <c r="IJG53" i="1" s="1"/>
  <c r="IJH53" i="1" s="1"/>
  <c r="IJI53" i="1" s="1"/>
  <c r="IJJ53" i="1" s="1"/>
  <c r="IJK53" i="1" s="1"/>
  <c r="IJL53" i="1" s="1"/>
  <c r="IJM53" i="1" s="1"/>
  <c r="IJN53" i="1" s="1"/>
  <c r="IJO53" i="1" s="1"/>
  <c r="IJP53" i="1" s="1"/>
  <c r="IJQ53" i="1" s="1"/>
  <c r="IJR53" i="1" s="1"/>
  <c r="IJS53" i="1" s="1"/>
  <c r="IJT53" i="1" s="1"/>
  <c r="IJU53" i="1" s="1"/>
  <c r="IJV53" i="1" s="1"/>
  <c r="IJW53" i="1" s="1"/>
  <c r="IJX53" i="1" s="1"/>
  <c r="IJY53" i="1" s="1"/>
  <c r="IJZ53" i="1" s="1"/>
  <c r="IKA53" i="1" s="1"/>
  <c r="IKB53" i="1" s="1"/>
  <c r="IKC53" i="1" s="1"/>
  <c r="IKD53" i="1" s="1"/>
  <c r="IKE53" i="1" s="1"/>
  <c r="IKF53" i="1" s="1"/>
  <c r="IKG53" i="1" s="1"/>
  <c r="IKH53" i="1" s="1"/>
  <c r="IKI53" i="1" s="1"/>
  <c r="IKJ53" i="1" s="1"/>
  <c r="IKK53" i="1" s="1"/>
  <c r="IKL53" i="1" s="1"/>
  <c r="IKM53" i="1" s="1"/>
  <c r="IKN53" i="1" s="1"/>
  <c r="IKO53" i="1" s="1"/>
  <c r="IKP53" i="1" s="1"/>
  <c r="IKQ53" i="1" s="1"/>
  <c r="IKR53" i="1" s="1"/>
  <c r="IKS53" i="1" s="1"/>
  <c r="IKT53" i="1" s="1"/>
  <c r="IKU53" i="1" s="1"/>
  <c r="IKV53" i="1" s="1"/>
  <c r="IKW53" i="1" s="1"/>
  <c r="IKX53" i="1" s="1"/>
  <c r="IKY53" i="1" s="1"/>
  <c r="IKZ53" i="1" s="1"/>
  <c r="ILA53" i="1" s="1"/>
  <c r="ILB53" i="1" s="1"/>
  <c r="ILC53" i="1" s="1"/>
  <c r="ILD53" i="1" s="1"/>
  <c r="ILE53" i="1" s="1"/>
  <c r="ILF53" i="1" s="1"/>
  <c r="ILG53" i="1" s="1"/>
  <c r="ILH53" i="1" s="1"/>
  <c r="ILI53" i="1" s="1"/>
  <c r="ILJ53" i="1" s="1"/>
  <c r="ILK53" i="1" s="1"/>
  <c r="ILL53" i="1" s="1"/>
  <c r="ILM53" i="1" s="1"/>
  <c r="ILN53" i="1" s="1"/>
  <c r="ILO53" i="1" s="1"/>
  <c r="ILP53" i="1" s="1"/>
  <c r="ILQ53" i="1" s="1"/>
  <c r="ILR53" i="1" s="1"/>
  <c r="ILS53" i="1" s="1"/>
  <c r="ILT53" i="1" s="1"/>
  <c r="ILU53" i="1" s="1"/>
  <c r="ILV53" i="1" s="1"/>
  <c r="ILW53" i="1" s="1"/>
  <c r="ILX53" i="1" s="1"/>
  <c r="ILY53" i="1" s="1"/>
  <c r="ILZ53" i="1" s="1"/>
  <c r="IMA53" i="1" s="1"/>
  <c r="IMB53" i="1" s="1"/>
  <c r="IMC53" i="1" s="1"/>
  <c r="IMD53" i="1" s="1"/>
  <c r="IME53" i="1" s="1"/>
  <c r="IMF53" i="1" s="1"/>
  <c r="IMG53" i="1" s="1"/>
  <c r="IMH53" i="1" s="1"/>
  <c r="IMI53" i="1" s="1"/>
  <c r="IMJ53" i="1" s="1"/>
  <c r="IMK53" i="1" s="1"/>
  <c r="IML53" i="1" s="1"/>
  <c r="IMM53" i="1" s="1"/>
  <c r="IMN53" i="1" s="1"/>
  <c r="IMO53" i="1" s="1"/>
  <c r="IMP53" i="1" s="1"/>
  <c r="IMQ53" i="1" s="1"/>
  <c r="IMR53" i="1" s="1"/>
  <c r="IMS53" i="1" s="1"/>
  <c r="IMT53" i="1" s="1"/>
  <c r="IMU53" i="1" s="1"/>
  <c r="IMV53" i="1" s="1"/>
  <c r="IMW53" i="1" s="1"/>
  <c r="IMX53" i="1" s="1"/>
  <c r="IMY53" i="1" s="1"/>
  <c r="IMZ53" i="1" s="1"/>
  <c r="INA53" i="1" s="1"/>
  <c r="INB53" i="1" s="1"/>
  <c r="INC53" i="1" s="1"/>
  <c r="IND53" i="1" s="1"/>
  <c r="INE53" i="1" s="1"/>
  <c r="INF53" i="1" s="1"/>
  <c r="ING53" i="1" s="1"/>
  <c r="INH53" i="1" s="1"/>
  <c r="INI53" i="1" s="1"/>
  <c r="INJ53" i="1" s="1"/>
  <c r="INK53" i="1" s="1"/>
  <c r="INL53" i="1" s="1"/>
  <c r="INM53" i="1" s="1"/>
  <c r="INN53" i="1" s="1"/>
  <c r="INO53" i="1" s="1"/>
  <c r="INP53" i="1" s="1"/>
  <c r="INQ53" i="1" s="1"/>
  <c r="INR53" i="1" s="1"/>
  <c r="INS53" i="1" s="1"/>
  <c r="INT53" i="1" s="1"/>
  <c r="INU53" i="1" s="1"/>
  <c r="INV53" i="1" s="1"/>
  <c r="INW53" i="1" s="1"/>
  <c r="INX53" i="1" s="1"/>
  <c r="INY53" i="1" s="1"/>
  <c r="INZ53" i="1" s="1"/>
  <c r="IOA53" i="1" s="1"/>
  <c r="IOB53" i="1" s="1"/>
  <c r="IOC53" i="1" s="1"/>
  <c r="IOD53" i="1" s="1"/>
  <c r="IOE53" i="1" s="1"/>
  <c r="IOF53" i="1" s="1"/>
  <c r="IOG53" i="1" s="1"/>
  <c r="IOH53" i="1" s="1"/>
  <c r="IOI53" i="1" s="1"/>
  <c r="IOJ53" i="1" s="1"/>
  <c r="IOK53" i="1" s="1"/>
  <c r="IOL53" i="1" s="1"/>
  <c r="IOM53" i="1" s="1"/>
  <c r="ION53" i="1" s="1"/>
  <c r="IOO53" i="1" s="1"/>
  <c r="IOP53" i="1" s="1"/>
  <c r="IOQ53" i="1" s="1"/>
  <c r="IOR53" i="1" s="1"/>
  <c r="IOS53" i="1" s="1"/>
  <c r="IOT53" i="1" s="1"/>
  <c r="IOU53" i="1" s="1"/>
  <c r="IOV53" i="1" s="1"/>
  <c r="IOW53" i="1" s="1"/>
  <c r="IOX53" i="1" s="1"/>
  <c r="IOY53" i="1" s="1"/>
  <c r="IOZ53" i="1" s="1"/>
  <c r="IPA53" i="1" s="1"/>
  <c r="IPB53" i="1" s="1"/>
  <c r="IPC53" i="1" s="1"/>
  <c r="IPD53" i="1" s="1"/>
  <c r="IPE53" i="1" s="1"/>
  <c r="IPF53" i="1" s="1"/>
  <c r="IPG53" i="1" s="1"/>
  <c r="IPH53" i="1" s="1"/>
  <c r="IPI53" i="1" s="1"/>
  <c r="IPJ53" i="1" s="1"/>
  <c r="IPK53" i="1" s="1"/>
  <c r="IPL53" i="1" s="1"/>
  <c r="IPM53" i="1" s="1"/>
  <c r="IPN53" i="1" s="1"/>
  <c r="IPO53" i="1" s="1"/>
  <c r="IPP53" i="1" s="1"/>
  <c r="IPQ53" i="1" s="1"/>
  <c r="IPR53" i="1" s="1"/>
  <c r="IPS53" i="1" s="1"/>
  <c r="IPT53" i="1" s="1"/>
  <c r="IPU53" i="1" s="1"/>
  <c r="IPV53" i="1" s="1"/>
  <c r="IPW53" i="1" s="1"/>
  <c r="IPX53" i="1" s="1"/>
  <c r="IPY53" i="1" s="1"/>
  <c r="IPZ53" i="1" s="1"/>
  <c r="IQA53" i="1" s="1"/>
  <c r="IQB53" i="1" s="1"/>
  <c r="IQC53" i="1" s="1"/>
  <c r="IQD53" i="1" s="1"/>
  <c r="IQE53" i="1" s="1"/>
  <c r="IQF53" i="1" s="1"/>
  <c r="IQG53" i="1" s="1"/>
  <c r="IQH53" i="1" s="1"/>
  <c r="IQI53" i="1" s="1"/>
  <c r="IQJ53" i="1" s="1"/>
  <c r="IQK53" i="1" s="1"/>
  <c r="IQL53" i="1" s="1"/>
  <c r="IQM53" i="1" s="1"/>
  <c r="IQN53" i="1" s="1"/>
  <c r="IQO53" i="1" s="1"/>
  <c r="IQP53" i="1" s="1"/>
  <c r="IQQ53" i="1" s="1"/>
  <c r="IQR53" i="1" s="1"/>
  <c r="IQS53" i="1" s="1"/>
  <c r="IQT53" i="1" s="1"/>
  <c r="IQU53" i="1" s="1"/>
  <c r="IQV53" i="1" s="1"/>
  <c r="IQW53" i="1" s="1"/>
  <c r="IQX53" i="1" s="1"/>
  <c r="IQY53" i="1" s="1"/>
  <c r="IQZ53" i="1" s="1"/>
  <c r="IRA53" i="1" s="1"/>
  <c r="IRB53" i="1" s="1"/>
  <c r="IRC53" i="1" s="1"/>
  <c r="IRD53" i="1" s="1"/>
  <c r="IRE53" i="1" s="1"/>
  <c r="IRF53" i="1" s="1"/>
  <c r="IRG53" i="1" s="1"/>
  <c r="IRH53" i="1" s="1"/>
  <c r="IRI53" i="1" s="1"/>
  <c r="IRJ53" i="1" s="1"/>
  <c r="IRK53" i="1" s="1"/>
  <c r="IRL53" i="1" s="1"/>
  <c r="IRM53" i="1" s="1"/>
  <c r="IRN53" i="1" s="1"/>
  <c r="IRO53" i="1" s="1"/>
  <c r="IRP53" i="1" s="1"/>
  <c r="IRQ53" i="1" s="1"/>
  <c r="IRR53" i="1" s="1"/>
  <c r="IRS53" i="1" s="1"/>
  <c r="IRT53" i="1" s="1"/>
  <c r="IRU53" i="1" s="1"/>
  <c r="IRV53" i="1" s="1"/>
  <c r="IRW53" i="1" s="1"/>
  <c r="IRX53" i="1" s="1"/>
  <c r="IRY53" i="1" s="1"/>
  <c r="IRZ53" i="1" s="1"/>
  <c r="ISA53" i="1" s="1"/>
  <c r="ISB53" i="1" s="1"/>
  <c r="ISC53" i="1" s="1"/>
  <c r="ISD53" i="1" s="1"/>
  <c r="ISE53" i="1" s="1"/>
  <c r="ISF53" i="1" s="1"/>
  <c r="ISG53" i="1" s="1"/>
  <c r="ISH53" i="1" s="1"/>
  <c r="ISI53" i="1" s="1"/>
  <c r="ISJ53" i="1" s="1"/>
  <c r="ISK53" i="1" s="1"/>
  <c r="ISL53" i="1" s="1"/>
  <c r="ISM53" i="1" s="1"/>
  <c r="ISN53" i="1" s="1"/>
  <c r="ISO53" i="1" s="1"/>
  <c r="ISP53" i="1" s="1"/>
  <c r="ISQ53" i="1" s="1"/>
  <c r="ISR53" i="1" s="1"/>
  <c r="ISS53" i="1" s="1"/>
  <c r="IST53" i="1" s="1"/>
  <c r="ISU53" i="1" s="1"/>
  <c r="ISV53" i="1" s="1"/>
  <c r="ISW53" i="1" s="1"/>
  <c r="ISX53" i="1" s="1"/>
  <c r="ISY53" i="1" s="1"/>
  <c r="ISZ53" i="1" s="1"/>
  <c r="ITA53" i="1" s="1"/>
  <c r="ITB53" i="1" s="1"/>
  <c r="ITC53" i="1" s="1"/>
  <c r="ITD53" i="1" s="1"/>
  <c r="ITE53" i="1" s="1"/>
  <c r="ITF53" i="1" s="1"/>
  <c r="ITG53" i="1" s="1"/>
  <c r="ITH53" i="1" s="1"/>
  <c r="ITI53" i="1" s="1"/>
  <c r="ITJ53" i="1" s="1"/>
  <c r="ITK53" i="1" s="1"/>
  <c r="ITL53" i="1" s="1"/>
  <c r="ITM53" i="1" s="1"/>
  <c r="ITN53" i="1" s="1"/>
  <c r="ITO53" i="1" s="1"/>
  <c r="ITP53" i="1" s="1"/>
  <c r="ITQ53" i="1" s="1"/>
  <c r="ITR53" i="1" s="1"/>
  <c r="ITS53" i="1" s="1"/>
  <c r="ITT53" i="1" s="1"/>
  <c r="ITU53" i="1" s="1"/>
  <c r="ITV53" i="1" s="1"/>
  <c r="ITW53" i="1" s="1"/>
  <c r="ITX53" i="1" s="1"/>
  <c r="ITY53" i="1" s="1"/>
  <c r="ITZ53" i="1" s="1"/>
  <c r="IUA53" i="1" s="1"/>
  <c r="IUB53" i="1" s="1"/>
  <c r="IUC53" i="1" s="1"/>
  <c r="IUD53" i="1" s="1"/>
  <c r="IUE53" i="1" s="1"/>
  <c r="IUF53" i="1" s="1"/>
  <c r="IUG53" i="1" s="1"/>
  <c r="IUH53" i="1" s="1"/>
  <c r="IUI53" i="1" s="1"/>
  <c r="IUJ53" i="1" s="1"/>
  <c r="IUK53" i="1" s="1"/>
  <c r="IUL53" i="1" s="1"/>
  <c r="IUM53" i="1" s="1"/>
  <c r="IUN53" i="1" s="1"/>
  <c r="IUO53" i="1" s="1"/>
  <c r="IUP53" i="1" s="1"/>
  <c r="IUQ53" i="1" s="1"/>
  <c r="IUR53" i="1" s="1"/>
  <c r="IUS53" i="1" s="1"/>
  <c r="IUT53" i="1" s="1"/>
  <c r="IUU53" i="1" s="1"/>
  <c r="IUV53" i="1" s="1"/>
  <c r="IUW53" i="1" s="1"/>
  <c r="IUX53" i="1" s="1"/>
  <c r="IUY53" i="1" s="1"/>
  <c r="IUZ53" i="1" s="1"/>
  <c r="IVA53" i="1" s="1"/>
  <c r="IVB53" i="1" s="1"/>
  <c r="IVC53" i="1" s="1"/>
  <c r="IVD53" i="1" s="1"/>
  <c r="IVE53" i="1" s="1"/>
  <c r="IVF53" i="1" s="1"/>
  <c r="IVG53" i="1" s="1"/>
  <c r="IVH53" i="1" s="1"/>
  <c r="IVI53" i="1" s="1"/>
  <c r="IVJ53" i="1" s="1"/>
  <c r="IVK53" i="1" s="1"/>
  <c r="IVL53" i="1" s="1"/>
  <c r="IVM53" i="1" s="1"/>
  <c r="IVN53" i="1" s="1"/>
  <c r="IVO53" i="1" s="1"/>
  <c r="IVP53" i="1" s="1"/>
  <c r="IVQ53" i="1" s="1"/>
  <c r="IVR53" i="1" s="1"/>
  <c r="IVS53" i="1" s="1"/>
  <c r="IVT53" i="1" s="1"/>
  <c r="IVU53" i="1" s="1"/>
  <c r="IVV53" i="1" s="1"/>
  <c r="IVW53" i="1" s="1"/>
  <c r="IVX53" i="1" s="1"/>
  <c r="IVY53" i="1" s="1"/>
  <c r="IVZ53" i="1" s="1"/>
  <c r="IWA53" i="1" s="1"/>
  <c r="IWB53" i="1" s="1"/>
  <c r="IWC53" i="1" s="1"/>
  <c r="IWD53" i="1" s="1"/>
  <c r="IWE53" i="1" s="1"/>
  <c r="IWF53" i="1" s="1"/>
  <c r="IWG53" i="1" s="1"/>
  <c r="IWH53" i="1" s="1"/>
  <c r="IWI53" i="1" s="1"/>
  <c r="IWJ53" i="1" s="1"/>
  <c r="IWK53" i="1" s="1"/>
  <c r="IWL53" i="1" s="1"/>
  <c r="IWM53" i="1" s="1"/>
  <c r="IWN53" i="1" s="1"/>
  <c r="IWO53" i="1" s="1"/>
  <c r="IWP53" i="1" s="1"/>
  <c r="IWQ53" i="1" s="1"/>
  <c r="IWR53" i="1" s="1"/>
  <c r="IWS53" i="1" s="1"/>
  <c r="IWT53" i="1" s="1"/>
  <c r="IWU53" i="1" s="1"/>
  <c r="IWV53" i="1" s="1"/>
  <c r="IWW53" i="1" s="1"/>
  <c r="IWX53" i="1" s="1"/>
  <c r="IWY53" i="1" s="1"/>
  <c r="IWZ53" i="1" s="1"/>
  <c r="IXA53" i="1" s="1"/>
  <c r="IXB53" i="1" s="1"/>
  <c r="IXC53" i="1" s="1"/>
  <c r="IXD53" i="1" s="1"/>
  <c r="IXE53" i="1" s="1"/>
  <c r="IXF53" i="1" s="1"/>
  <c r="IXG53" i="1" s="1"/>
  <c r="IXH53" i="1" s="1"/>
  <c r="IXI53" i="1" s="1"/>
  <c r="IXJ53" i="1" s="1"/>
  <c r="IXK53" i="1" s="1"/>
  <c r="IXL53" i="1" s="1"/>
  <c r="IXM53" i="1" s="1"/>
  <c r="IXN53" i="1" s="1"/>
  <c r="IXO53" i="1" s="1"/>
  <c r="IXP53" i="1" s="1"/>
  <c r="IXQ53" i="1" s="1"/>
  <c r="IXR53" i="1" s="1"/>
  <c r="IXS53" i="1" s="1"/>
  <c r="IXT53" i="1" s="1"/>
  <c r="IXU53" i="1" s="1"/>
  <c r="IXV53" i="1" s="1"/>
  <c r="IXW53" i="1" s="1"/>
  <c r="IXX53" i="1" s="1"/>
  <c r="IXY53" i="1" s="1"/>
  <c r="IXZ53" i="1" s="1"/>
  <c r="IYA53" i="1" s="1"/>
  <c r="IYB53" i="1" s="1"/>
  <c r="IYC53" i="1" s="1"/>
  <c r="IYD53" i="1" s="1"/>
  <c r="IYE53" i="1" s="1"/>
  <c r="IYF53" i="1" s="1"/>
  <c r="IYG53" i="1" s="1"/>
  <c r="IYH53" i="1" s="1"/>
  <c r="IYI53" i="1" s="1"/>
  <c r="IYJ53" i="1" s="1"/>
  <c r="IYK53" i="1" s="1"/>
  <c r="IYL53" i="1" s="1"/>
  <c r="IYM53" i="1" s="1"/>
  <c r="IYN53" i="1" s="1"/>
  <c r="IYO53" i="1" s="1"/>
  <c r="IYP53" i="1" s="1"/>
  <c r="IYQ53" i="1" s="1"/>
  <c r="IYR53" i="1" s="1"/>
  <c r="IYS53" i="1" s="1"/>
  <c r="IYT53" i="1" s="1"/>
  <c r="IYU53" i="1" s="1"/>
  <c r="IYV53" i="1" s="1"/>
  <c r="IYW53" i="1" s="1"/>
  <c r="IYX53" i="1" s="1"/>
  <c r="IYY53" i="1" s="1"/>
  <c r="IYZ53" i="1" s="1"/>
  <c r="IZA53" i="1" s="1"/>
  <c r="IZB53" i="1" s="1"/>
  <c r="IZC53" i="1" s="1"/>
  <c r="IZD53" i="1" s="1"/>
  <c r="IZE53" i="1" s="1"/>
  <c r="IZF53" i="1" s="1"/>
  <c r="IZG53" i="1" s="1"/>
  <c r="IZH53" i="1" s="1"/>
  <c r="IZI53" i="1" s="1"/>
  <c r="IZJ53" i="1" s="1"/>
  <c r="IZK53" i="1" s="1"/>
  <c r="IZL53" i="1" s="1"/>
  <c r="IZM53" i="1" s="1"/>
  <c r="IZN53" i="1" s="1"/>
  <c r="IZO53" i="1" s="1"/>
  <c r="IZP53" i="1" s="1"/>
  <c r="IZQ53" i="1" s="1"/>
  <c r="IZR53" i="1" s="1"/>
  <c r="IZS53" i="1" s="1"/>
  <c r="IZT53" i="1" s="1"/>
  <c r="IZU53" i="1" s="1"/>
  <c r="IZV53" i="1" s="1"/>
  <c r="IZW53" i="1" s="1"/>
  <c r="IZX53" i="1" s="1"/>
  <c r="IZY53" i="1" s="1"/>
  <c r="IZZ53" i="1" s="1"/>
  <c r="JAA53" i="1" s="1"/>
  <c r="JAB53" i="1" s="1"/>
  <c r="JAC53" i="1" s="1"/>
  <c r="JAD53" i="1" s="1"/>
  <c r="JAE53" i="1" s="1"/>
  <c r="JAF53" i="1" s="1"/>
  <c r="JAG53" i="1" s="1"/>
  <c r="JAH53" i="1" s="1"/>
  <c r="JAI53" i="1" s="1"/>
  <c r="JAJ53" i="1" s="1"/>
  <c r="JAK53" i="1" s="1"/>
  <c r="JAL53" i="1" s="1"/>
  <c r="JAM53" i="1" s="1"/>
  <c r="JAN53" i="1" s="1"/>
  <c r="JAO53" i="1" s="1"/>
  <c r="JAP53" i="1" s="1"/>
  <c r="JAQ53" i="1" s="1"/>
  <c r="JAR53" i="1" s="1"/>
  <c r="JAS53" i="1" s="1"/>
  <c r="JAT53" i="1" s="1"/>
  <c r="JAU53" i="1" s="1"/>
  <c r="JAV53" i="1" s="1"/>
  <c r="JAW53" i="1" s="1"/>
  <c r="JAX53" i="1" s="1"/>
  <c r="JAY53" i="1" s="1"/>
  <c r="JAZ53" i="1" s="1"/>
  <c r="JBA53" i="1" s="1"/>
  <c r="JBB53" i="1" s="1"/>
  <c r="JBC53" i="1" s="1"/>
  <c r="JBD53" i="1" s="1"/>
  <c r="JBE53" i="1" s="1"/>
  <c r="JBF53" i="1" s="1"/>
  <c r="JBG53" i="1" s="1"/>
  <c r="JBH53" i="1" s="1"/>
  <c r="JBI53" i="1" s="1"/>
  <c r="JBJ53" i="1" s="1"/>
  <c r="JBK53" i="1" s="1"/>
  <c r="JBL53" i="1" s="1"/>
  <c r="JBM53" i="1" s="1"/>
  <c r="JBN53" i="1" s="1"/>
  <c r="JBO53" i="1" s="1"/>
  <c r="JBP53" i="1" s="1"/>
  <c r="JBQ53" i="1" s="1"/>
  <c r="JBR53" i="1" s="1"/>
  <c r="JBS53" i="1" s="1"/>
  <c r="JBT53" i="1" s="1"/>
  <c r="JBU53" i="1" s="1"/>
  <c r="JBV53" i="1" s="1"/>
  <c r="JBW53" i="1" s="1"/>
  <c r="JBX53" i="1" s="1"/>
  <c r="JBY53" i="1" s="1"/>
  <c r="JBZ53" i="1" s="1"/>
  <c r="JCA53" i="1" s="1"/>
  <c r="JCB53" i="1" s="1"/>
  <c r="JCC53" i="1" s="1"/>
  <c r="JCD53" i="1" s="1"/>
  <c r="JCE53" i="1" s="1"/>
  <c r="JCF53" i="1" s="1"/>
  <c r="JCG53" i="1" s="1"/>
  <c r="JCH53" i="1" s="1"/>
  <c r="JCI53" i="1" s="1"/>
  <c r="JCJ53" i="1" s="1"/>
  <c r="JCK53" i="1" s="1"/>
  <c r="JCL53" i="1" s="1"/>
  <c r="JCM53" i="1" s="1"/>
  <c r="JCN53" i="1" s="1"/>
  <c r="JCO53" i="1" s="1"/>
  <c r="JCP53" i="1" s="1"/>
  <c r="JCQ53" i="1" s="1"/>
  <c r="JCR53" i="1" s="1"/>
  <c r="JCS53" i="1" s="1"/>
  <c r="JCT53" i="1" s="1"/>
  <c r="JCU53" i="1" s="1"/>
  <c r="JCV53" i="1" s="1"/>
  <c r="JCW53" i="1" s="1"/>
  <c r="JCX53" i="1" s="1"/>
  <c r="JCY53" i="1" s="1"/>
  <c r="JCZ53" i="1" s="1"/>
  <c r="JDA53" i="1" s="1"/>
  <c r="JDB53" i="1" s="1"/>
  <c r="JDC53" i="1" s="1"/>
  <c r="JDD53" i="1" s="1"/>
  <c r="JDE53" i="1" s="1"/>
  <c r="JDF53" i="1" s="1"/>
  <c r="JDG53" i="1" s="1"/>
  <c r="JDH53" i="1" s="1"/>
  <c r="JDI53" i="1" s="1"/>
  <c r="JDJ53" i="1" s="1"/>
  <c r="JDK53" i="1" s="1"/>
  <c r="JDL53" i="1" s="1"/>
  <c r="JDM53" i="1" s="1"/>
  <c r="JDN53" i="1" s="1"/>
  <c r="JDO53" i="1" s="1"/>
  <c r="JDP53" i="1" s="1"/>
  <c r="JDQ53" i="1" s="1"/>
  <c r="JDR53" i="1" s="1"/>
  <c r="JDS53" i="1" s="1"/>
  <c r="JDT53" i="1" s="1"/>
  <c r="JDU53" i="1" s="1"/>
  <c r="JDV53" i="1" s="1"/>
  <c r="JDW53" i="1" s="1"/>
  <c r="JDX53" i="1" s="1"/>
  <c r="JDY53" i="1" s="1"/>
  <c r="JDZ53" i="1" s="1"/>
  <c r="JEA53" i="1" s="1"/>
  <c r="JEB53" i="1" s="1"/>
  <c r="JEC53" i="1" s="1"/>
  <c r="JED53" i="1" s="1"/>
  <c r="JEE53" i="1" s="1"/>
  <c r="JEF53" i="1" s="1"/>
  <c r="JEG53" i="1" s="1"/>
  <c r="JEH53" i="1" s="1"/>
  <c r="JEI53" i="1" s="1"/>
  <c r="JEJ53" i="1" s="1"/>
  <c r="JEK53" i="1" s="1"/>
  <c r="JEL53" i="1" s="1"/>
  <c r="JEM53" i="1" s="1"/>
  <c r="JEN53" i="1" s="1"/>
  <c r="JEO53" i="1" s="1"/>
  <c r="JEP53" i="1" s="1"/>
  <c r="JEQ53" i="1" s="1"/>
  <c r="JER53" i="1" s="1"/>
  <c r="JES53" i="1" s="1"/>
  <c r="JET53" i="1" s="1"/>
  <c r="JEU53" i="1" s="1"/>
  <c r="JEV53" i="1" s="1"/>
  <c r="JEW53" i="1" s="1"/>
  <c r="JEX53" i="1" s="1"/>
  <c r="JEY53" i="1" s="1"/>
  <c r="JEZ53" i="1" s="1"/>
  <c r="JFA53" i="1" s="1"/>
  <c r="JFB53" i="1" s="1"/>
  <c r="JFC53" i="1" s="1"/>
  <c r="JFD53" i="1" s="1"/>
  <c r="JFE53" i="1" s="1"/>
  <c r="JFF53" i="1" s="1"/>
  <c r="JFG53" i="1" s="1"/>
  <c r="JFH53" i="1" s="1"/>
  <c r="JFI53" i="1" s="1"/>
  <c r="JFJ53" i="1" s="1"/>
  <c r="JFK53" i="1" s="1"/>
  <c r="JFL53" i="1" s="1"/>
  <c r="JFM53" i="1" s="1"/>
  <c r="JFN53" i="1" s="1"/>
  <c r="JFO53" i="1" s="1"/>
  <c r="JFP53" i="1" s="1"/>
  <c r="JFQ53" i="1" s="1"/>
  <c r="JFR53" i="1" s="1"/>
  <c r="JFS53" i="1" s="1"/>
  <c r="JFT53" i="1" s="1"/>
  <c r="JFU53" i="1" s="1"/>
  <c r="JFV53" i="1" s="1"/>
  <c r="JFW53" i="1" s="1"/>
  <c r="JFX53" i="1" s="1"/>
  <c r="JFY53" i="1" s="1"/>
  <c r="JFZ53" i="1" s="1"/>
  <c r="JGA53" i="1" s="1"/>
  <c r="JGB53" i="1" s="1"/>
  <c r="JGC53" i="1" s="1"/>
  <c r="JGD53" i="1" s="1"/>
  <c r="JGE53" i="1" s="1"/>
  <c r="JGF53" i="1" s="1"/>
  <c r="JGG53" i="1" s="1"/>
  <c r="JGH53" i="1" s="1"/>
  <c r="JGI53" i="1" s="1"/>
  <c r="JGJ53" i="1" s="1"/>
  <c r="JGK53" i="1" s="1"/>
  <c r="JGL53" i="1" s="1"/>
  <c r="JGM53" i="1" s="1"/>
  <c r="JGN53" i="1" s="1"/>
  <c r="JGO53" i="1" s="1"/>
  <c r="JGP53" i="1" s="1"/>
  <c r="JGQ53" i="1" s="1"/>
  <c r="JGR53" i="1" s="1"/>
  <c r="JGS53" i="1" s="1"/>
  <c r="JGT53" i="1" s="1"/>
  <c r="JGU53" i="1" s="1"/>
  <c r="JGV53" i="1" s="1"/>
  <c r="JGW53" i="1" s="1"/>
  <c r="JGX53" i="1" s="1"/>
  <c r="JGY53" i="1" s="1"/>
  <c r="JGZ53" i="1" s="1"/>
  <c r="JHA53" i="1" s="1"/>
  <c r="JHB53" i="1" s="1"/>
  <c r="JHC53" i="1" s="1"/>
  <c r="JHD53" i="1" s="1"/>
  <c r="JHE53" i="1" s="1"/>
  <c r="JHF53" i="1" s="1"/>
  <c r="JHG53" i="1" s="1"/>
  <c r="JHH53" i="1" s="1"/>
  <c r="JHI53" i="1" s="1"/>
  <c r="JHJ53" i="1" s="1"/>
  <c r="JHK53" i="1" s="1"/>
  <c r="JHL53" i="1" s="1"/>
  <c r="JHM53" i="1" s="1"/>
  <c r="JHN53" i="1" s="1"/>
  <c r="JHO53" i="1" s="1"/>
  <c r="JHP53" i="1" s="1"/>
  <c r="JHQ53" i="1" s="1"/>
  <c r="JHR53" i="1" s="1"/>
  <c r="JHS53" i="1" s="1"/>
  <c r="JHT53" i="1" s="1"/>
  <c r="JHU53" i="1" s="1"/>
  <c r="JHV53" i="1" s="1"/>
  <c r="JHW53" i="1" s="1"/>
  <c r="JHX53" i="1" s="1"/>
  <c r="JHY53" i="1" s="1"/>
  <c r="JHZ53" i="1" s="1"/>
  <c r="JIA53" i="1" s="1"/>
  <c r="JIB53" i="1" s="1"/>
  <c r="JIC53" i="1" s="1"/>
  <c r="JID53" i="1" s="1"/>
  <c r="JIE53" i="1" s="1"/>
  <c r="JIF53" i="1" s="1"/>
  <c r="JIG53" i="1" s="1"/>
  <c r="JIH53" i="1" s="1"/>
  <c r="JII53" i="1" s="1"/>
  <c r="JIJ53" i="1" s="1"/>
  <c r="JIK53" i="1" s="1"/>
  <c r="JIL53" i="1" s="1"/>
  <c r="JIM53" i="1" s="1"/>
  <c r="JIN53" i="1" s="1"/>
  <c r="JIO53" i="1" s="1"/>
  <c r="JIP53" i="1" s="1"/>
  <c r="JIQ53" i="1" s="1"/>
  <c r="JIR53" i="1" s="1"/>
  <c r="JIS53" i="1" s="1"/>
  <c r="JIT53" i="1" s="1"/>
  <c r="JIU53" i="1" s="1"/>
  <c r="JIV53" i="1" s="1"/>
  <c r="JIW53" i="1" s="1"/>
  <c r="JIX53" i="1" s="1"/>
  <c r="JIY53" i="1" s="1"/>
  <c r="JIZ53" i="1" s="1"/>
  <c r="JJA53" i="1" s="1"/>
  <c r="JJB53" i="1" s="1"/>
  <c r="JJC53" i="1" s="1"/>
  <c r="JJD53" i="1" s="1"/>
  <c r="JJE53" i="1" s="1"/>
  <c r="JJF53" i="1" s="1"/>
  <c r="JJG53" i="1" s="1"/>
  <c r="JJH53" i="1" s="1"/>
  <c r="JJI53" i="1" s="1"/>
  <c r="JJJ53" i="1" s="1"/>
  <c r="JJK53" i="1" s="1"/>
  <c r="JJL53" i="1" s="1"/>
  <c r="JJM53" i="1" s="1"/>
  <c r="JJN53" i="1" s="1"/>
  <c r="JJO53" i="1" s="1"/>
  <c r="JJP53" i="1" s="1"/>
  <c r="JJQ53" i="1" s="1"/>
  <c r="JJR53" i="1" s="1"/>
  <c r="JJS53" i="1" s="1"/>
  <c r="JJT53" i="1" s="1"/>
  <c r="JJU53" i="1" s="1"/>
  <c r="JJV53" i="1" s="1"/>
  <c r="JJW53" i="1" s="1"/>
  <c r="JJX53" i="1" s="1"/>
  <c r="JJY53" i="1" s="1"/>
  <c r="JJZ53" i="1" s="1"/>
  <c r="JKA53" i="1" s="1"/>
  <c r="JKB53" i="1" s="1"/>
  <c r="JKC53" i="1" s="1"/>
  <c r="JKD53" i="1" s="1"/>
  <c r="JKE53" i="1" s="1"/>
  <c r="JKF53" i="1" s="1"/>
  <c r="JKG53" i="1" s="1"/>
  <c r="JKH53" i="1" s="1"/>
  <c r="JKI53" i="1" s="1"/>
  <c r="JKJ53" i="1" s="1"/>
  <c r="JKK53" i="1" s="1"/>
  <c r="JKL53" i="1" s="1"/>
  <c r="JKM53" i="1" s="1"/>
  <c r="JKN53" i="1" s="1"/>
  <c r="JKO53" i="1" s="1"/>
  <c r="JKP53" i="1" s="1"/>
  <c r="JKQ53" i="1" s="1"/>
  <c r="JKR53" i="1" s="1"/>
  <c r="JKS53" i="1" s="1"/>
  <c r="JKT53" i="1" s="1"/>
  <c r="JKU53" i="1" s="1"/>
  <c r="JKV53" i="1" s="1"/>
  <c r="JKW53" i="1" s="1"/>
  <c r="JKX53" i="1" s="1"/>
  <c r="JKY53" i="1" s="1"/>
  <c r="JKZ53" i="1" s="1"/>
  <c r="JLA53" i="1" s="1"/>
  <c r="JLB53" i="1" s="1"/>
  <c r="JLC53" i="1" s="1"/>
  <c r="JLD53" i="1" s="1"/>
  <c r="JLE53" i="1" s="1"/>
  <c r="JLF53" i="1" s="1"/>
  <c r="JLG53" i="1" s="1"/>
  <c r="JLH53" i="1" s="1"/>
  <c r="JLI53" i="1" s="1"/>
  <c r="JLJ53" i="1" s="1"/>
  <c r="JLK53" i="1" s="1"/>
  <c r="JLL53" i="1" s="1"/>
  <c r="JLM53" i="1" s="1"/>
  <c r="JLN53" i="1" s="1"/>
  <c r="JLO53" i="1" s="1"/>
  <c r="JLP53" i="1" s="1"/>
  <c r="JLQ53" i="1" s="1"/>
  <c r="JLR53" i="1" s="1"/>
  <c r="JLS53" i="1" s="1"/>
  <c r="JLT53" i="1" s="1"/>
  <c r="JLU53" i="1" s="1"/>
  <c r="JLV53" i="1" s="1"/>
  <c r="JLW53" i="1" s="1"/>
  <c r="JLX53" i="1" s="1"/>
  <c r="JLY53" i="1" s="1"/>
  <c r="JLZ53" i="1" s="1"/>
  <c r="JMA53" i="1" s="1"/>
  <c r="JMB53" i="1" s="1"/>
  <c r="JMC53" i="1" s="1"/>
  <c r="JMD53" i="1" s="1"/>
  <c r="JME53" i="1" s="1"/>
  <c r="JMF53" i="1" s="1"/>
  <c r="JMG53" i="1" s="1"/>
  <c r="JMH53" i="1" s="1"/>
  <c r="JMI53" i="1" s="1"/>
  <c r="JMJ53" i="1" s="1"/>
  <c r="JMK53" i="1" s="1"/>
  <c r="JML53" i="1" s="1"/>
  <c r="JMM53" i="1" s="1"/>
  <c r="JMN53" i="1" s="1"/>
  <c r="JMO53" i="1" s="1"/>
  <c r="JMP53" i="1" s="1"/>
  <c r="JMQ53" i="1" s="1"/>
  <c r="JMR53" i="1" s="1"/>
  <c r="JMS53" i="1" s="1"/>
  <c r="JMT53" i="1" s="1"/>
  <c r="JMU53" i="1" s="1"/>
  <c r="JMV53" i="1" s="1"/>
  <c r="JMW53" i="1" s="1"/>
  <c r="JMX53" i="1" s="1"/>
  <c r="JMY53" i="1" s="1"/>
  <c r="JMZ53" i="1" s="1"/>
  <c r="JNA53" i="1" s="1"/>
  <c r="JNB53" i="1" s="1"/>
  <c r="JNC53" i="1" s="1"/>
  <c r="JND53" i="1" s="1"/>
  <c r="JNE53" i="1" s="1"/>
  <c r="JNF53" i="1" s="1"/>
  <c r="JNG53" i="1" s="1"/>
  <c r="JNH53" i="1" s="1"/>
  <c r="JNI53" i="1" s="1"/>
  <c r="JNJ53" i="1" s="1"/>
  <c r="JNK53" i="1" s="1"/>
  <c r="JNL53" i="1" s="1"/>
  <c r="JNM53" i="1" s="1"/>
  <c r="JNN53" i="1" s="1"/>
  <c r="JNO53" i="1" s="1"/>
  <c r="JNP53" i="1" s="1"/>
  <c r="JNQ53" i="1" s="1"/>
  <c r="JNR53" i="1" s="1"/>
  <c r="JNS53" i="1" s="1"/>
  <c r="JNT53" i="1" s="1"/>
  <c r="JNU53" i="1" s="1"/>
  <c r="JNV53" i="1" s="1"/>
  <c r="JNW53" i="1" s="1"/>
  <c r="JNX53" i="1" s="1"/>
  <c r="JNY53" i="1" s="1"/>
  <c r="JNZ53" i="1" s="1"/>
  <c r="JOA53" i="1" s="1"/>
  <c r="JOB53" i="1" s="1"/>
  <c r="JOC53" i="1" s="1"/>
  <c r="JOD53" i="1" s="1"/>
  <c r="JOE53" i="1" s="1"/>
  <c r="JOF53" i="1" s="1"/>
  <c r="JOG53" i="1" s="1"/>
  <c r="JOH53" i="1" s="1"/>
  <c r="JOI53" i="1" s="1"/>
  <c r="JOJ53" i="1" s="1"/>
  <c r="JOK53" i="1" s="1"/>
  <c r="JOL53" i="1" s="1"/>
  <c r="JOM53" i="1" s="1"/>
  <c r="JON53" i="1" s="1"/>
  <c r="JOO53" i="1" s="1"/>
  <c r="JOP53" i="1" s="1"/>
  <c r="JOQ53" i="1" s="1"/>
  <c r="JOR53" i="1" s="1"/>
  <c r="JOS53" i="1" s="1"/>
  <c r="JOT53" i="1" s="1"/>
  <c r="JOU53" i="1" s="1"/>
  <c r="JOV53" i="1" s="1"/>
  <c r="JOW53" i="1" s="1"/>
  <c r="JOX53" i="1" s="1"/>
  <c r="JOY53" i="1" s="1"/>
  <c r="JOZ53" i="1" s="1"/>
  <c r="JPA53" i="1" s="1"/>
  <c r="JPB53" i="1" s="1"/>
  <c r="JPC53" i="1" s="1"/>
  <c r="JPD53" i="1" s="1"/>
  <c r="JPE53" i="1" s="1"/>
  <c r="JPF53" i="1" s="1"/>
  <c r="JPG53" i="1" s="1"/>
  <c r="JPH53" i="1" s="1"/>
  <c r="JPI53" i="1" s="1"/>
  <c r="JPJ53" i="1" s="1"/>
  <c r="JPK53" i="1" s="1"/>
  <c r="JPL53" i="1" s="1"/>
  <c r="JPM53" i="1" s="1"/>
  <c r="JPN53" i="1" s="1"/>
  <c r="JPO53" i="1" s="1"/>
  <c r="JPP53" i="1" s="1"/>
  <c r="JPQ53" i="1" s="1"/>
  <c r="JPR53" i="1" s="1"/>
  <c r="JPS53" i="1" s="1"/>
  <c r="JPT53" i="1" s="1"/>
  <c r="JPU53" i="1" s="1"/>
  <c r="JPV53" i="1" s="1"/>
  <c r="JPW53" i="1" s="1"/>
  <c r="JPX53" i="1" s="1"/>
  <c r="JPY53" i="1" s="1"/>
  <c r="JPZ53" i="1" s="1"/>
  <c r="JQA53" i="1" s="1"/>
  <c r="JQB53" i="1" s="1"/>
  <c r="JQC53" i="1" s="1"/>
  <c r="JQD53" i="1" s="1"/>
  <c r="JQE53" i="1" s="1"/>
  <c r="JQF53" i="1" s="1"/>
  <c r="JQG53" i="1" s="1"/>
  <c r="JQH53" i="1" s="1"/>
  <c r="JQI53" i="1" s="1"/>
  <c r="JQJ53" i="1" s="1"/>
  <c r="JQK53" i="1" s="1"/>
  <c r="JQL53" i="1" s="1"/>
  <c r="JQM53" i="1" s="1"/>
  <c r="JQN53" i="1" s="1"/>
  <c r="JQO53" i="1" s="1"/>
  <c r="JQP53" i="1" s="1"/>
  <c r="JQQ53" i="1" s="1"/>
  <c r="JQR53" i="1" s="1"/>
  <c r="JQS53" i="1" s="1"/>
  <c r="JQT53" i="1" s="1"/>
  <c r="JQU53" i="1" s="1"/>
  <c r="JQV53" i="1" s="1"/>
  <c r="JQW53" i="1" s="1"/>
  <c r="JQX53" i="1" s="1"/>
  <c r="JQY53" i="1" s="1"/>
  <c r="JQZ53" i="1" s="1"/>
  <c r="JRA53" i="1" s="1"/>
  <c r="JRB53" i="1" s="1"/>
  <c r="JRC53" i="1" s="1"/>
  <c r="JRD53" i="1" s="1"/>
  <c r="JRE53" i="1" s="1"/>
  <c r="JRF53" i="1" s="1"/>
  <c r="JRG53" i="1" s="1"/>
  <c r="JRH53" i="1" s="1"/>
  <c r="JRI53" i="1" s="1"/>
  <c r="JRJ53" i="1" s="1"/>
  <c r="JRK53" i="1" s="1"/>
  <c r="JRL53" i="1" s="1"/>
  <c r="JRM53" i="1" s="1"/>
  <c r="JRN53" i="1" s="1"/>
  <c r="JRO53" i="1" s="1"/>
  <c r="JRP53" i="1" s="1"/>
  <c r="JRQ53" i="1" s="1"/>
  <c r="JRR53" i="1" s="1"/>
  <c r="JRS53" i="1" s="1"/>
  <c r="JRT53" i="1" s="1"/>
  <c r="JRU53" i="1" s="1"/>
  <c r="JRV53" i="1" s="1"/>
  <c r="JRW53" i="1" s="1"/>
  <c r="JRX53" i="1" s="1"/>
  <c r="JRY53" i="1" s="1"/>
  <c r="JRZ53" i="1" s="1"/>
  <c r="JSA53" i="1" s="1"/>
  <c r="JSB53" i="1" s="1"/>
  <c r="JSC53" i="1" s="1"/>
  <c r="JSD53" i="1" s="1"/>
  <c r="JSE53" i="1" s="1"/>
  <c r="JSF53" i="1" s="1"/>
  <c r="JSG53" i="1" s="1"/>
  <c r="JSH53" i="1" s="1"/>
  <c r="JSI53" i="1" s="1"/>
  <c r="JSJ53" i="1" s="1"/>
  <c r="JSK53" i="1" s="1"/>
  <c r="JSL53" i="1" s="1"/>
  <c r="JSM53" i="1" s="1"/>
  <c r="JSN53" i="1" s="1"/>
  <c r="JSO53" i="1" s="1"/>
  <c r="JSP53" i="1" s="1"/>
  <c r="JSQ53" i="1" s="1"/>
  <c r="JSR53" i="1" s="1"/>
  <c r="JSS53" i="1" s="1"/>
  <c r="JST53" i="1" s="1"/>
  <c r="JSU53" i="1" s="1"/>
  <c r="JSV53" i="1" s="1"/>
  <c r="JSW53" i="1" s="1"/>
  <c r="JSX53" i="1" s="1"/>
  <c r="JSY53" i="1" s="1"/>
  <c r="JSZ53" i="1" s="1"/>
  <c r="JTA53" i="1" s="1"/>
  <c r="JTB53" i="1" s="1"/>
  <c r="JTC53" i="1" s="1"/>
  <c r="JTD53" i="1" s="1"/>
  <c r="JTE53" i="1" s="1"/>
  <c r="JTF53" i="1" s="1"/>
  <c r="JTG53" i="1" s="1"/>
  <c r="JTH53" i="1" s="1"/>
  <c r="JTI53" i="1" s="1"/>
  <c r="JTJ53" i="1" s="1"/>
  <c r="JTK53" i="1" s="1"/>
  <c r="JTL53" i="1" s="1"/>
  <c r="JTM53" i="1" s="1"/>
  <c r="JTN53" i="1" s="1"/>
  <c r="JTO53" i="1" s="1"/>
  <c r="JTP53" i="1" s="1"/>
  <c r="JTQ53" i="1" s="1"/>
  <c r="JTR53" i="1" s="1"/>
  <c r="JTS53" i="1" s="1"/>
  <c r="JTT53" i="1" s="1"/>
  <c r="JTU53" i="1" s="1"/>
  <c r="JTV53" i="1" s="1"/>
  <c r="JTW53" i="1" s="1"/>
  <c r="JTX53" i="1" s="1"/>
  <c r="JTY53" i="1" s="1"/>
  <c r="JTZ53" i="1" s="1"/>
  <c r="JUA53" i="1" s="1"/>
  <c r="JUB53" i="1" s="1"/>
  <c r="JUC53" i="1" s="1"/>
  <c r="JUD53" i="1" s="1"/>
  <c r="JUE53" i="1" s="1"/>
  <c r="JUF53" i="1" s="1"/>
  <c r="JUG53" i="1" s="1"/>
  <c r="JUH53" i="1" s="1"/>
  <c r="JUI53" i="1" s="1"/>
  <c r="JUJ53" i="1" s="1"/>
  <c r="JUK53" i="1" s="1"/>
  <c r="JUL53" i="1" s="1"/>
  <c r="JUM53" i="1" s="1"/>
  <c r="JUN53" i="1" s="1"/>
  <c r="JUO53" i="1" s="1"/>
  <c r="JUP53" i="1" s="1"/>
  <c r="JUQ53" i="1" s="1"/>
  <c r="JUR53" i="1" s="1"/>
  <c r="JUS53" i="1" s="1"/>
  <c r="JUT53" i="1" s="1"/>
  <c r="JUU53" i="1" s="1"/>
  <c r="JUV53" i="1" s="1"/>
  <c r="JUW53" i="1" s="1"/>
  <c r="JUX53" i="1" s="1"/>
  <c r="JUY53" i="1" s="1"/>
  <c r="JUZ53" i="1" s="1"/>
  <c r="JVA53" i="1" s="1"/>
  <c r="JVB53" i="1" s="1"/>
  <c r="JVC53" i="1" s="1"/>
  <c r="JVD53" i="1" s="1"/>
  <c r="JVE53" i="1" s="1"/>
  <c r="JVF53" i="1" s="1"/>
  <c r="JVG53" i="1" s="1"/>
  <c r="JVH53" i="1" s="1"/>
  <c r="JVI53" i="1" s="1"/>
  <c r="JVJ53" i="1" s="1"/>
  <c r="JVK53" i="1" s="1"/>
  <c r="JVL53" i="1" s="1"/>
  <c r="JVM53" i="1" s="1"/>
  <c r="JVN53" i="1" s="1"/>
  <c r="JVO53" i="1" s="1"/>
  <c r="JVP53" i="1" s="1"/>
  <c r="JVQ53" i="1" s="1"/>
  <c r="JVR53" i="1" s="1"/>
  <c r="JVS53" i="1" s="1"/>
  <c r="JVT53" i="1" s="1"/>
  <c r="JVU53" i="1" s="1"/>
  <c r="JVV53" i="1" s="1"/>
  <c r="JVW53" i="1" s="1"/>
  <c r="JVX53" i="1" s="1"/>
  <c r="JVY53" i="1" s="1"/>
  <c r="JVZ53" i="1" s="1"/>
  <c r="JWA53" i="1" s="1"/>
  <c r="JWB53" i="1" s="1"/>
  <c r="JWC53" i="1" s="1"/>
  <c r="JWD53" i="1" s="1"/>
  <c r="JWE53" i="1" s="1"/>
  <c r="JWF53" i="1" s="1"/>
  <c r="JWG53" i="1" s="1"/>
  <c r="JWH53" i="1" s="1"/>
  <c r="JWI53" i="1" s="1"/>
  <c r="JWJ53" i="1" s="1"/>
  <c r="JWK53" i="1" s="1"/>
  <c r="JWL53" i="1" s="1"/>
  <c r="JWM53" i="1" s="1"/>
  <c r="JWN53" i="1" s="1"/>
  <c r="JWO53" i="1" s="1"/>
  <c r="JWP53" i="1" s="1"/>
  <c r="JWQ53" i="1" s="1"/>
  <c r="JWR53" i="1" s="1"/>
  <c r="JWS53" i="1" s="1"/>
  <c r="JWT53" i="1" s="1"/>
  <c r="JWU53" i="1" s="1"/>
  <c r="JWV53" i="1" s="1"/>
  <c r="JWW53" i="1" s="1"/>
  <c r="JWX53" i="1" s="1"/>
  <c r="JWY53" i="1" s="1"/>
  <c r="JWZ53" i="1" s="1"/>
  <c r="JXA53" i="1" s="1"/>
  <c r="JXB53" i="1" s="1"/>
  <c r="JXC53" i="1" s="1"/>
  <c r="JXD53" i="1" s="1"/>
  <c r="JXE53" i="1" s="1"/>
  <c r="JXF53" i="1" s="1"/>
  <c r="JXG53" i="1" s="1"/>
  <c r="JXH53" i="1" s="1"/>
  <c r="JXI53" i="1" s="1"/>
  <c r="JXJ53" i="1" s="1"/>
  <c r="JXK53" i="1" s="1"/>
  <c r="JXL53" i="1" s="1"/>
  <c r="JXM53" i="1" s="1"/>
  <c r="JXN53" i="1" s="1"/>
  <c r="JXO53" i="1" s="1"/>
  <c r="JXP53" i="1" s="1"/>
  <c r="JXQ53" i="1" s="1"/>
  <c r="JXR53" i="1" s="1"/>
  <c r="JXS53" i="1" s="1"/>
  <c r="JXT53" i="1" s="1"/>
  <c r="JXU53" i="1" s="1"/>
  <c r="JXV53" i="1" s="1"/>
  <c r="JXW53" i="1" s="1"/>
  <c r="JXX53" i="1" s="1"/>
  <c r="JXY53" i="1" s="1"/>
  <c r="JXZ53" i="1" s="1"/>
  <c r="JYA53" i="1" s="1"/>
  <c r="JYB53" i="1" s="1"/>
  <c r="JYC53" i="1" s="1"/>
  <c r="JYD53" i="1" s="1"/>
  <c r="JYE53" i="1" s="1"/>
  <c r="JYF53" i="1" s="1"/>
  <c r="JYG53" i="1" s="1"/>
  <c r="JYH53" i="1" s="1"/>
  <c r="JYI53" i="1" s="1"/>
  <c r="JYJ53" i="1" s="1"/>
  <c r="JYK53" i="1" s="1"/>
  <c r="JYL53" i="1" s="1"/>
  <c r="JYM53" i="1" s="1"/>
  <c r="JYN53" i="1" s="1"/>
  <c r="JYO53" i="1" s="1"/>
  <c r="JYP53" i="1" s="1"/>
  <c r="JYQ53" i="1" s="1"/>
  <c r="JYR53" i="1" s="1"/>
  <c r="JYS53" i="1" s="1"/>
  <c r="JYT53" i="1" s="1"/>
  <c r="JYU53" i="1" s="1"/>
  <c r="JYV53" i="1" s="1"/>
  <c r="JYW53" i="1" s="1"/>
  <c r="JYX53" i="1" s="1"/>
  <c r="JYY53" i="1" s="1"/>
  <c r="JYZ53" i="1" s="1"/>
  <c r="JZA53" i="1" s="1"/>
  <c r="JZB53" i="1" s="1"/>
  <c r="JZC53" i="1" s="1"/>
  <c r="JZD53" i="1" s="1"/>
  <c r="JZE53" i="1" s="1"/>
  <c r="JZF53" i="1" s="1"/>
  <c r="JZG53" i="1" s="1"/>
  <c r="JZH53" i="1" s="1"/>
  <c r="JZI53" i="1" s="1"/>
  <c r="JZJ53" i="1" s="1"/>
  <c r="JZK53" i="1" s="1"/>
  <c r="JZL53" i="1" s="1"/>
  <c r="JZM53" i="1" s="1"/>
  <c r="JZN53" i="1" s="1"/>
  <c r="JZO53" i="1" s="1"/>
  <c r="JZP53" i="1" s="1"/>
  <c r="JZQ53" i="1" s="1"/>
  <c r="JZR53" i="1" s="1"/>
  <c r="JZS53" i="1" s="1"/>
  <c r="JZT53" i="1" s="1"/>
  <c r="JZU53" i="1" s="1"/>
  <c r="JZV53" i="1" s="1"/>
  <c r="JZW53" i="1" s="1"/>
  <c r="JZX53" i="1" s="1"/>
  <c r="JZY53" i="1" s="1"/>
  <c r="JZZ53" i="1" s="1"/>
  <c r="KAA53" i="1" s="1"/>
  <c r="KAB53" i="1" s="1"/>
  <c r="KAC53" i="1" s="1"/>
  <c r="KAD53" i="1" s="1"/>
  <c r="KAE53" i="1" s="1"/>
  <c r="KAF53" i="1" s="1"/>
  <c r="KAG53" i="1" s="1"/>
  <c r="KAH53" i="1" s="1"/>
  <c r="KAI53" i="1" s="1"/>
  <c r="KAJ53" i="1" s="1"/>
  <c r="KAK53" i="1" s="1"/>
  <c r="KAL53" i="1" s="1"/>
  <c r="KAM53" i="1" s="1"/>
  <c r="KAN53" i="1" s="1"/>
  <c r="KAO53" i="1" s="1"/>
  <c r="KAP53" i="1" s="1"/>
  <c r="KAQ53" i="1" s="1"/>
  <c r="KAR53" i="1" s="1"/>
  <c r="KAS53" i="1" s="1"/>
  <c r="KAT53" i="1" s="1"/>
  <c r="KAU53" i="1" s="1"/>
  <c r="KAV53" i="1" s="1"/>
  <c r="KAW53" i="1" s="1"/>
  <c r="KAX53" i="1" s="1"/>
  <c r="KAY53" i="1" s="1"/>
  <c r="KAZ53" i="1" s="1"/>
  <c r="KBA53" i="1" s="1"/>
  <c r="KBB53" i="1" s="1"/>
  <c r="KBC53" i="1" s="1"/>
  <c r="KBD53" i="1" s="1"/>
  <c r="KBE53" i="1" s="1"/>
  <c r="KBF53" i="1" s="1"/>
  <c r="KBG53" i="1" s="1"/>
  <c r="KBH53" i="1" s="1"/>
  <c r="KBI53" i="1" s="1"/>
  <c r="KBJ53" i="1" s="1"/>
  <c r="KBK53" i="1" s="1"/>
  <c r="KBL53" i="1" s="1"/>
  <c r="KBM53" i="1" s="1"/>
  <c r="KBN53" i="1" s="1"/>
  <c r="KBO53" i="1" s="1"/>
  <c r="KBP53" i="1" s="1"/>
  <c r="KBQ53" i="1" s="1"/>
  <c r="KBR53" i="1" s="1"/>
  <c r="KBS53" i="1" s="1"/>
  <c r="KBT53" i="1" s="1"/>
  <c r="KBU53" i="1" s="1"/>
  <c r="KBV53" i="1" s="1"/>
  <c r="KBW53" i="1" s="1"/>
  <c r="KBX53" i="1" s="1"/>
  <c r="KBY53" i="1" s="1"/>
  <c r="KBZ53" i="1" s="1"/>
  <c r="KCA53" i="1" s="1"/>
  <c r="KCB53" i="1" s="1"/>
  <c r="KCC53" i="1" s="1"/>
  <c r="KCD53" i="1" s="1"/>
  <c r="KCE53" i="1" s="1"/>
  <c r="KCF53" i="1" s="1"/>
  <c r="KCG53" i="1" s="1"/>
  <c r="KCH53" i="1" s="1"/>
  <c r="KCI53" i="1" s="1"/>
  <c r="KCJ53" i="1" s="1"/>
  <c r="KCK53" i="1" s="1"/>
  <c r="KCL53" i="1" s="1"/>
  <c r="KCM53" i="1" s="1"/>
  <c r="KCN53" i="1" s="1"/>
  <c r="KCO53" i="1" s="1"/>
  <c r="KCP53" i="1" s="1"/>
  <c r="KCQ53" i="1" s="1"/>
  <c r="KCR53" i="1" s="1"/>
  <c r="KCS53" i="1" s="1"/>
  <c r="KCT53" i="1" s="1"/>
  <c r="KCU53" i="1" s="1"/>
  <c r="KCV53" i="1" s="1"/>
  <c r="KCW53" i="1" s="1"/>
  <c r="KCX53" i="1" s="1"/>
  <c r="KCY53" i="1" s="1"/>
  <c r="KCZ53" i="1" s="1"/>
  <c r="KDA53" i="1" s="1"/>
  <c r="KDB53" i="1" s="1"/>
  <c r="KDC53" i="1" s="1"/>
  <c r="KDD53" i="1" s="1"/>
  <c r="KDE53" i="1" s="1"/>
  <c r="KDF53" i="1" s="1"/>
  <c r="KDG53" i="1" s="1"/>
  <c r="KDH53" i="1" s="1"/>
  <c r="KDI53" i="1" s="1"/>
  <c r="KDJ53" i="1" s="1"/>
  <c r="KDK53" i="1" s="1"/>
  <c r="KDL53" i="1" s="1"/>
  <c r="KDM53" i="1" s="1"/>
  <c r="KDN53" i="1" s="1"/>
  <c r="KDO53" i="1" s="1"/>
  <c r="KDP53" i="1" s="1"/>
  <c r="KDQ53" i="1" s="1"/>
  <c r="KDR53" i="1" s="1"/>
  <c r="KDS53" i="1" s="1"/>
  <c r="KDT53" i="1" s="1"/>
  <c r="KDU53" i="1" s="1"/>
  <c r="KDV53" i="1" s="1"/>
  <c r="KDW53" i="1" s="1"/>
  <c r="KDX53" i="1" s="1"/>
  <c r="KDY53" i="1" s="1"/>
  <c r="KDZ53" i="1" s="1"/>
  <c r="KEA53" i="1" s="1"/>
  <c r="KEB53" i="1" s="1"/>
  <c r="KEC53" i="1" s="1"/>
  <c r="KED53" i="1" s="1"/>
  <c r="KEE53" i="1" s="1"/>
  <c r="KEF53" i="1" s="1"/>
  <c r="KEG53" i="1" s="1"/>
  <c r="KEH53" i="1" s="1"/>
  <c r="KEI53" i="1" s="1"/>
  <c r="KEJ53" i="1" s="1"/>
  <c r="KEK53" i="1" s="1"/>
  <c r="KEL53" i="1" s="1"/>
  <c r="KEM53" i="1" s="1"/>
  <c r="KEN53" i="1" s="1"/>
  <c r="KEO53" i="1" s="1"/>
  <c r="KEP53" i="1" s="1"/>
  <c r="KEQ53" i="1" s="1"/>
  <c r="KER53" i="1" s="1"/>
  <c r="KES53" i="1" s="1"/>
  <c r="KET53" i="1" s="1"/>
  <c r="KEU53" i="1" s="1"/>
  <c r="KEV53" i="1" s="1"/>
  <c r="KEW53" i="1" s="1"/>
  <c r="KEX53" i="1" s="1"/>
  <c r="KEY53" i="1" s="1"/>
  <c r="KEZ53" i="1" s="1"/>
  <c r="KFA53" i="1" s="1"/>
  <c r="KFB53" i="1" s="1"/>
  <c r="KFC53" i="1" s="1"/>
  <c r="KFD53" i="1" s="1"/>
  <c r="KFE53" i="1" s="1"/>
  <c r="KFF53" i="1" s="1"/>
  <c r="KFG53" i="1" s="1"/>
  <c r="KFH53" i="1" s="1"/>
  <c r="KFI53" i="1" s="1"/>
  <c r="KFJ53" i="1" s="1"/>
  <c r="KFK53" i="1" s="1"/>
  <c r="KFL53" i="1" s="1"/>
  <c r="KFM53" i="1" s="1"/>
  <c r="KFN53" i="1" s="1"/>
  <c r="KFO53" i="1" s="1"/>
  <c r="KFP53" i="1" s="1"/>
  <c r="KFQ53" i="1" s="1"/>
  <c r="KFR53" i="1" s="1"/>
  <c r="KFS53" i="1" s="1"/>
  <c r="KFT53" i="1" s="1"/>
  <c r="KFU53" i="1" s="1"/>
  <c r="KFV53" i="1" s="1"/>
  <c r="KFW53" i="1" s="1"/>
  <c r="KFX53" i="1" s="1"/>
  <c r="KFY53" i="1" s="1"/>
  <c r="KFZ53" i="1" s="1"/>
  <c r="KGA53" i="1" s="1"/>
  <c r="KGB53" i="1" s="1"/>
  <c r="KGC53" i="1" s="1"/>
  <c r="KGD53" i="1" s="1"/>
  <c r="KGE53" i="1" s="1"/>
  <c r="KGF53" i="1" s="1"/>
  <c r="KGG53" i="1" s="1"/>
  <c r="KGH53" i="1" s="1"/>
  <c r="KGI53" i="1" s="1"/>
  <c r="KGJ53" i="1" s="1"/>
  <c r="KGK53" i="1" s="1"/>
  <c r="KGL53" i="1" s="1"/>
  <c r="KGM53" i="1" s="1"/>
  <c r="KGN53" i="1" s="1"/>
  <c r="KGO53" i="1" s="1"/>
  <c r="KGP53" i="1" s="1"/>
  <c r="KGQ53" i="1" s="1"/>
  <c r="KGR53" i="1" s="1"/>
  <c r="KGS53" i="1" s="1"/>
  <c r="KGT53" i="1" s="1"/>
  <c r="KGU53" i="1" s="1"/>
  <c r="KGV53" i="1" s="1"/>
  <c r="KGW53" i="1" s="1"/>
  <c r="KGX53" i="1" s="1"/>
  <c r="KGY53" i="1" s="1"/>
  <c r="KGZ53" i="1" s="1"/>
  <c r="KHA53" i="1" s="1"/>
  <c r="KHB53" i="1" s="1"/>
  <c r="KHC53" i="1" s="1"/>
  <c r="KHD53" i="1" s="1"/>
  <c r="KHE53" i="1" s="1"/>
  <c r="KHF53" i="1" s="1"/>
  <c r="KHG53" i="1" s="1"/>
  <c r="KHH53" i="1" s="1"/>
  <c r="KHI53" i="1" s="1"/>
  <c r="KHJ53" i="1" s="1"/>
  <c r="KHK53" i="1" s="1"/>
  <c r="KHL53" i="1" s="1"/>
  <c r="KHM53" i="1" s="1"/>
  <c r="KHN53" i="1" s="1"/>
  <c r="KHO53" i="1" s="1"/>
  <c r="KHP53" i="1" s="1"/>
  <c r="KHQ53" i="1" s="1"/>
  <c r="KHR53" i="1" s="1"/>
  <c r="KHS53" i="1" s="1"/>
  <c r="KHT53" i="1" s="1"/>
  <c r="KHU53" i="1" s="1"/>
  <c r="KHV53" i="1" s="1"/>
  <c r="KHW53" i="1" s="1"/>
  <c r="KHX53" i="1" s="1"/>
  <c r="KHY53" i="1" s="1"/>
  <c r="KHZ53" i="1" s="1"/>
  <c r="KIA53" i="1" s="1"/>
  <c r="KIB53" i="1" s="1"/>
  <c r="KIC53" i="1" s="1"/>
  <c r="KID53" i="1" s="1"/>
  <c r="KIE53" i="1" s="1"/>
  <c r="KIF53" i="1" s="1"/>
  <c r="KIG53" i="1" s="1"/>
  <c r="KIH53" i="1" s="1"/>
  <c r="KII53" i="1" s="1"/>
  <c r="KIJ53" i="1" s="1"/>
  <c r="KIK53" i="1" s="1"/>
  <c r="KIL53" i="1" s="1"/>
  <c r="KIM53" i="1" s="1"/>
  <c r="KIN53" i="1" s="1"/>
  <c r="KIO53" i="1" s="1"/>
  <c r="KIP53" i="1" s="1"/>
  <c r="KIQ53" i="1" s="1"/>
  <c r="KIR53" i="1" s="1"/>
  <c r="KIS53" i="1" s="1"/>
  <c r="KIT53" i="1" s="1"/>
  <c r="KIU53" i="1" s="1"/>
  <c r="KIV53" i="1" s="1"/>
  <c r="KIW53" i="1" s="1"/>
  <c r="KIX53" i="1" s="1"/>
  <c r="KIY53" i="1" s="1"/>
  <c r="KIZ53" i="1" s="1"/>
  <c r="KJA53" i="1" s="1"/>
  <c r="KJB53" i="1" s="1"/>
  <c r="KJC53" i="1" s="1"/>
  <c r="KJD53" i="1" s="1"/>
  <c r="KJE53" i="1" s="1"/>
  <c r="KJF53" i="1" s="1"/>
  <c r="KJG53" i="1" s="1"/>
  <c r="KJH53" i="1" s="1"/>
  <c r="KJI53" i="1" s="1"/>
  <c r="KJJ53" i="1" s="1"/>
  <c r="KJK53" i="1" s="1"/>
  <c r="KJL53" i="1" s="1"/>
  <c r="KJM53" i="1" s="1"/>
  <c r="KJN53" i="1" s="1"/>
  <c r="KJO53" i="1" s="1"/>
  <c r="KJP53" i="1" s="1"/>
  <c r="KJQ53" i="1" s="1"/>
  <c r="KJR53" i="1" s="1"/>
  <c r="KJS53" i="1" s="1"/>
  <c r="KJT53" i="1" s="1"/>
  <c r="KJU53" i="1" s="1"/>
  <c r="KJV53" i="1" s="1"/>
  <c r="KJW53" i="1" s="1"/>
  <c r="KJX53" i="1" s="1"/>
  <c r="KJY53" i="1" s="1"/>
  <c r="KJZ53" i="1" s="1"/>
  <c r="KKA53" i="1" s="1"/>
  <c r="KKB53" i="1" s="1"/>
  <c r="KKC53" i="1" s="1"/>
  <c r="KKD53" i="1" s="1"/>
  <c r="KKE53" i="1" s="1"/>
  <c r="KKF53" i="1" s="1"/>
  <c r="KKG53" i="1" s="1"/>
  <c r="KKH53" i="1" s="1"/>
  <c r="KKI53" i="1" s="1"/>
  <c r="KKJ53" i="1" s="1"/>
  <c r="KKK53" i="1" s="1"/>
  <c r="KKL53" i="1" s="1"/>
  <c r="KKM53" i="1" s="1"/>
  <c r="KKN53" i="1" s="1"/>
  <c r="KKO53" i="1" s="1"/>
  <c r="KKP53" i="1" s="1"/>
  <c r="KKQ53" i="1" s="1"/>
  <c r="KKR53" i="1" s="1"/>
  <c r="KKS53" i="1" s="1"/>
  <c r="KKT53" i="1" s="1"/>
  <c r="KKU53" i="1" s="1"/>
  <c r="KKV53" i="1" s="1"/>
  <c r="KKW53" i="1" s="1"/>
  <c r="KKX53" i="1" s="1"/>
  <c r="KKY53" i="1" s="1"/>
  <c r="KKZ53" i="1" s="1"/>
  <c r="KLA53" i="1" s="1"/>
  <c r="KLB53" i="1" s="1"/>
  <c r="KLC53" i="1" s="1"/>
  <c r="KLD53" i="1" s="1"/>
  <c r="KLE53" i="1" s="1"/>
  <c r="KLF53" i="1" s="1"/>
  <c r="KLG53" i="1" s="1"/>
  <c r="KLH53" i="1" s="1"/>
  <c r="KLI53" i="1" s="1"/>
  <c r="KLJ53" i="1" s="1"/>
  <c r="KLK53" i="1" s="1"/>
  <c r="KLL53" i="1" s="1"/>
  <c r="KLM53" i="1" s="1"/>
  <c r="KLN53" i="1" s="1"/>
  <c r="KLO53" i="1" s="1"/>
  <c r="KLP53" i="1" s="1"/>
  <c r="KLQ53" i="1" s="1"/>
  <c r="KLR53" i="1" s="1"/>
  <c r="KLS53" i="1" s="1"/>
  <c r="KLT53" i="1" s="1"/>
  <c r="KLU53" i="1" s="1"/>
  <c r="KLV53" i="1" s="1"/>
  <c r="KLW53" i="1" s="1"/>
  <c r="KLX53" i="1" s="1"/>
  <c r="KLY53" i="1" s="1"/>
  <c r="KLZ53" i="1" s="1"/>
  <c r="KMA53" i="1" s="1"/>
  <c r="KMB53" i="1" s="1"/>
  <c r="KMC53" i="1" s="1"/>
  <c r="KMD53" i="1" s="1"/>
  <c r="KME53" i="1" s="1"/>
  <c r="KMF53" i="1" s="1"/>
  <c r="KMG53" i="1" s="1"/>
  <c r="KMH53" i="1" s="1"/>
  <c r="KMI53" i="1" s="1"/>
  <c r="KMJ53" i="1" s="1"/>
  <c r="KMK53" i="1" s="1"/>
  <c r="KML53" i="1" s="1"/>
  <c r="KMM53" i="1" s="1"/>
  <c r="KMN53" i="1" s="1"/>
  <c r="KMO53" i="1" s="1"/>
  <c r="KMP53" i="1" s="1"/>
  <c r="KMQ53" i="1" s="1"/>
  <c r="KMR53" i="1" s="1"/>
  <c r="KMS53" i="1" s="1"/>
  <c r="KMT53" i="1" s="1"/>
  <c r="KMU53" i="1" s="1"/>
  <c r="KMV53" i="1" s="1"/>
  <c r="KMW53" i="1" s="1"/>
  <c r="KMX53" i="1" s="1"/>
  <c r="KMY53" i="1" s="1"/>
  <c r="KMZ53" i="1" s="1"/>
  <c r="KNA53" i="1" s="1"/>
  <c r="KNB53" i="1" s="1"/>
  <c r="KNC53" i="1" s="1"/>
  <c r="KND53" i="1" s="1"/>
  <c r="KNE53" i="1" s="1"/>
  <c r="KNF53" i="1" s="1"/>
  <c r="KNG53" i="1" s="1"/>
  <c r="KNH53" i="1" s="1"/>
  <c r="KNI53" i="1" s="1"/>
  <c r="KNJ53" i="1" s="1"/>
  <c r="KNK53" i="1" s="1"/>
  <c r="KNL53" i="1" s="1"/>
  <c r="KNM53" i="1" s="1"/>
  <c r="KNN53" i="1" s="1"/>
  <c r="KNO53" i="1" s="1"/>
  <c r="KNP53" i="1" s="1"/>
  <c r="KNQ53" i="1" s="1"/>
  <c r="KNR53" i="1" s="1"/>
  <c r="KNS53" i="1" s="1"/>
  <c r="KNT53" i="1" s="1"/>
  <c r="KNU53" i="1" s="1"/>
  <c r="KNV53" i="1" s="1"/>
  <c r="KNW53" i="1" s="1"/>
  <c r="KNX53" i="1" s="1"/>
  <c r="KNY53" i="1" s="1"/>
  <c r="KNZ53" i="1" s="1"/>
  <c r="KOA53" i="1" s="1"/>
  <c r="KOB53" i="1" s="1"/>
  <c r="KOC53" i="1" s="1"/>
  <c r="KOD53" i="1" s="1"/>
  <c r="KOE53" i="1" s="1"/>
  <c r="KOF53" i="1" s="1"/>
  <c r="KOG53" i="1" s="1"/>
  <c r="KOH53" i="1" s="1"/>
  <c r="KOI53" i="1" s="1"/>
  <c r="KOJ53" i="1" s="1"/>
  <c r="KOK53" i="1" s="1"/>
  <c r="KOL53" i="1" s="1"/>
  <c r="KOM53" i="1" s="1"/>
  <c r="KON53" i="1" s="1"/>
  <c r="KOO53" i="1" s="1"/>
  <c r="KOP53" i="1" s="1"/>
  <c r="KOQ53" i="1" s="1"/>
  <c r="KOR53" i="1" s="1"/>
  <c r="KOS53" i="1" s="1"/>
  <c r="KOT53" i="1" s="1"/>
  <c r="KOU53" i="1" s="1"/>
  <c r="KOV53" i="1" s="1"/>
  <c r="KOW53" i="1" s="1"/>
  <c r="KOX53" i="1" s="1"/>
  <c r="KOY53" i="1" s="1"/>
  <c r="KOZ53" i="1" s="1"/>
  <c r="KPA53" i="1" s="1"/>
  <c r="KPB53" i="1" s="1"/>
  <c r="KPC53" i="1" s="1"/>
  <c r="KPD53" i="1" s="1"/>
  <c r="KPE53" i="1" s="1"/>
  <c r="KPF53" i="1" s="1"/>
  <c r="KPG53" i="1" s="1"/>
  <c r="KPH53" i="1" s="1"/>
  <c r="KPI53" i="1" s="1"/>
  <c r="KPJ53" i="1" s="1"/>
  <c r="KPK53" i="1" s="1"/>
  <c r="KPL53" i="1" s="1"/>
  <c r="KPM53" i="1" s="1"/>
  <c r="KPN53" i="1" s="1"/>
  <c r="KPO53" i="1" s="1"/>
  <c r="KPP53" i="1" s="1"/>
  <c r="KPQ53" i="1" s="1"/>
  <c r="KPR53" i="1" s="1"/>
  <c r="KPS53" i="1" s="1"/>
  <c r="KPT53" i="1" s="1"/>
  <c r="KPU53" i="1" s="1"/>
  <c r="KPV53" i="1" s="1"/>
  <c r="KPW53" i="1" s="1"/>
  <c r="KPX53" i="1" s="1"/>
  <c r="KPY53" i="1" s="1"/>
  <c r="KPZ53" i="1" s="1"/>
  <c r="KQA53" i="1" s="1"/>
  <c r="KQB53" i="1" s="1"/>
  <c r="KQC53" i="1" s="1"/>
  <c r="KQD53" i="1" s="1"/>
  <c r="KQE53" i="1" s="1"/>
  <c r="KQF53" i="1" s="1"/>
  <c r="KQG53" i="1" s="1"/>
  <c r="KQH53" i="1" s="1"/>
  <c r="KQI53" i="1" s="1"/>
  <c r="KQJ53" i="1" s="1"/>
  <c r="KQK53" i="1" s="1"/>
  <c r="KQL53" i="1" s="1"/>
  <c r="KQM53" i="1" s="1"/>
  <c r="KQN53" i="1" s="1"/>
  <c r="KQO53" i="1" s="1"/>
  <c r="KQP53" i="1" s="1"/>
  <c r="KQQ53" i="1" s="1"/>
  <c r="KQR53" i="1" s="1"/>
  <c r="KQS53" i="1" s="1"/>
  <c r="KQT53" i="1" s="1"/>
  <c r="KQU53" i="1" s="1"/>
  <c r="KQV53" i="1" s="1"/>
  <c r="KQW53" i="1" s="1"/>
  <c r="KQX53" i="1" s="1"/>
  <c r="KQY53" i="1" s="1"/>
  <c r="KQZ53" i="1" s="1"/>
  <c r="KRA53" i="1" s="1"/>
  <c r="KRB53" i="1" s="1"/>
  <c r="KRC53" i="1" s="1"/>
  <c r="KRD53" i="1" s="1"/>
  <c r="KRE53" i="1" s="1"/>
  <c r="KRF53" i="1" s="1"/>
  <c r="KRG53" i="1" s="1"/>
  <c r="KRH53" i="1" s="1"/>
  <c r="KRI53" i="1" s="1"/>
  <c r="KRJ53" i="1" s="1"/>
  <c r="KRK53" i="1" s="1"/>
  <c r="KRL53" i="1" s="1"/>
  <c r="KRM53" i="1" s="1"/>
  <c r="KRN53" i="1" s="1"/>
  <c r="KRO53" i="1" s="1"/>
  <c r="KRP53" i="1" s="1"/>
  <c r="KRQ53" i="1" s="1"/>
  <c r="KRR53" i="1" s="1"/>
  <c r="KRS53" i="1" s="1"/>
  <c r="KRT53" i="1" s="1"/>
  <c r="KRU53" i="1" s="1"/>
  <c r="KRV53" i="1" s="1"/>
  <c r="KRW53" i="1" s="1"/>
  <c r="KRX53" i="1" s="1"/>
  <c r="KRY53" i="1" s="1"/>
  <c r="KRZ53" i="1" s="1"/>
  <c r="KSA53" i="1" s="1"/>
  <c r="KSB53" i="1" s="1"/>
  <c r="KSC53" i="1" s="1"/>
  <c r="KSD53" i="1" s="1"/>
  <c r="KSE53" i="1" s="1"/>
  <c r="KSF53" i="1" s="1"/>
  <c r="KSG53" i="1" s="1"/>
  <c r="KSH53" i="1" s="1"/>
  <c r="KSI53" i="1" s="1"/>
  <c r="KSJ53" i="1" s="1"/>
  <c r="KSK53" i="1" s="1"/>
  <c r="KSL53" i="1" s="1"/>
  <c r="KSM53" i="1" s="1"/>
  <c r="KSN53" i="1" s="1"/>
  <c r="KSO53" i="1" s="1"/>
  <c r="KSP53" i="1" s="1"/>
  <c r="KSQ53" i="1" s="1"/>
  <c r="KSR53" i="1" s="1"/>
  <c r="KSS53" i="1" s="1"/>
  <c r="KST53" i="1" s="1"/>
  <c r="KSU53" i="1" s="1"/>
  <c r="KSV53" i="1" s="1"/>
  <c r="KSW53" i="1" s="1"/>
  <c r="KSX53" i="1" s="1"/>
  <c r="KSY53" i="1" s="1"/>
  <c r="KSZ53" i="1" s="1"/>
  <c r="KTA53" i="1" s="1"/>
  <c r="KTB53" i="1" s="1"/>
  <c r="KTC53" i="1" s="1"/>
  <c r="KTD53" i="1" s="1"/>
  <c r="KTE53" i="1" s="1"/>
  <c r="KTF53" i="1" s="1"/>
  <c r="KTG53" i="1" s="1"/>
  <c r="KTH53" i="1" s="1"/>
  <c r="KTI53" i="1" s="1"/>
  <c r="KTJ53" i="1" s="1"/>
  <c r="KTK53" i="1" s="1"/>
  <c r="KTL53" i="1" s="1"/>
  <c r="KTM53" i="1" s="1"/>
  <c r="KTN53" i="1" s="1"/>
  <c r="KTO53" i="1" s="1"/>
  <c r="KTP53" i="1" s="1"/>
  <c r="KTQ53" i="1" s="1"/>
  <c r="KTR53" i="1" s="1"/>
  <c r="KTS53" i="1" s="1"/>
  <c r="KTT53" i="1" s="1"/>
  <c r="KTU53" i="1" s="1"/>
  <c r="KTV53" i="1" s="1"/>
  <c r="KTW53" i="1" s="1"/>
  <c r="KTX53" i="1" s="1"/>
  <c r="KTY53" i="1" s="1"/>
  <c r="KTZ53" i="1" s="1"/>
  <c r="KUA53" i="1" s="1"/>
  <c r="KUB53" i="1" s="1"/>
  <c r="KUC53" i="1" s="1"/>
  <c r="KUD53" i="1" s="1"/>
  <c r="KUE53" i="1" s="1"/>
  <c r="KUF53" i="1" s="1"/>
  <c r="KUG53" i="1" s="1"/>
  <c r="KUH53" i="1" s="1"/>
  <c r="KUI53" i="1" s="1"/>
  <c r="KUJ53" i="1" s="1"/>
  <c r="KUK53" i="1" s="1"/>
  <c r="KUL53" i="1" s="1"/>
  <c r="KUM53" i="1" s="1"/>
  <c r="KUN53" i="1" s="1"/>
  <c r="KUO53" i="1" s="1"/>
  <c r="KUP53" i="1" s="1"/>
  <c r="KUQ53" i="1" s="1"/>
  <c r="KUR53" i="1" s="1"/>
  <c r="KUS53" i="1" s="1"/>
  <c r="KUT53" i="1" s="1"/>
  <c r="KUU53" i="1" s="1"/>
  <c r="KUV53" i="1" s="1"/>
  <c r="KUW53" i="1" s="1"/>
  <c r="KUX53" i="1" s="1"/>
  <c r="KUY53" i="1" s="1"/>
  <c r="KUZ53" i="1" s="1"/>
  <c r="KVA53" i="1" s="1"/>
  <c r="KVB53" i="1" s="1"/>
  <c r="KVC53" i="1" s="1"/>
  <c r="KVD53" i="1" s="1"/>
  <c r="KVE53" i="1" s="1"/>
  <c r="KVF53" i="1" s="1"/>
  <c r="KVG53" i="1" s="1"/>
  <c r="KVH53" i="1" s="1"/>
  <c r="KVI53" i="1" s="1"/>
  <c r="KVJ53" i="1" s="1"/>
  <c r="KVK53" i="1" s="1"/>
  <c r="KVL53" i="1" s="1"/>
  <c r="KVM53" i="1" s="1"/>
  <c r="KVN53" i="1" s="1"/>
  <c r="KVO53" i="1" s="1"/>
  <c r="KVP53" i="1" s="1"/>
  <c r="KVQ53" i="1" s="1"/>
  <c r="KVR53" i="1" s="1"/>
  <c r="KVS53" i="1" s="1"/>
  <c r="KVT53" i="1" s="1"/>
  <c r="KVU53" i="1" s="1"/>
  <c r="KVV53" i="1" s="1"/>
  <c r="KVW53" i="1" s="1"/>
  <c r="KVX53" i="1" s="1"/>
  <c r="KVY53" i="1" s="1"/>
  <c r="KVZ53" i="1" s="1"/>
  <c r="KWA53" i="1" s="1"/>
  <c r="KWB53" i="1" s="1"/>
  <c r="KWC53" i="1" s="1"/>
  <c r="KWD53" i="1" s="1"/>
  <c r="KWE53" i="1" s="1"/>
  <c r="KWF53" i="1" s="1"/>
  <c r="KWG53" i="1" s="1"/>
  <c r="KWH53" i="1" s="1"/>
  <c r="KWI53" i="1" s="1"/>
  <c r="KWJ53" i="1" s="1"/>
  <c r="KWK53" i="1" s="1"/>
  <c r="KWL53" i="1" s="1"/>
  <c r="KWM53" i="1" s="1"/>
  <c r="KWN53" i="1" s="1"/>
  <c r="KWO53" i="1" s="1"/>
  <c r="KWP53" i="1" s="1"/>
  <c r="KWQ53" i="1" s="1"/>
  <c r="KWR53" i="1" s="1"/>
  <c r="KWS53" i="1" s="1"/>
  <c r="KWT53" i="1" s="1"/>
  <c r="KWU53" i="1" s="1"/>
  <c r="KWV53" i="1" s="1"/>
  <c r="KWW53" i="1" s="1"/>
  <c r="KWX53" i="1" s="1"/>
  <c r="KWY53" i="1" s="1"/>
  <c r="KWZ53" i="1" s="1"/>
  <c r="KXA53" i="1" s="1"/>
  <c r="KXB53" i="1" s="1"/>
  <c r="KXC53" i="1" s="1"/>
  <c r="KXD53" i="1" s="1"/>
  <c r="KXE53" i="1" s="1"/>
  <c r="KXF53" i="1" s="1"/>
  <c r="KXG53" i="1" s="1"/>
  <c r="KXH53" i="1" s="1"/>
  <c r="KXI53" i="1" s="1"/>
  <c r="KXJ53" i="1" s="1"/>
  <c r="KXK53" i="1" s="1"/>
  <c r="KXL53" i="1" s="1"/>
  <c r="KXM53" i="1" s="1"/>
  <c r="KXN53" i="1" s="1"/>
  <c r="KXO53" i="1" s="1"/>
  <c r="KXP53" i="1" s="1"/>
  <c r="KXQ53" i="1" s="1"/>
  <c r="KXR53" i="1" s="1"/>
  <c r="KXS53" i="1" s="1"/>
  <c r="KXT53" i="1" s="1"/>
  <c r="KXU53" i="1" s="1"/>
  <c r="KXV53" i="1" s="1"/>
  <c r="KXW53" i="1" s="1"/>
  <c r="KXX53" i="1" s="1"/>
  <c r="KXY53" i="1" s="1"/>
  <c r="KXZ53" i="1" s="1"/>
  <c r="KYA53" i="1" s="1"/>
  <c r="KYB53" i="1" s="1"/>
  <c r="KYC53" i="1" s="1"/>
  <c r="KYD53" i="1" s="1"/>
  <c r="KYE53" i="1" s="1"/>
  <c r="KYF53" i="1" s="1"/>
  <c r="KYG53" i="1" s="1"/>
  <c r="KYH53" i="1" s="1"/>
  <c r="KYI53" i="1" s="1"/>
  <c r="KYJ53" i="1" s="1"/>
  <c r="KYK53" i="1" s="1"/>
  <c r="KYL53" i="1" s="1"/>
  <c r="KYM53" i="1" s="1"/>
  <c r="KYN53" i="1" s="1"/>
  <c r="KYO53" i="1" s="1"/>
  <c r="KYP53" i="1" s="1"/>
  <c r="KYQ53" i="1" s="1"/>
  <c r="KYR53" i="1" s="1"/>
  <c r="KYS53" i="1" s="1"/>
  <c r="KYT53" i="1" s="1"/>
  <c r="KYU53" i="1" s="1"/>
  <c r="KYV53" i="1" s="1"/>
  <c r="KYW53" i="1" s="1"/>
  <c r="KYX53" i="1" s="1"/>
  <c r="KYY53" i="1" s="1"/>
  <c r="KYZ53" i="1" s="1"/>
  <c r="KZA53" i="1" s="1"/>
  <c r="KZB53" i="1" s="1"/>
  <c r="KZC53" i="1" s="1"/>
  <c r="KZD53" i="1" s="1"/>
  <c r="KZE53" i="1" s="1"/>
  <c r="KZF53" i="1" s="1"/>
  <c r="KZG53" i="1" s="1"/>
  <c r="KZH53" i="1" s="1"/>
  <c r="KZI53" i="1" s="1"/>
  <c r="KZJ53" i="1" s="1"/>
  <c r="KZK53" i="1" s="1"/>
  <c r="KZL53" i="1" s="1"/>
  <c r="KZM53" i="1" s="1"/>
  <c r="KZN53" i="1" s="1"/>
  <c r="KZO53" i="1" s="1"/>
  <c r="KZP53" i="1" s="1"/>
  <c r="KZQ53" i="1" s="1"/>
  <c r="KZR53" i="1" s="1"/>
  <c r="KZS53" i="1" s="1"/>
  <c r="KZT53" i="1" s="1"/>
  <c r="KZU53" i="1" s="1"/>
  <c r="KZV53" i="1" s="1"/>
  <c r="KZW53" i="1" s="1"/>
  <c r="KZX53" i="1" s="1"/>
  <c r="KZY53" i="1" s="1"/>
  <c r="KZZ53" i="1" s="1"/>
  <c r="LAA53" i="1" s="1"/>
  <c r="LAB53" i="1" s="1"/>
  <c r="LAC53" i="1" s="1"/>
  <c r="LAD53" i="1" s="1"/>
  <c r="LAE53" i="1" s="1"/>
  <c r="LAF53" i="1" s="1"/>
  <c r="LAG53" i="1" s="1"/>
  <c r="LAH53" i="1" s="1"/>
  <c r="LAI53" i="1" s="1"/>
  <c r="LAJ53" i="1" s="1"/>
  <c r="LAK53" i="1" s="1"/>
  <c r="LAL53" i="1" s="1"/>
  <c r="LAM53" i="1" s="1"/>
  <c r="LAN53" i="1" s="1"/>
  <c r="LAO53" i="1" s="1"/>
  <c r="LAP53" i="1" s="1"/>
  <c r="LAQ53" i="1" s="1"/>
  <c r="LAR53" i="1" s="1"/>
  <c r="LAS53" i="1" s="1"/>
  <c r="LAT53" i="1" s="1"/>
  <c r="LAU53" i="1" s="1"/>
  <c r="LAV53" i="1" s="1"/>
  <c r="LAW53" i="1" s="1"/>
  <c r="LAX53" i="1" s="1"/>
  <c r="LAY53" i="1" s="1"/>
  <c r="LAZ53" i="1" s="1"/>
  <c r="LBA53" i="1" s="1"/>
  <c r="LBB53" i="1" s="1"/>
  <c r="LBC53" i="1" s="1"/>
  <c r="LBD53" i="1" s="1"/>
  <c r="LBE53" i="1" s="1"/>
  <c r="LBF53" i="1" s="1"/>
  <c r="LBG53" i="1" s="1"/>
  <c r="LBH53" i="1" s="1"/>
  <c r="LBI53" i="1" s="1"/>
  <c r="LBJ53" i="1" s="1"/>
  <c r="LBK53" i="1" s="1"/>
  <c r="LBL53" i="1" s="1"/>
  <c r="LBM53" i="1" s="1"/>
  <c r="LBN53" i="1" s="1"/>
  <c r="LBO53" i="1" s="1"/>
  <c r="LBP53" i="1" s="1"/>
  <c r="LBQ53" i="1" s="1"/>
  <c r="LBR53" i="1" s="1"/>
  <c r="LBS53" i="1" s="1"/>
  <c r="LBT53" i="1" s="1"/>
  <c r="LBU53" i="1" s="1"/>
  <c r="LBV53" i="1" s="1"/>
  <c r="LBW53" i="1" s="1"/>
  <c r="LBX53" i="1" s="1"/>
  <c r="LBY53" i="1" s="1"/>
  <c r="LBZ53" i="1" s="1"/>
  <c r="LCA53" i="1" s="1"/>
  <c r="LCB53" i="1" s="1"/>
  <c r="LCC53" i="1" s="1"/>
  <c r="LCD53" i="1" s="1"/>
  <c r="LCE53" i="1" s="1"/>
  <c r="LCF53" i="1" s="1"/>
  <c r="LCG53" i="1" s="1"/>
  <c r="LCH53" i="1" s="1"/>
  <c r="LCI53" i="1" s="1"/>
  <c r="LCJ53" i="1" s="1"/>
  <c r="LCK53" i="1" s="1"/>
  <c r="LCL53" i="1" s="1"/>
  <c r="LCM53" i="1" s="1"/>
  <c r="LCN53" i="1" s="1"/>
  <c r="LCO53" i="1" s="1"/>
  <c r="LCP53" i="1" s="1"/>
  <c r="LCQ53" i="1" s="1"/>
  <c r="LCR53" i="1" s="1"/>
  <c r="LCS53" i="1" s="1"/>
  <c r="LCT53" i="1" s="1"/>
  <c r="LCU53" i="1" s="1"/>
  <c r="LCV53" i="1" s="1"/>
  <c r="LCW53" i="1" s="1"/>
  <c r="LCX53" i="1" s="1"/>
  <c r="LCY53" i="1" s="1"/>
  <c r="LCZ53" i="1" s="1"/>
  <c r="LDA53" i="1" s="1"/>
  <c r="LDB53" i="1" s="1"/>
  <c r="LDC53" i="1" s="1"/>
  <c r="LDD53" i="1" s="1"/>
  <c r="LDE53" i="1" s="1"/>
  <c r="LDF53" i="1" s="1"/>
  <c r="LDG53" i="1" s="1"/>
  <c r="LDH53" i="1" s="1"/>
  <c r="LDI53" i="1" s="1"/>
  <c r="LDJ53" i="1" s="1"/>
  <c r="LDK53" i="1" s="1"/>
  <c r="LDL53" i="1" s="1"/>
  <c r="LDM53" i="1" s="1"/>
  <c r="LDN53" i="1" s="1"/>
  <c r="LDO53" i="1" s="1"/>
  <c r="LDP53" i="1" s="1"/>
  <c r="LDQ53" i="1" s="1"/>
  <c r="LDR53" i="1" s="1"/>
  <c r="LDS53" i="1" s="1"/>
  <c r="LDT53" i="1" s="1"/>
  <c r="LDU53" i="1" s="1"/>
  <c r="LDV53" i="1" s="1"/>
  <c r="LDW53" i="1" s="1"/>
  <c r="LDX53" i="1" s="1"/>
  <c r="LDY53" i="1" s="1"/>
  <c r="LDZ53" i="1" s="1"/>
  <c r="LEA53" i="1" s="1"/>
  <c r="LEB53" i="1" s="1"/>
  <c r="LEC53" i="1" s="1"/>
  <c r="LED53" i="1" s="1"/>
  <c r="LEE53" i="1" s="1"/>
  <c r="LEF53" i="1" s="1"/>
  <c r="LEG53" i="1" s="1"/>
  <c r="LEH53" i="1" s="1"/>
  <c r="LEI53" i="1" s="1"/>
  <c r="LEJ53" i="1" s="1"/>
  <c r="LEK53" i="1" s="1"/>
  <c r="LEL53" i="1" s="1"/>
  <c r="LEM53" i="1" s="1"/>
  <c r="LEN53" i="1" s="1"/>
  <c r="LEO53" i="1" s="1"/>
  <c r="LEP53" i="1" s="1"/>
  <c r="LEQ53" i="1" s="1"/>
  <c r="LER53" i="1" s="1"/>
  <c r="LES53" i="1" s="1"/>
  <c r="LET53" i="1" s="1"/>
  <c r="LEU53" i="1" s="1"/>
  <c r="LEV53" i="1" s="1"/>
  <c r="LEW53" i="1" s="1"/>
  <c r="LEX53" i="1" s="1"/>
  <c r="LEY53" i="1" s="1"/>
  <c r="LEZ53" i="1" s="1"/>
  <c r="LFA53" i="1" s="1"/>
  <c r="LFB53" i="1" s="1"/>
  <c r="LFC53" i="1" s="1"/>
  <c r="LFD53" i="1" s="1"/>
  <c r="LFE53" i="1" s="1"/>
  <c r="LFF53" i="1" s="1"/>
  <c r="LFG53" i="1" s="1"/>
  <c r="LFH53" i="1" s="1"/>
  <c r="LFI53" i="1" s="1"/>
  <c r="LFJ53" i="1" s="1"/>
  <c r="LFK53" i="1" s="1"/>
  <c r="LFL53" i="1" s="1"/>
  <c r="LFM53" i="1" s="1"/>
  <c r="LFN53" i="1" s="1"/>
  <c r="LFO53" i="1" s="1"/>
  <c r="LFP53" i="1" s="1"/>
  <c r="LFQ53" i="1" s="1"/>
  <c r="LFR53" i="1" s="1"/>
  <c r="LFS53" i="1" s="1"/>
  <c r="LFT53" i="1" s="1"/>
  <c r="LFU53" i="1" s="1"/>
  <c r="LFV53" i="1" s="1"/>
  <c r="LFW53" i="1" s="1"/>
  <c r="LFX53" i="1" s="1"/>
  <c r="LFY53" i="1" s="1"/>
  <c r="LFZ53" i="1" s="1"/>
  <c r="LGA53" i="1" s="1"/>
  <c r="LGB53" i="1" s="1"/>
  <c r="LGC53" i="1" s="1"/>
  <c r="LGD53" i="1" s="1"/>
  <c r="LGE53" i="1" s="1"/>
  <c r="LGF53" i="1" s="1"/>
  <c r="LGG53" i="1" s="1"/>
  <c r="LGH53" i="1" s="1"/>
  <c r="LGI53" i="1" s="1"/>
  <c r="LGJ53" i="1" s="1"/>
  <c r="LGK53" i="1" s="1"/>
  <c r="LGL53" i="1" s="1"/>
  <c r="LGM53" i="1" s="1"/>
  <c r="LGN53" i="1" s="1"/>
  <c r="LGO53" i="1" s="1"/>
  <c r="LGP53" i="1" s="1"/>
  <c r="LGQ53" i="1" s="1"/>
  <c r="LGR53" i="1" s="1"/>
  <c r="LGS53" i="1" s="1"/>
  <c r="LGT53" i="1" s="1"/>
  <c r="LGU53" i="1" s="1"/>
  <c r="LGV53" i="1" s="1"/>
  <c r="LGW53" i="1" s="1"/>
  <c r="LGX53" i="1" s="1"/>
  <c r="LGY53" i="1" s="1"/>
  <c r="LGZ53" i="1" s="1"/>
  <c r="LHA53" i="1" s="1"/>
  <c r="LHB53" i="1" s="1"/>
  <c r="LHC53" i="1" s="1"/>
  <c r="LHD53" i="1" s="1"/>
  <c r="LHE53" i="1" s="1"/>
  <c r="LHF53" i="1" s="1"/>
  <c r="LHG53" i="1" s="1"/>
  <c r="LHH53" i="1" s="1"/>
  <c r="LHI53" i="1" s="1"/>
  <c r="LHJ53" i="1" s="1"/>
  <c r="LHK53" i="1" s="1"/>
  <c r="LHL53" i="1" s="1"/>
  <c r="LHM53" i="1" s="1"/>
  <c r="LHN53" i="1" s="1"/>
  <c r="LHO53" i="1" s="1"/>
  <c r="LHP53" i="1" s="1"/>
  <c r="LHQ53" i="1" s="1"/>
  <c r="LHR53" i="1" s="1"/>
  <c r="LHS53" i="1" s="1"/>
  <c r="LHT53" i="1" s="1"/>
  <c r="LHU53" i="1" s="1"/>
  <c r="LHV53" i="1" s="1"/>
  <c r="LHW53" i="1" s="1"/>
  <c r="LHX53" i="1" s="1"/>
  <c r="LHY53" i="1" s="1"/>
  <c r="LHZ53" i="1" s="1"/>
  <c r="LIA53" i="1" s="1"/>
  <c r="LIB53" i="1" s="1"/>
  <c r="LIC53" i="1" s="1"/>
  <c r="LID53" i="1" s="1"/>
  <c r="LIE53" i="1" s="1"/>
  <c r="LIF53" i="1" s="1"/>
  <c r="LIG53" i="1" s="1"/>
  <c r="LIH53" i="1" s="1"/>
  <c r="LII53" i="1" s="1"/>
  <c r="LIJ53" i="1" s="1"/>
  <c r="LIK53" i="1" s="1"/>
  <c r="LIL53" i="1" s="1"/>
  <c r="LIM53" i="1" s="1"/>
  <c r="LIN53" i="1" s="1"/>
  <c r="LIO53" i="1" s="1"/>
  <c r="LIP53" i="1" s="1"/>
  <c r="LIQ53" i="1" s="1"/>
  <c r="LIR53" i="1" s="1"/>
  <c r="LIS53" i="1" s="1"/>
  <c r="LIT53" i="1" s="1"/>
  <c r="LIU53" i="1" s="1"/>
  <c r="LIV53" i="1" s="1"/>
  <c r="LIW53" i="1" s="1"/>
  <c r="LIX53" i="1" s="1"/>
  <c r="LIY53" i="1" s="1"/>
  <c r="LIZ53" i="1" s="1"/>
  <c r="LJA53" i="1" s="1"/>
  <c r="LJB53" i="1" s="1"/>
  <c r="LJC53" i="1" s="1"/>
  <c r="LJD53" i="1" s="1"/>
  <c r="LJE53" i="1" s="1"/>
  <c r="LJF53" i="1" s="1"/>
  <c r="LJG53" i="1" s="1"/>
  <c r="LJH53" i="1" s="1"/>
  <c r="LJI53" i="1" s="1"/>
  <c r="LJJ53" i="1" s="1"/>
  <c r="LJK53" i="1" s="1"/>
  <c r="LJL53" i="1" s="1"/>
  <c r="LJM53" i="1" s="1"/>
  <c r="LJN53" i="1" s="1"/>
  <c r="LJO53" i="1" s="1"/>
  <c r="LJP53" i="1" s="1"/>
  <c r="LJQ53" i="1" s="1"/>
  <c r="LJR53" i="1" s="1"/>
  <c r="LJS53" i="1" s="1"/>
  <c r="LJT53" i="1" s="1"/>
  <c r="LJU53" i="1" s="1"/>
  <c r="LJV53" i="1" s="1"/>
  <c r="LJW53" i="1" s="1"/>
  <c r="LJX53" i="1" s="1"/>
  <c r="LJY53" i="1" s="1"/>
  <c r="LJZ53" i="1" s="1"/>
  <c r="LKA53" i="1" s="1"/>
  <c r="LKB53" i="1" s="1"/>
  <c r="LKC53" i="1" s="1"/>
  <c r="LKD53" i="1" s="1"/>
  <c r="LKE53" i="1" s="1"/>
  <c r="LKF53" i="1" s="1"/>
  <c r="LKG53" i="1" s="1"/>
  <c r="LKH53" i="1" s="1"/>
  <c r="LKI53" i="1" s="1"/>
  <c r="LKJ53" i="1" s="1"/>
  <c r="LKK53" i="1" s="1"/>
  <c r="LKL53" i="1" s="1"/>
  <c r="LKM53" i="1" s="1"/>
  <c r="LKN53" i="1" s="1"/>
  <c r="LKO53" i="1" s="1"/>
  <c r="LKP53" i="1" s="1"/>
  <c r="LKQ53" i="1" s="1"/>
  <c r="LKR53" i="1" s="1"/>
  <c r="LKS53" i="1" s="1"/>
  <c r="LKT53" i="1" s="1"/>
  <c r="LKU53" i="1" s="1"/>
  <c r="LKV53" i="1" s="1"/>
  <c r="LKW53" i="1" s="1"/>
  <c r="LKX53" i="1" s="1"/>
  <c r="LKY53" i="1" s="1"/>
  <c r="LKZ53" i="1" s="1"/>
  <c r="LLA53" i="1" s="1"/>
  <c r="LLB53" i="1" s="1"/>
  <c r="LLC53" i="1" s="1"/>
  <c r="LLD53" i="1" s="1"/>
  <c r="LLE53" i="1" s="1"/>
  <c r="LLF53" i="1" s="1"/>
  <c r="LLG53" i="1" s="1"/>
  <c r="LLH53" i="1" s="1"/>
  <c r="LLI53" i="1" s="1"/>
  <c r="LLJ53" i="1" s="1"/>
  <c r="LLK53" i="1" s="1"/>
  <c r="LLL53" i="1" s="1"/>
  <c r="LLM53" i="1" s="1"/>
  <c r="LLN53" i="1" s="1"/>
  <c r="LLO53" i="1" s="1"/>
  <c r="LLP53" i="1" s="1"/>
  <c r="LLQ53" i="1" s="1"/>
  <c r="LLR53" i="1" s="1"/>
  <c r="LLS53" i="1" s="1"/>
  <c r="LLT53" i="1" s="1"/>
  <c r="LLU53" i="1" s="1"/>
  <c r="LLV53" i="1" s="1"/>
  <c r="LLW53" i="1" s="1"/>
  <c r="LLX53" i="1" s="1"/>
  <c r="LLY53" i="1" s="1"/>
  <c r="LLZ53" i="1" s="1"/>
  <c r="LMA53" i="1" s="1"/>
  <c r="LMB53" i="1" s="1"/>
  <c r="LMC53" i="1" s="1"/>
  <c r="LMD53" i="1" s="1"/>
  <c r="LME53" i="1" s="1"/>
  <c r="LMF53" i="1" s="1"/>
  <c r="LMG53" i="1" s="1"/>
  <c r="LMH53" i="1" s="1"/>
  <c r="LMI53" i="1" s="1"/>
  <c r="LMJ53" i="1" s="1"/>
  <c r="LMK53" i="1" s="1"/>
  <c r="LML53" i="1" s="1"/>
  <c r="LMM53" i="1" s="1"/>
  <c r="LMN53" i="1" s="1"/>
  <c r="LMO53" i="1" s="1"/>
  <c r="LMP53" i="1" s="1"/>
  <c r="LMQ53" i="1" s="1"/>
  <c r="LMR53" i="1" s="1"/>
  <c r="LMS53" i="1" s="1"/>
  <c r="LMT53" i="1" s="1"/>
  <c r="LMU53" i="1" s="1"/>
  <c r="LMV53" i="1" s="1"/>
  <c r="LMW53" i="1" s="1"/>
  <c r="LMX53" i="1" s="1"/>
  <c r="LMY53" i="1" s="1"/>
  <c r="LMZ53" i="1" s="1"/>
  <c r="LNA53" i="1" s="1"/>
  <c r="LNB53" i="1" s="1"/>
  <c r="LNC53" i="1" s="1"/>
  <c r="LND53" i="1" s="1"/>
  <c r="LNE53" i="1" s="1"/>
  <c r="LNF53" i="1" s="1"/>
  <c r="LNG53" i="1" s="1"/>
  <c r="LNH53" i="1" s="1"/>
  <c r="LNI53" i="1" s="1"/>
  <c r="LNJ53" i="1" s="1"/>
  <c r="LNK53" i="1" s="1"/>
  <c r="LNL53" i="1" s="1"/>
  <c r="LNM53" i="1" s="1"/>
  <c r="LNN53" i="1" s="1"/>
  <c r="LNO53" i="1" s="1"/>
  <c r="LNP53" i="1" s="1"/>
  <c r="LNQ53" i="1" s="1"/>
  <c r="LNR53" i="1" s="1"/>
  <c r="LNS53" i="1" s="1"/>
  <c r="LNT53" i="1" s="1"/>
  <c r="LNU53" i="1" s="1"/>
  <c r="LNV53" i="1" s="1"/>
  <c r="LNW53" i="1" s="1"/>
  <c r="LNX53" i="1" s="1"/>
  <c r="LNY53" i="1" s="1"/>
  <c r="LNZ53" i="1" s="1"/>
  <c r="LOA53" i="1" s="1"/>
  <c r="LOB53" i="1" s="1"/>
  <c r="LOC53" i="1" s="1"/>
  <c r="LOD53" i="1" s="1"/>
  <c r="LOE53" i="1" s="1"/>
  <c r="LOF53" i="1" s="1"/>
  <c r="LOG53" i="1" s="1"/>
  <c r="LOH53" i="1" s="1"/>
  <c r="LOI53" i="1" s="1"/>
  <c r="LOJ53" i="1" s="1"/>
  <c r="LOK53" i="1" s="1"/>
  <c r="LOL53" i="1" s="1"/>
  <c r="LOM53" i="1" s="1"/>
  <c r="LON53" i="1" s="1"/>
  <c r="LOO53" i="1" s="1"/>
  <c r="LOP53" i="1" s="1"/>
  <c r="LOQ53" i="1" s="1"/>
  <c r="LOR53" i="1" s="1"/>
  <c r="LOS53" i="1" s="1"/>
  <c r="LOT53" i="1" s="1"/>
  <c r="LOU53" i="1" s="1"/>
  <c r="LOV53" i="1" s="1"/>
  <c r="LOW53" i="1" s="1"/>
  <c r="LOX53" i="1" s="1"/>
  <c r="LOY53" i="1" s="1"/>
  <c r="LOZ53" i="1" s="1"/>
  <c r="LPA53" i="1" s="1"/>
  <c r="LPB53" i="1" s="1"/>
  <c r="LPC53" i="1" s="1"/>
  <c r="LPD53" i="1" s="1"/>
  <c r="LPE53" i="1" s="1"/>
  <c r="LPF53" i="1" s="1"/>
  <c r="LPG53" i="1" s="1"/>
  <c r="LPH53" i="1" s="1"/>
  <c r="LPI53" i="1" s="1"/>
  <c r="LPJ53" i="1" s="1"/>
  <c r="LPK53" i="1" s="1"/>
  <c r="LPL53" i="1" s="1"/>
  <c r="LPM53" i="1" s="1"/>
  <c r="LPN53" i="1" s="1"/>
  <c r="LPO53" i="1" s="1"/>
  <c r="LPP53" i="1" s="1"/>
  <c r="LPQ53" i="1" s="1"/>
  <c r="LPR53" i="1" s="1"/>
  <c r="LPS53" i="1" s="1"/>
  <c r="LPT53" i="1" s="1"/>
  <c r="LPU53" i="1" s="1"/>
  <c r="LPV53" i="1" s="1"/>
  <c r="LPW53" i="1" s="1"/>
  <c r="LPX53" i="1" s="1"/>
  <c r="LPY53" i="1" s="1"/>
  <c r="LPZ53" i="1" s="1"/>
  <c r="LQA53" i="1" s="1"/>
  <c r="LQB53" i="1" s="1"/>
  <c r="LQC53" i="1" s="1"/>
  <c r="LQD53" i="1" s="1"/>
  <c r="LQE53" i="1" s="1"/>
  <c r="LQF53" i="1" s="1"/>
  <c r="LQG53" i="1" s="1"/>
  <c r="LQH53" i="1" s="1"/>
  <c r="LQI53" i="1" s="1"/>
  <c r="LQJ53" i="1" s="1"/>
  <c r="LQK53" i="1" s="1"/>
  <c r="LQL53" i="1" s="1"/>
  <c r="LQM53" i="1" s="1"/>
  <c r="LQN53" i="1" s="1"/>
  <c r="LQO53" i="1" s="1"/>
  <c r="LQP53" i="1" s="1"/>
  <c r="LQQ53" i="1" s="1"/>
  <c r="LQR53" i="1" s="1"/>
  <c r="LQS53" i="1" s="1"/>
  <c r="LQT53" i="1" s="1"/>
  <c r="LQU53" i="1" s="1"/>
  <c r="LQV53" i="1" s="1"/>
  <c r="LQW53" i="1" s="1"/>
  <c r="LQX53" i="1" s="1"/>
  <c r="LQY53" i="1" s="1"/>
  <c r="LQZ53" i="1" s="1"/>
  <c r="LRA53" i="1" s="1"/>
  <c r="LRB53" i="1" s="1"/>
  <c r="LRC53" i="1" s="1"/>
  <c r="LRD53" i="1" s="1"/>
  <c r="LRE53" i="1" s="1"/>
  <c r="LRF53" i="1" s="1"/>
  <c r="LRG53" i="1" s="1"/>
  <c r="LRH53" i="1" s="1"/>
  <c r="LRI53" i="1" s="1"/>
  <c r="LRJ53" i="1" s="1"/>
  <c r="LRK53" i="1" s="1"/>
  <c r="LRL53" i="1" s="1"/>
  <c r="LRM53" i="1" s="1"/>
  <c r="LRN53" i="1" s="1"/>
  <c r="LRO53" i="1" s="1"/>
  <c r="LRP53" i="1" s="1"/>
  <c r="LRQ53" i="1" s="1"/>
  <c r="LRR53" i="1" s="1"/>
  <c r="LRS53" i="1" s="1"/>
  <c r="LRT53" i="1" s="1"/>
  <c r="LRU53" i="1" s="1"/>
  <c r="LRV53" i="1" s="1"/>
  <c r="LRW53" i="1" s="1"/>
  <c r="LRX53" i="1" s="1"/>
  <c r="LRY53" i="1" s="1"/>
  <c r="LRZ53" i="1" s="1"/>
  <c r="LSA53" i="1" s="1"/>
  <c r="LSB53" i="1" s="1"/>
  <c r="LSC53" i="1" s="1"/>
  <c r="LSD53" i="1" s="1"/>
  <c r="LSE53" i="1" s="1"/>
  <c r="LSF53" i="1" s="1"/>
  <c r="LSG53" i="1" s="1"/>
  <c r="LSH53" i="1" s="1"/>
  <c r="LSI53" i="1" s="1"/>
  <c r="LSJ53" i="1" s="1"/>
  <c r="LSK53" i="1" s="1"/>
  <c r="LSL53" i="1" s="1"/>
  <c r="LSM53" i="1" s="1"/>
  <c r="LSN53" i="1" s="1"/>
  <c r="LSO53" i="1" s="1"/>
  <c r="LSP53" i="1" s="1"/>
  <c r="LSQ53" i="1" s="1"/>
  <c r="LSR53" i="1" s="1"/>
  <c r="LSS53" i="1" s="1"/>
  <c r="LST53" i="1" s="1"/>
  <c r="LSU53" i="1" s="1"/>
  <c r="LSV53" i="1" s="1"/>
  <c r="LSW53" i="1" s="1"/>
  <c r="LSX53" i="1" s="1"/>
  <c r="LSY53" i="1" s="1"/>
  <c r="LSZ53" i="1" s="1"/>
  <c r="LTA53" i="1" s="1"/>
  <c r="LTB53" i="1" s="1"/>
  <c r="LTC53" i="1" s="1"/>
  <c r="LTD53" i="1" s="1"/>
  <c r="LTE53" i="1" s="1"/>
  <c r="LTF53" i="1" s="1"/>
  <c r="LTG53" i="1" s="1"/>
  <c r="LTH53" i="1" s="1"/>
  <c r="LTI53" i="1" s="1"/>
  <c r="LTJ53" i="1" s="1"/>
  <c r="LTK53" i="1" s="1"/>
  <c r="LTL53" i="1" s="1"/>
  <c r="LTM53" i="1" s="1"/>
  <c r="LTN53" i="1" s="1"/>
  <c r="LTO53" i="1" s="1"/>
  <c r="LTP53" i="1" s="1"/>
  <c r="LTQ53" i="1" s="1"/>
  <c r="LTR53" i="1" s="1"/>
  <c r="LTS53" i="1" s="1"/>
  <c r="LTT53" i="1" s="1"/>
  <c r="LTU53" i="1" s="1"/>
  <c r="LTV53" i="1" s="1"/>
  <c r="LTW53" i="1" s="1"/>
  <c r="LTX53" i="1" s="1"/>
  <c r="LTY53" i="1" s="1"/>
  <c r="LTZ53" i="1" s="1"/>
  <c r="LUA53" i="1" s="1"/>
  <c r="LUB53" i="1" s="1"/>
  <c r="LUC53" i="1" s="1"/>
  <c r="LUD53" i="1" s="1"/>
  <c r="LUE53" i="1" s="1"/>
  <c r="LUF53" i="1" s="1"/>
  <c r="LUG53" i="1" s="1"/>
  <c r="LUH53" i="1" s="1"/>
  <c r="LUI53" i="1" s="1"/>
  <c r="LUJ53" i="1" s="1"/>
  <c r="LUK53" i="1" s="1"/>
  <c r="LUL53" i="1" s="1"/>
  <c r="LUM53" i="1" s="1"/>
  <c r="LUN53" i="1" s="1"/>
  <c r="LUO53" i="1" s="1"/>
  <c r="LUP53" i="1" s="1"/>
  <c r="LUQ53" i="1" s="1"/>
  <c r="LUR53" i="1" s="1"/>
  <c r="LUS53" i="1" s="1"/>
  <c r="LUT53" i="1" s="1"/>
  <c r="LUU53" i="1" s="1"/>
  <c r="LUV53" i="1" s="1"/>
  <c r="LUW53" i="1" s="1"/>
  <c r="LUX53" i="1" s="1"/>
  <c r="LUY53" i="1" s="1"/>
  <c r="LUZ53" i="1" s="1"/>
  <c r="LVA53" i="1" s="1"/>
  <c r="LVB53" i="1" s="1"/>
  <c r="LVC53" i="1" s="1"/>
  <c r="LVD53" i="1" s="1"/>
  <c r="LVE53" i="1" s="1"/>
  <c r="LVF53" i="1" s="1"/>
  <c r="LVG53" i="1" s="1"/>
  <c r="LVH53" i="1" s="1"/>
  <c r="LVI53" i="1" s="1"/>
  <c r="LVJ53" i="1" s="1"/>
  <c r="LVK53" i="1" s="1"/>
  <c r="LVL53" i="1" s="1"/>
  <c r="LVM53" i="1" s="1"/>
  <c r="LVN53" i="1" s="1"/>
  <c r="LVO53" i="1" s="1"/>
  <c r="LVP53" i="1" s="1"/>
  <c r="LVQ53" i="1" s="1"/>
  <c r="LVR53" i="1" s="1"/>
  <c r="LVS53" i="1" s="1"/>
  <c r="LVT53" i="1" s="1"/>
  <c r="LVU53" i="1" s="1"/>
  <c r="LVV53" i="1" s="1"/>
  <c r="LVW53" i="1" s="1"/>
  <c r="LVX53" i="1" s="1"/>
  <c r="LVY53" i="1" s="1"/>
  <c r="LVZ53" i="1" s="1"/>
  <c r="LWA53" i="1" s="1"/>
  <c r="LWB53" i="1" s="1"/>
  <c r="LWC53" i="1" s="1"/>
  <c r="LWD53" i="1" s="1"/>
  <c r="LWE53" i="1" s="1"/>
  <c r="LWF53" i="1" s="1"/>
  <c r="LWG53" i="1" s="1"/>
  <c r="LWH53" i="1" s="1"/>
  <c r="LWI53" i="1" s="1"/>
  <c r="LWJ53" i="1" s="1"/>
  <c r="LWK53" i="1" s="1"/>
  <c r="LWL53" i="1" s="1"/>
  <c r="LWM53" i="1" s="1"/>
  <c r="LWN53" i="1" s="1"/>
  <c r="LWO53" i="1" s="1"/>
  <c r="LWP53" i="1" s="1"/>
  <c r="LWQ53" i="1" s="1"/>
  <c r="LWR53" i="1" s="1"/>
  <c r="LWS53" i="1" s="1"/>
  <c r="LWT53" i="1" s="1"/>
  <c r="LWU53" i="1" s="1"/>
  <c r="LWV53" i="1" s="1"/>
  <c r="LWW53" i="1" s="1"/>
  <c r="LWX53" i="1" s="1"/>
  <c r="LWY53" i="1" s="1"/>
  <c r="LWZ53" i="1" s="1"/>
  <c r="LXA53" i="1" s="1"/>
  <c r="LXB53" i="1" s="1"/>
  <c r="LXC53" i="1" s="1"/>
  <c r="LXD53" i="1" s="1"/>
  <c r="LXE53" i="1" s="1"/>
  <c r="LXF53" i="1" s="1"/>
  <c r="LXG53" i="1" s="1"/>
  <c r="LXH53" i="1" s="1"/>
  <c r="LXI53" i="1" s="1"/>
  <c r="LXJ53" i="1" s="1"/>
  <c r="LXK53" i="1" s="1"/>
  <c r="LXL53" i="1" s="1"/>
  <c r="LXM53" i="1" s="1"/>
  <c r="LXN53" i="1" s="1"/>
  <c r="LXO53" i="1" s="1"/>
  <c r="LXP53" i="1" s="1"/>
  <c r="LXQ53" i="1" s="1"/>
  <c r="LXR53" i="1" s="1"/>
  <c r="LXS53" i="1" s="1"/>
  <c r="LXT53" i="1" s="1"/>
  <c r="LXU53" i="1" s="1"/>
  <c r="LXV53" i="1" s="1"/>
  <c r="LXW53" i="1" s="1"/>
  <c r="LXX53" i="1" s="1"/>
  <c r="LXY53" i="1" s="1"/>
  <c r="LXZ53" i="1" s="1"/>
  <c r="LYA53" i="1" s="1"/>
  <c r="LYB53" i="1" s="1"/>
  <c r="LYC53" i="1" s="1"/>
  <c r="LYD53" i="1" s="1"/>
  <c r="LYE53" i="1" s="1"/>
  <c r="LYF53" i="1" s="1"/>
  <c r="LYG53" i="1" s="1"/>
  <c r="LYH53" i="1" s="1"/>
  <c r="LYI53" i="1" s="1"/>
  <c r="LYJ53" i="1" s="1"/>
  <c r="LYK53" i="1" s="1"/>
  <c r="LYL53" i="1" s="1"/>
  <c r="LYM53" i="1" s="1"/>
  <c r="LYN53" i="1" s="1"/>
  <c r="LYO53" i="1" s="1"/>
  <c r="LYP53" i="1" s="1"/>
  <c r="LYQ53" i="1" s="1"/>
  <c r="LYR53" i="1" s="1"/>
  <c r="LYS53" i="1" s="1"/>
  <c r="LYT53" i="1" s="1"/>
  <c r="LYU53" i="1" s="1"/>
  <c r="LYV53" i="1" s="1"/>
  <c r="LYW53" i="1" s="1"/>
  <c r="LYX53" i="1" s="1"/>
  <c r="LYY53" i="1" s="1"/>
  <c r="LYZ53" i="1" s="1"/>
  <c r="LZA53" i="1" s="1"/>
  <c r="LZB53" i="1" s="1"/>
  <c r="LZC53" i="1" s="1"/>
  <c r="LZD53" i="1" s="1"/>
  <c r="LZE53" i="1" s="1"/>
  <c r="LZF53" i="1" s="1"/>
  <c r="LZG53" i="1" s="1"/>
  <c r="LZH53" i="1" s="1"/>
  <c r="LZI53" i="1" s="1"/>
  <c r="LZJ53" i="1" s="1"/>
  <c r="LZK53" i="1" s="1"/>
  <c r="LZL53" i="1" s="1"/>
  <c r="LZM53" i="1" s="1"/>
  <c r="LZN53" i="1" s="1"/>
  <c r="LZO53" i="1" s="1"/>
  <c r="LZP53" i="1" s="1"/>
  <c r="LZQ53" i="1" s="1"/>
  <c r="LZR53" i="1" s="1"/>
  <c r="LZS53" i="1" s="1"/>
  <c r="LZT53" i="1" s="1"/>
  <c r="LZU53" i="1" s="1"/>
  <c r="LZV53" i="1" s="1"/>
  <c r="LZW53" i="1" s="1"/>
  <c r="LZX53" i="1" s="1"/>
  <c r="LZY53" i="1" s="1"/>
  <c r="LZZ53" i="1" s="1"/>
  <c r="MAA53" i="1" s="1"/>
  <c r="MAB53" i="1" s="1"/>
  <c r="MAC53" i="1" s="1"/>
  <c r="MAD53" i="1" s="1"/>
  <c r="MAE53" i="1" s="1"/>
  <c r="MAF53" i="1" s="1"/>
  <c r="MAG53" i="1" s="1"/>
  <c r="MAH53" i="1" s="1"/>
  <c r="MAI53" i="1" s="1"/>
  <c r="MAJ53" i="1" s="1"/>
  <c r="MAK53" i="1" s="1"/>
  <c r="MAL53" i="1" s="1"/>
  <c r="MAM53" i="1" s="1"/>
  <c r="MAN53" i="1" s="1"/>
  <c r="MAO53" i="1" s="1"/>
  <c r="MAP53" i="1" s="1"/>
  <c r="MAQ53" i="1" s="1"/>
  <c r="MAR53" i="1" s="1"/>
  <c r="MAS53" i="1" s="1"/>
  <c r="MAT53" i="1" s="1"/>
  <c r="MAU53" i="1" s="1"/>
  <c r="MAV53" i="1" s="1"/>
  <c r="MAW53" i="1" s="1"/>
  <c r="MAX53" i="1" s="1"/>
  <c r="MAY53" i="1" s="1"/>
  <c r="MAZ53" i="1" s="1"/>
  <c r="MBA53" i="1" s="1"/>
  <c r="MBB53" i="1" s="1"/>
  <c r="MBC53" i="1" s="1"/>
  <c r="MBD53" i="1" s="1"/>
  <c r="MBE53" i="1" s="1"/>
  <c r="MBF53" i="1" s="1"/>
  <c r="MBG53" i="1" s="1"/>
  <c r="MBH53" i="1" s="1"/>
  <c r="MBI53" i="1" s="1"/>
  <c r="MBJ53" i="1" s="1"/>
  <c r="MBK53" i="1" s="1"/>
  <c r="MBL53" i="1" s="1"/>
  <c r="MBM53" i="1" s="1"/>
  <c r="MBN53" i="1" s="1"/>
  <c r="MBO53" i="1" s="1"/>
  <c r="MBP53" i="1" s="1"/>
  <c r="MBQ53" i="1" s="1"/>
  <c r="MBR53" i="1" s="1"/>
  <c r="MBS53" i="1" s="1"/>
  <c r="MBT53" i="1" s="1"/>
  <c r="MBU53" i="1" s="1"/>
  <c r="MBV53" i="1" s="1"/>
  <c r="MBW53" i="1" s="1"/>
  <c r="MBX53" i="1" s="1"/>
  <c r="MBY53" i="1" s="1"/>
  <c r="MBZ53" i="1" s="1"/>
  <c r="MCA53" i="1" s="1"/>
  <c r="MCB53" i="1" s="1"/>
  <c r="MCC53" i="1" s="1"/>
  <c r="MCD53" i="1" s="1"/>
  <c r="MCE53" i="1" s="1"/>
  <c r="MCF53" i="1" s="1"/>
  <c r="MCG53" i="1" s="1"/>
  <c r="MCH53" i="1" s="1"/>
  <c r="MCI53" i="1" s="1"/>
  <c r="MCJ53" i="1" s="1"/>
  <c r="MCK53" i="1" s="1"/>
  <c r="MCL53" i="1" s="1"/>
  <c r="MCM53" i="1" s="1"/>
  <c r="MCN53" i="1" s="1"/>
  <c r="MCO53" i="1" s="1"/>
  <c r="MCP53" i="1" s="1"/>
  <c r="MCQ53" i="1" s="1"/>
  <c r="MCR53" i="1" s="1"/>
  <c r="MCS53" i="1" s="1"/>
  <c r="MCT53" i="1" s="1"/>
  <c r="MCU53" i="1" s="1"/>
  <c r="MCV53" i="1" s="1"/>
  <c r="MCW53" i="1" s="1"/>
  <c r="MCX53" i="1" s="1"/>
  <c r="MCY53" i="1" s="1"/>
  <c r="MCZ53" i="1" s="1"/>
  <c r="MDA53" i="1" s="1"/>
  <c r="MDB53" i="1" s="1"/>
  <c r="MDC53" i="1" s="1"/>
  <c r="MDD53" i="1" s="1"/>
  <c r="MDE53" i="1" s="1"/>
  <c r="MDF53" i="1" s="1"/>
  <c r="MDG53" i="1" s="1"/>
  <c r="MDH53" i="1" s="1"/>
  <c r="MDI53" i="1" s="1"/>
  <c r="MDJ53" i="1" s="1"/>
  <c r="MDK53" i="1" s="1"/>
  <c r="MDL53" i="1" s="1"/>
  <c r="MDM53" i="1" s="1"/>
  <c r="MDN53" i="1" s="1"/>
  <c r="MDO53" i="1" s="1"/>
  <c r="MDP53" i="1" s="1"/>
  <c r="MDQ53" i="1" s="1"/>
  <c r="MDR53" i="1" s="1"/>
  <c r="MDS53" i="1" s="1"/>
  <c r="MDT53" i="1" s="1"/>
  <c r="MDU53" i="1" s="1"/>
  <c r="MDV53" i="1" s="1"/>
  <c r="MDW53" i="1" s="1"/>
  <c r="MDX53" i="1" s="1"/>
  <c r="MDY53" i="1" s="1"/>
  <c r="MDZ53" i="1" s="1"/>
  <c r="MEA53" i="1" s="1"/>
  <c r="MEB53" i="1" s="1"/>
  <c r="MEC53" i="1" s="1"/>
  <c r="MED53" i="1" s="1"/>
  <c r="MEE53" i="1" s="1"/>
  <c r="MEF53" i="1" s="1"/>
  <c r="MEG53" i="1" s="1"/>
  <c r="MEH53" i="1" s="1"/>
  <c r="MEI53" i="1" s="1"/>
  <c r="MEJ53" i="1" s="1"/>
  <c r="MEK53" i="1" s="1"/>
  <c r="MEL53" i="1" s="1"/>
  <c r="MEM53" i="1" s="1"/>
  <c r="MEN53" i="1" s="1"/>
  <c r="MEO53" i="1" s="1"/>
  <c r="MEP53" i="1" s="1"/>
  <c r="MEQ53" i="1" s="1"/>
  <c r="MER53" i="1" s="1"/>
  <c r="MES53" i="1" s="1"/>
  <c r="MET53" i="1" s="1"/>
  <c r="MEU53" i="1" s="1"/>
  <c r="MEV53" i="1" s="1"/>
  <c r="MEW53" i="1" s="1"/>
  <c r="MEX53" i="1" s="1"/>
  <c r="MEY53" i="1" s="1"/>
  <c r="MEZ53" i="1" s="1"/>
  <c r="MFA53" i="1" s="1"/>
  <c r="MFB53" i="1" s="1"/>
  <c r="MFC53" i="1" s="1"/>
  <c r="MFD53" i="1" s="1"/>
  <c r="MFE53" i="1" s="1"/>
  <c r="MFF53" i="1" s="1"/>
  <c r="MFG53" i="1" s="1"/>
  <c r="MFH53" i="1" s="1"/>
  <c r="MFI53" i="1" s="1"/>
  <c r="MFJ53" i="1" s="1"/>
  <c r="MFK53" i="1" s="1"/>
  <c r="MFL53" i="1" s="1"/>
  <c r="MFM53" i="1" s="1"/>
  <c r="MFN53" i="1" s="1"/>
  <c r="MFO53" i="1" s="1"/>
  <c r="MFP53" i="1" s="1"/>
  <c r="MFQ53" i="1" s="1"/>
  <c r="MFR53" i="1" s="1"/>
  <c r="MFS53" i="1" s="1"/>
  <c r="MFT53" i="1" s="1"/>
  <c r="MFU53" i="1" s="1"/>
  <c r="MFV53" i="1" s="1"/>
  <c r="MFW53" i="1" s="1"/>
  <c r="MFX53" i="1" s="1"/>
  <c r="MFY53" i="1" s="1"/>
  <c r="MFZ53" i="1" s="1"/>
  <c r="MGA53" i="1" s="1"/>
  <c r="MGB53" i="1" s="1"/>
  <c r="MGC53" i="1" s="1"/>
  <c r="MGD53" i="1" s="1"/>
  <c r="MGE53" i="1" s="1"/>
  <c r="MGF53" i="1" s="1"/>
  <c r="MGG53" i="1" s="1"/>
  <c r="MGH53" i="1" s="1"/>
  <c r="MGI53" i="1" s="1"/>
  <c r="MGJ53" i="1" s="1"/>
  <c r="MGK53" i="1" s="1"/>
  <c r="MGL53" i="1" s="1"/>
  <c r="MGM53" i="1" s="1"/>
  <c r="MGN53" i="1" s="1"/>
  <c r="MGO53" i="1" s="1"/>
  <c r="MGP53" i="1" s="1"/>
  <c r="MGQ53" i="1" s="1"/>
  <c r="MGR53" i="1" s="1"/>
  <c r="MGS53" i="1" s="1"/>
  <c r="MGT53" i="1" s="1"/>
  <c r="MGU53" i="1" s="1"/>
  <c r="MGV53" i="1" s="1"/>
  <c r="MGW53" i="1" s="1"/>
  <c r="MGX53" i="1" s="1"/>
  <c r="MGY53" i="1" s="1"/>
  <c r="MGZ53" i="1" s="1"/>
  <c r="MHA53" i="1" s="1"/>
  <c r="MHB53" i="1" s="1"/>
  <c r="MHC53" i="1" s="1"/>
  <c r="MHD53" i="1" s="1"/>
  <c r="MHE53" i="1" s="1"/>
  <c r="MHF53" i="1" s="1"/>
  <c r="MHG53" i="1" s="1"/>
  <c r="MHH53" i="1" s="1"/>
  <c r="MHI53" i="1" s="1"/>
  <c r="MHJ53" i="1" s="1"/>
  <c r="MHK53" i="1" s="1"/>
  <c r="MHL53" i="1" s="1"/>
  <c r="MHM53" i="1" s="1"/>
  <c r="MHN53" i="1" s="1"/>
  <c r="MHO53" i="1" s="1"/>
  <c r="MHP53" i="1" s="1"/>
  <c r="MHQ53" i="1" s="1"/>
  <c r="MHR53" i="1" s="1"/>
  <c r="MHS53" i="1" s="1"/>
  <c r="MHT53" i="1" s="1"/>
  <c r="MHU53" i="1" s="1"/>
  <c r="MHV53" i="1" s="1"/>
  <c r="MHW53" i="1" s="1"/>
  <c r="MHX53" i="1" s="1"/>
  <c r="MHY53" i="1" s="1"/>
  <c r="MHZ53" i="1" s="1"/>
  <c r="MIA53" i="1" s="1"/>
  <c r="MIB53" i="1" s="1"/>
  <c r="MIC53" i="1" s="1"/>
  <c r="MID53" i="1" s="1"/>
  <c r="MIE53" i="1" s="1"/>
  <c r="MIF53" i="1" s="1"/>
  <c r="MIG53" i="1" s="1"/>
  <c r="MIH53" i="1" s="1"/>
  <c r="MII53" i="1" s="1"/>
  <c r="MIJ53" i="1" s="1"/>
  <c r="MIK53" i="1" s="1"/>
  <c r="MIL53" i="1" s="1"/>
  <c r="MIM53" i="1" s="1"/>
  <c r="MIN53" i="1" s="1"/>
  <c r="MIO53" i="1" s="1"/>
  <c r="MIP53" i="1" s="1"/>
  <c r="MIQ53" i="1" s="1"/>
  <c r="MIR53" i="1" s="1"/>
  <c r="MIS53" i="1" s="1"/>
  <c r="MIT53" i="1" s="1"/>
  <c r="MIU53" i="1" s="1"/>
  <c r="MIV53" i="1" s="1"/>
  <c r="MIW53" i="1" s="1"/>
  <c r="MIX53" i="1" s="1"/>
  <c r="MIY53" i="1" s="1"/>
  <c r="MIZ53" i="1" s="1"/>
  <c r="MJA53" i="1" s="1"/>
  <c r="MJB53" i="1" s="1"/>
  <c r="MJC53" i="1" s="1"/>
  <c r="MJD53" i="1" s="1"/>
  <c r="MJE53" i="1" s="1"/>
  <c r="MJF53" i="1" s="1"/>
  <c r="MJG53" i="1" s="1"/>
  <c r="MJH53" i="1" s="1"/>
  <c r="MJI53" i="1" s="1"/>
  <c r="MJJ53" i="1" s="1"/>
  <c r="MJK53" i="1" s="1"/>
  <c r="MJL53" i="1" s="1"/>
  <c r="MJM53" i="1" s="1"/>
  <c r="MJN53" i="1" s="1"/>
  <c r="MJO53" i="1" s="1"/>
  <c r="MJP53" i="1" s="1"/>
  <c r="MJQ53" i="1" s="1"/>
  <c r="MJR53" i="1" s="1"/>
  <c r="MJS53" i="1" s="1"/>
  <c r="MJT53" i="1" s="1"/>
  <c r="MJU53" i="1" s="1"/>
  <c r="MJV53" i="1" s="1"/>
  <c r="MJW53" i="1" s="1"/>
  <c r="MJX53" i="1" s="1"/>
  <c r="MJY53" i="1" s="1"/>
  <c r="MJZ53" i="1" s="1"/>
  <c r="MKA53" i="1" s="1"/>
  <c r="MKB53" i="1" s="1"/>
  <c r="MKC53" i="1" s="1"/>
  <c r="MKD53" i="1" s="1"/>
  <c r="MKE53" i="1" s="1"/>
  <c r="MKF53" i="1" s="1"/>
  <c r="MKG53" i="1" s="1"/>
  <c r="MKH53" i="1" s="1"/>
  <c r="MKI53" i="1" s="1"/>
  <c r="MKJ53" i="1" s="1"/>
  <c r="MKK53" i="1" s="1"/>
  <c r="MKL53" i="1" s="1"/>
  <c r="MKM53" i="1" s="1"/>
  <c r="MKN53" i="1" s="1"/>
  <c r="MKO53" i="1" s="1"/>
  <c r="MKP53" i="1" s="1"/>
  <c r="MKQ53" i="1" s="1"/>
  <c r="MKR53" i="1" s="1"/>
  <c r="MKS53" i="1" s="1"/>
  <c r="MKT53" i="1" s="1"/>
  <c r="MKU53" i="1" s="1"/>
  <c r="MKV53" i="1" s="1"/>
  <c r="MKW53" i="1" s="1"/>
  <c r="MKX53" i="1" s="1"/>
  <c r="MKY53" i="1" s="1"/>
  <c r="MKZ53" i="1" s="1"/>
  <c r="MLA53" i="1" s="1"/>
  <c r="MLB53" i="1" s="1"/>
  <c r="MLC53" i="1" s="1"/>
  <c r="MLD53" i="1" s="1"/>
  <c r="MLE53" i="1" s="1"/>
  <c r="MLF53" i="1" s="1"/>
  <c r="MLG53" i="1" s="1"/>
  <c r="MLH53" i="1" s="1"/>
  <c r="MLI53" i="1" s="1"/>
  <c r="MLJ53" i="1" s="1"/>
  <c r="MLK53" i="1" s="1"/>
  <c r="MLL53" i="1" s="1"/>
  <c r="MLM53" i="1" s="1"/>
  <c r="MLN53" i="1" s="1"/>
  <c r="MLO53" i="1" s="1"/>
  <c r="MLP53" i="1" s="1"/>
  <c r="MLQ53" i="1" s="1"/>
  <c r="MLR53" i="1" s="1"/>
  <c r="MLS53" i="1" s="1"/>
  <c r="MLT53" i="1" s="1"/>
  <c r="MLU53" i="1" s="1"/>
  <c r="MLV53" i="1" s="1"/>
  <c r="MLW53" i="1" s="1"/>
  <c r="MLX53" i="1" s="1"/>
  <c r="MLY53" i="1" s="1"/>
  <c r="MLZ53" i="1" s="1"/>
  <c r="MMA53" i="1" s="1"/>
  <c r="MMB53" i="1" s="1"/>
  <c r="MMC53" i="1" s="1"/>
  <c r="MMD53" i="1" s="1"/>
  <c r="MME53" i="1" s="1"/>
  <c r="MMF53" i="1" s="1"/>
  <c r="MMG53" i="1" s="1"/>
  <c r="MMH53" i="1" s="1"/>
  <c r="MMI53" i="1" s="1"/>
  <c r="MMJ53" i="1" s="1"/>
  <c r="MMK53" i="1" s="1"/>
  <c r="MML53" i="1" s="1"/>
  <c r="MMM53" i="1" s="1"/>
  <c r="MMN53" i="1" s="1"/>
  <c r="MMO53" i="1" s="1"/>
  <c r="MMP53" i="1" s="1"/>
  <c r="MMQ53" i="1" s="1"/>
  <c r="MMR53" i="1" s="1"/>
  <c r="MMS53" i="1" s="1"/>
  <c r="MMT53" i="1" s="1"/>
  <c r="MMU53" i="1" s="1"/>
  <c r="MMV53" i="1" s="1"/>
  <c r="MMW53" i="1" s="1"/>
  <c r="MMX53" i="1" s="1"/>
  <c r="MMY53" i="1" s="1"/>
  <c r="MMZ53" i="1" s="1"/>
  <c r="MNA53" i="1" s="1"/>
  <c r="MNB53" i="1" s="1"/>
  <c r="MNC53" i="1" s="1"/>
  <c r="MND53" i="1" s="1"/>
  <c r="MNE53" i="1" s="1"/>
  <c r="MNF53" i="1" s="1"/>
  <c r="MNG53" i="1" s="1"/>
  <c r="MNH53" i="1" s="1"/>
  <c r="MNI53" i="1" s="1"/>
  <c r="MNJ53" i="1" s="1"/>
  <c r="MNK53" i="1" s="1"/>
  <c r="MNL53" i="1" s="1"/>
  <c r="MNM53" i="1" s="1"/>
  <c r="MNN53" i="1" s="1"/>
  <c r="MNO53" i="1" s="1"/>
  <c r="MNP53" i="1" s="1"/>
  <c r="MNQ53" i="1" s="1"/>
  <c r="MNR53" i="1" s="1"/>
  <c r="MNS53" i="1" s="1"/>
  <c r="MNT53" i="1" s="1"/>
  <c r="MNU53" i="1" s="1"/>
  <c r="MNV53" i="1" s="1"/>
  <c r="MNW53" i="1" s="1"/>
  <c r="MNX53" i="1" s="1"/>
  <c r="MNY53" i="1" s="1"/>
  <c r="MNZ53" i="1" s="1"/>
  <c r="MOA53" i="1" s="1"/>
  <c r="MOB53" i="1" s="1"/>
  <c r="MOC53" i="1" s="1"/>
  <c r="MOD53" i="1" s="1"/>
  <c r="MOE53" i="1" s="1"/>
  <c r="MOF53" i="1" s="1"/>
  <c r="MOG53" i="1" s="1"/>
  <c r="MOH53" i="1" s="1"/>
  <c r="MOI53" i="1" s="1"/>
  <c r="MOJ53" i="1" s="1"/>
  <c r="MOK53" i="1" s="1"/>
  <c r="MOL53" i="1" s="1"/>
  <c r="MOM53" i="1" s="1"/>
  <c r="MON53" i="1" s="1"/>
  <c r="MOO53" i="1" s="1"/>
  <c r="MOP53" i="1" s="1"/>
  <c r="MOQ53" i="1" s="1"/>
  <c r="MOR53" i="1" s="1"/>
  <c r="MOS53" i="1" s="1"/>
  <c r="MOT53" i="1" s="1"/>
  <c r="MOU53" i="1" s="1"/>
  <c r="MOV53" i="1" s="1"/>
  <c r="MOW53" i="1" s="1"/>
  <c r="MOX53" i="1" s="1"/>
  <c r="MOY53" i="1" s="1"/>
  <c r="MOZ53" i="1" s="1"/>
  <c r="MPA53" i="1" s="1"/>
  <c r="MPB53" i="1" s="1"/>
  <c r="MPC53" i="1" s="1"/>
  <c r="MPD53" i="1" s="1"/>
  <c r="MPE53" i="1" s="1"/>
  <c r="MPF53" i="1" s="1"/>
  <c r="MPG53" i="1" s="1"/>
  <c r="MPH53" i="1" s="1"/>
  <c r="MPI53" i="1" s="1"/>
  <c r="MPJ53" i="1" s="1"/>
  <c r="MPK53" i="1" s="1"/>
  <c r="MPL53" i="1" s="1"/>
  <c r="MPM53" i="1" s="1"/>
  <c r="MPN53" i="1" s="1"/>
  <c r="MPO53" i="1" s="1"/>
  <c r="MPP53" i="1" s="1"/>
  <c r="MPQ53" i="1" s="1"/>
  <c r="MPR53" i="1" s="1"/>
  <c r="MPS53" i="1" s="1"/>
  <c r="MPT53" i="1" s="1"/>
  <c r="MPU53" i="1" s="1"/>
  <c r="MPV53" i="1" s="1"/>
  <c r="MPW53" i="1" s="1"/>
  <c r="MPX53" i="1" s="1"/>
  <c r="MPY53" i="1" s="1"/>
  <c r="MPZ53" i="1" s="1"/>
  <c r="MQA53" i="1" s="1"/>
  <c r="MQB53" i="1" s="1"/>
  <c r="MQC53" i="1" s="1"/>
  <c r="MQD53" i="1" s="1"/>
  <c r="MQE53" i="1" s="1"/>
  <c r="MQF53" i="1" s="1"/>
  <c r="MQG53" i="1" s="1"/>
  <c r="MQH53" i="1" s="1"/>
  <c r="MQI53" i="1" s="1"/>
  <c r="MQJ53" i="1" s="1"/>
  <c r="MQK53" i="1" s="1"/>
  <c r="MQL53" i="1" s="1"/>
  <c r="MQM53" i="1" s="1"/>
  <c r="MQN53" i="1" s="1"/>
  <c r="MQO53" i="1" s="1"/>
  <c r="MQP53" i="1" s="1"/>
  <c r="MQQ53" i="1" s="1"/>
  <c r="MQR53" i="1" s="1"/>
  <c r="MQS53" i="1" s="1"/>
  <c r="MQT53" i="1" s="1"/>
  <c r="MQU53" i="1" s="1"/>
  <c r="MQV53" i="1" s="1"/>
  <c r="MQW53" i="1" s="1"/>
  <c r="MQX53" i="1" s="1"/>
  <c r="MQY53" i="1" s="1"/>
  <c r="MQZ53" i="1" s="1"/>
  <c r="MRA53" i="1" s="1"/>
  <c r="MRB53" i="1" s="1"/>
  <c r="MRC53" i="1" s="1"/>
  <c r="MRD53" i="1" s="1"/>
  <c r="MRE53" i="1" s="1"/>
  <c r="MRF53" i="1" s="1"/>
  <c r="MRG53" i="1" s="1"/>
  <c r="MRH53" i="1" s="1"/>
  <c r="MRI53" i="1" s="1"/>
  <c r="MRJ53" i="1" s="1"/>
  <c r="MRK53" i="1" s="1"/>
  <c r="MRL53" i="1" s="1"/>
  <c r="MRM53" i="1" s="1"/>
  <c r="MRN53" i="1" s="1"/>
  <c r="MRO53" i="1" s="1"/>
  <c r="MRP53" i="1" s="1"/>
  <c r="MRQ53" i="1" s="1"/>
  <c r="MRR53" i="1" s="1"/>
  <c r="MRS53" i="1" s="1"/>
  <c r="MRT53" i="1" s="1"/>
  <c r="MRU53" i="1" s="1"/>
  <c r="MRV53" i="1" s="1"/>
  <c r="MRW53" i="1" s="1"/>
  <c r="MRX53" i="1" s="1"/>
  <c r="MRY53" i="1" s="1"/>
  <c r="MRZ53" i="1" s="1"/>
  <c r="MSA53" i="1" s="1"/>
  <c r="MSB53" i="1" s="1"/>
  <c r="MSC53" i="1" s="1"/>
  <c r="MSD53" i="1" s="1"/>
  <c r="MSE53" i="1" s="1"/>
  <c r="MSF53" i="1" s="1"/>
  <c r="MSG53" i="1" s="1"/>
  <c r="MSH53" i="1" s="1"/>
  <c r="MSI53" i="1" s="1"/>
  <c r="MSJ53" i="1" s="1"/>
  <c r="MSK53" i="1" s="1"/>
  <c r="MSL53" i="1" s="1"/>
  <c r="MSM53" i="1" s="1"/>
  <c r="MSN53" i="1" s="1"/>
  <c r="MSO53" i="1" s="1"/>
  <c r="MSP53" i="1" s="1"/>
  <c r="MSQ53" i="1" s="1"/>
  <c r="MSR53" i="1" s="1"/>
  <c r="MSS53" i="1" s="1"/>
  <c r="MST53" i="1" s="1"/>
  <c r="MSU53" i="1" s="1"/>
  <c r="MSV53" i="1" s="1"/>
  <c r="MSW53" i="1" s="1"/>
  <c r="MSX53" i="1" s="1"/>
  <c r="MSY53" i="1" s="1"/>
  <c r="MSZ53" i="1" s="1"/>
  <c r="MTA53" i="1" s="1"/>
  <c r="MTB53" i="1" s="1"/>
  <c r="MTC53" i="1" s="1"/>
  <c r="MTD53" i="1" s="1"/>
  <c r="MTE53" i="1" s="1"/>
  <c r="MTF53" i="1" s="1"/>
  <c r="MTG53" i="1" s="1"/>
  <c r="MTH53" i="1" s="1"/>
  <c r="MTI53" i="1" s="1"/>
  <c r="MTJ53" i="1" s="1"/>
  <c r="MTK53" i="1" s="1"/>
  <c r="MTL53" i="1" s="1"/>
  <c r="MTM53" i="1" s="1"/>
  <c r="MTN53" i="1" s="1"/>
  <c r="MTO53" i="1" s="1"/>
  <c r="MTP53" i="1" s="1"/>
  <c r="MTQ53" i="1" s="1"/>
  <c r="MTR53" i="1" s="1"/>
  <c r="MTS53" i="1" s="1"/>
  <c r="MTT53" i="1" s="1"/>
  <c r="MTU53" i="1" s="1"/>
  <c r="MTV53" i="1" s="1"/>
  <c r="MTW53" i="1" s="1"/>
  <c r="MTX53" i="1" s="1"/>
  <c r="MTY53" i="1" s="1"/>
  <c r="MTZ53" i="1" s="1"/>
  <c r="MUA53" i="1" s="1"/>
  <c r="MUB53" i="1" s="1"/>
  <c r="MUC53" i="1" s="1"/>
  <c r="MUD53" i="1" s="1"/>
  <c r="MUE53" i="1" s="1"/>
  <c r="MUF53" i="1" s="1"/>
  <c r="MUG53" i="1" s="1"/>
  <c r="MUH53" i="1" s="1"/>
  <c r="MUI53" i="1" s="1"/>
  <c r="MUJ53" i="1" s="1"/>
  <c r="MUK53" i="1" s="1"/>
  <c r="MUL53" i="1" s="1"/>
  <c r="MUM53" i="1" s="1"/>
  <c r="MUN53" i="1" s="1"/>
  <c r="MUO53" i="1" s="1"/>
  <c r="MUP53" i="1" s="1"/>
  <c r="MUQ53" i="1" s="1"/>
  <c r="MUR53" i="1" s="1"/>
  <c r="MUS53" i="1" s="1"/>
  <c r="MUT53" i="1" s="1"/>
  <c r="MUU53" i="1" s="1"/>
  <c r="MUV53" i="1" s="1"/>
  <c r="MUW53" i="1" s="1"/>
  <c r="MUX53" i="1" s="1"/>
  <c r="MUY53" i="1" s="1"/>
  <c r="MUZ53" i="1" s="1"/>
  <c r="MVA53" i="1" s="1"/>
  <c r="MVB53" i="1" s="1"/>
  <c r="MVC53" i="1" s="1"/>
  <c r="MVD53" i="1" s="1"/>
  <c r="MVE53" i="1" s="1"/>
  <c r="MVF53" i="1" s="1"/>
  <c r="MVG53" i="1" s="1"/>
  <c r="MVH53" i="1" s="1"/>
  <c r="MVI53" i="1" s="1"/>
  <c r="MVJ53" i="1" s="1"/>
  <c r="MVK53" i="1" s="1"/>
  <c r="MVL53" i="1" s="1"/>
  <c r="MVM53" i="1" s="1"/>
  <c r="MVN53" i="1" s="1"/>
  <c r="MVO53" i="1" s="1"/>
  <c r="MVP53" i="1" s="1"/>
  <c r="MVQ53" i="1" s="1"/>
  <c r="MVR53" i="1" s="1"/>
  <c r="MVS53" i="1" s="1"/>
  <c r="MVT53" i="1" s="1"/>
  <c r="MVU53" i="1" s="1"/>
  <c r="MVV53" i="1" s="1"/>
  <c r="MVW53" i="1" s="1"/>
  <c r="MVX53" i="1" s="1"/>
  <c r="MVY53" i="1" s="1"/>
  <c r="MVZ53" i="1" s="1"/>
  <c r="MWA53" i="1" s="1"/>
  <c r="MWB53" i="1" s="1"/>
  <c r="MWC53" i="1" s="1"/>
  <c r="MWD53" i="1" s="1"/>
  <c r="MWE53" i="1" s="1"/>
  <c r="MWF53" i="1" s="1"/>
  <c r="MWG53" i="1" s="1"/>
  <c r="MWH53" i="1" s="1"/>
  <c r="MWI53" i="1" s="1"/>
  <c r="MWJ53" i="1" s="1"/>
  <c r="MWK53" i="1" s="1"/>
  <c r="MWL53" i="1" s="1"/>
  <c r="MWM53" i="1" s="1"/>
  <c r="MWN53" i="1" s="1"/>
  <c r="MWO53" i="1" s="1"/>
  <c r="MWP53" i="1" s="1"/>
  <c r="MWQ53" i="1" s="1"/>
  <c r="MWR53" i="1" s="1"/>
  <c r="MWS53" i="1" s="1"/>
  <c r="MWT53" i="1" s="1"/>
  <c r="MWU53" i="1" s="1"/>
  <c r="MWV53" i="1" s="1"/>
  <c r="MWW53" i="1" s="1"/>
  <c r="MWX53" i="1" s="1"/>
  <c r="MWY53" i="1" s="1"/>
  <c r="MWZ53" i="1" s="1"/>
  <c r="MXA53" i="1" s="1"/>
  <c r="MXB53" i="1" s="1"/>
  <c r="MXC53" i="1" s="1"/>
  <c r="MXD53" i="1" s="1"/>
  <c r="MXE53" i="1" s="1"/>
  <c r="MXF53" i="1" s="1"/>
  <c r="MXG53" i="1" s="1"/>
  <c r="MXH53" i="1" s="1"/>
  <c r="MXI53" i="1" s="1"/>
  <c r="MXJ53" i="1" s="1"/>
  <c r="MXK53" i="1" s="1"/>
  <c r="MXL53" i="1" s="1"/>
  <c r="MXM53" i="1" s="1"/>
  <c r="MXN53" i="1" s="1"/>
  <c r="MXO53" i="1" s="1"/>
  <c r="MXP53" i="1" s="1"/>
  <c r="MXQ53" i="1" s="1"/>
  <c r="MXR53" i="1" s="1"/>
  <c r="MXS53" i="1" s="1"/>
  <c r="MXT53" i="1" s="1"/>
  <c r="MXU53" i="1" s="1"/>
  <c r="MXV53" i="1" s="1"/>
  <c r="MXW53" i="1" s="1"/>
  <c r="MXX53" i="1" s="1"/>
  <c r="MXY53" i="1" s="1"/>
  <c r="MXZ53" i="1" s="1"/>
  <c r="MYA53" i="1" s="1"/>
  <c r="MYB53" i="1" s="1"/>
  <c r="MYC53" i="1" s="1"/>
  <c r="MYD53" i="1" s="1"/>
  <c r="MYE53" i="1" s="1"/>
  <c r="MYF53" i="1" s="1"/>
  <c r="MYG53" i="1" s="1"/>
  <c r="MYH53" i="1" s="1"/>
  <c r="MYI53" i="1" s="1"/>
  <c r="MYJ53" i="1" s="1"/>
  <c r="MYK53" i="1" s="1"/>
  <c r="MYL53" i="1" s="1"/>
  <c r="MYM53" i="1" s="1"/>
  <c r="MYN53" i="1" s="1"/>
  <c r="MYO53" i="1" s="1"/>
  <c r="MYP53" i="1" s="1"/>
  <c r="MYQ53" i="1" s="1"/>
  <c r="MYR53" i="1" s="1"/>
  <c r="MYS53" i="1" s="1"/>
  <c r="MYT53" i="1" s="1"/>
  <c r="MYU53" i="1" s="1"/>
  <c r="MYV53" i="1" s="1"/>
  <c r="MYW53" i="1" s="1"/>
  <c r="MYX53" i="1" s="1"/>
  <c r="MYY53" i="1" s="1"/>
  <c r="MYZ53" i="1" s="1"/>
  <c r="MZA53" i="1" s="1"/>
  <c r="MZB53" i="1" s="1"/>
  <c r="MZC53" i="1" s="1"/>
  <c r="MZD53" i="1" s="1"/>
  <c r="MZE53" i="1" s="1"/>
  <c r="MZF53" i="1" s="1"/>
  <c r="MZG53" i="1" s="1"/>
  <c r="MZH53" i="1" s="1"/>
  <c r="MZI53" i="1" s="1"/>
  <c r="MZJ53" i="1" s="1"/>
  <c r="MZK53" i="1" s="1"/>
  <c r="MZL53" i="1" s="1"/>
  <c r="MZM53" i="1" s="1"/>
  <c r="MZN53" i="1" s="1"/>
  <c r="MZO53" i="1" s="1"/>
  <c r="MZP53" i="1" s="1"/>
  <c r="MZQ53" i="1" s="1"/>
  <c r="MZR53" i="1" s="1"/>
  <c r="MZS53" i="1" s="1"/>
  <c r="MZT53" i="1" s="1"/>
  <c r="MZU53" i="1" s="1"/>
  <c r="MZV53" i="1" s="1"/>
  <c r="MZW53" i="1" s="1"/>
  <c r="MZX53" i="1" s="1"/>
  <c r="MZY53" i="1" s="1"/>
  <c r="MZZ53" i="1" s="1"/>
  <c r="NAA53" i="1" s="1"/>
  <c r="NAB53" i="1" s="1"/>
  <c r="NAC53" i="1" s="1"/>
  <c r="NAD53" i="1" s="1"/>
  <c r="NAE53" i="1" s="1"/>
  <c r="NAF53" i="1" s="1"/>
  <c r="NAG53" i="1" s="1"/>
  <c r="NAH53" i="1" s="1"/>
  <c r="NAI53" i="1" s="1"/>
  <c r="NAJ53" i="1" s="1"/>
  <c r="NAK53" i="1" s="1"/>
  <c r="NAL53" i="1" s="1"/>
  <c r="NAM53" i="1" s="1"/>
  <c r="NAN53" i="1" s="1"/>
  <c r="NAO53" i="1" s="1"/>
  <c r="NAP53" i="1" s="1"/>
  <c r="NAQ53" i="1" s="1"/>
  <c r="NAR53" i="1" s="1"/>
  <c r="NAS53" i="1" s="1"/>
  <c r="NAT53" i="1" s="1"/>
  <c r="NAU53" i="1" s="1"/>
  <c r="NAV53" i="1" s="1"/>
  <c r="NAW53" i="1" s="1"/>
  <c r="NAX53" i="1" s="1"/>
  <c r="NAY53" i="1" s="1"/>
  <c r="NAZ53" i="1" s="1"/>
  <c r="NBA53" i="1" s="1"/>
  <c r="NBB53" i="1" s="1"/>
  <c r="NBC53" i="1" s="1"/>
  <c r="NBD53" i="1" s="1"/>
  <c r="NBE53" i="1" s="1"/>
  <c r="NBF53" i="1" s="1"/>
  <c r="NBG53" i="1" s="1"/>
  <c r="NBH53" i="1" s="1"/>
  <c r="NBI53" i="1" s="1"/>
  <c r="NBJ53" i="1" s="1"/>
  <c r="NBK53" i="1" s="1"/>
  <c r="NBL53" i="1" s="1"/>
  <c r="NBM53" i="1" s="1"/>
  <c r="NBN53" i="1" s="1"/>
  <c r="NBO53" i="1" s="1"/>
  <c r="NBP53" i="1" s="1"/>
  <c r="NBQ53" i="1" s="1"/>
  <c r="NBR53" i="1" s="1"/>
  <c r="NBS53" i="1" s="1"/>
  <c r="NBT53" i="1" s="1"/>
  <c r="NBU53" i="1" s="1"/>
  <c r="NBV53" i="1" s="1"/>
  <c r="NBW53" i="1" s="1"/>
  <c r="NBX53" i="1" s="1"/>
  <c r="NBY53" i="1" s="1"/>
  <c r="NBZ53" i="1" s="1"/>
  <c r="NCA53" i="1" s="1"/>
  <c r="NCB53" i="1" s="1"/>
  <c r="NCC53" i="1" s="1"/>
  <c r="NCD53" i="1" s="1"/>
  <c r="NCE53" i="1" s="1"/>
  <c r="NCF53" i="1" s="1"/>
  <c r="NCG53" i="1" s="1"/>
  <c r="NCH53" i="1" s="1"/>
  <c r="NCI53" i="1" s="1"/>
  <c r="NCJ53" i="1" s="1"/>
  <c r="NCK53" i="1" s="1"/>
  <c r="NCL53" i="1" s="1"/>
  <c r="NCM53" i="1" s="1"/>
  <c r="NCN53" i="1" s="1"/>
  <c r="NCO53" i="1" s="1"/>
  <c r="NCP53" i="1" s="1"/>
  <c r="NCQ53" i="1" s="1"/>
  <c r="NCR53" i="1" s="1"/>
  <c r="NCS53" i="1" s="1"/>
  <c r="NCT53" i="1" s="1"/>
  <c r="NCU53" i="1" s="1"/>
  <c r="NCV53" i="1" s="1"/>
  <c r="NCW53" i="1" s="1"/>
  <c r="NCX53" i="1" s="1"/>
  <c r="NCY53" i="1" s="1"/>
  <c r="NCZ53" i="1" s="1"/>
  <c r="NDA53" i="1" s="1"/>
  <c r="NDB53" i="1" s="1"/>
  <c r="NDC53" i="1" s="1"/>
  <c r="NDD53" i="1" s="1"/>
  <c r="NDE53" i="1" s="1"/>
  <c r="NDF53" i="1" s="1"/>
  <c r="NDG53" i="1" s="1"/>
  <c r="NDH53" i="1" s="1"/>
  <c r="NDI53" i="1" s="1"/>
  <c r="NDJ53" i="1" s="1"/>
  <c r="NDK53" i="1" s="1"/>
  <c r="NDL53" i="1" s="1"/>
  <c r="NDM53" i="1" s="1"/>
  <c r="NDN53" i="1" s="1"/>
  <c r="NDO53" i="1" s="1"/>
  <c r="NDP53" i="1" s="1"/>
  <c r="NDQ53" i="1" s="1"/>
  <c r="NDR53" i="1" s="1"/>
  <c r="NDS53" i="1" s="1"/>
  <c r="NDT53" i="1" s="1"/>
  <c r="NDU53" i="1" s="1"/>
  <c r="NDV53" i="1" s="1"/>
  <c r="NDW53" i="1" s="1"/>
  <c r="NDX53" i="1" s="1"/>
  <c r="NDY53" i="1" s="1"/>
  <c r="NDZ53" i="1" s="1"/>
  <c r="NEA53" i="1" s="1"/>
  <c r="NEB53" i="1" s="1"/>
  <c r="NEC53" i="1" s="1"/>
  <c r="NED53" i="1" s="1"/>
  <c r="NEE53" i="1" s="1"/>
  <c r="NEF53" i="1" s="1"/>
  <c r="NEG53" i="1" s="1"/>
  <c r="NEH53" i="1" s="1"/>
  <c r="NEI53" i="1" s="1"/>
  <c r="NEJ53" i="1" s="1"/>
  <c r="NEK53" i="1" s="1"/>
  <c r="NEL53" i="1" s="1"/>
  <c r="NEM53" i="1" s="1"/>
  <c r="NEN53" i="1" s="1"/>
  <c r="NEO53" i="1" s="1"/>
  <c r="NEP53" i="1" s="1"/>
  <c r="NEQ53" i="1" s="1"/>
  <c r="NER53" i="1" s="1"/>
  <c r="NES53" i="1" s="1"/>
  <c r="NET53" i="1" s="1"/>
  <c r="NEU53" i="1" s="1"/>
  <c r="NEV53" i="1" s="1"/>
  <c r="NEW53" i="1" s="1"/>
  <c r="NEX53" i="1" s="1"/>
  <c r="NEY53" i="1" s="1"/>
  <c r="NEZ53" i="1" s="1"/>
  <c r="NFA53" i="1" s="1"/>
  <c r="NFB53" i="1" s="1"/>
  <c r="NFC53" i="1" s="1"/>
  <c r="NFD53" i="1" s="1"/>
  <c r="NFE53" i="1" s="1"/>
  <c r="NFF53" i="1" s="1"/>
  <c r="NFG53" i="1" s="1"/>
  <c r="NFH53" i="1" s="1"/>
  <c r="NFI53" i="1" s="1"/>
  <c r="NFJ53" i="1" s="1"/>
  <c r="NFK53" i="1" s="1"/>
  <c r="NFL53" i="1" s="1"/>
  <c r="NFM53" i="1" s="1"/>
  <c r="NFN53" i="1" s="1"/>
  <c r="NFO53" i="1" s="1"/>
  <c r="NFP53" i="1" s="1"/>
  <c r="NFQ53" i="1" s="1"/>
  <c r="NFR53" i="1" s="1"/>
  <c r="NFS53" i="1" s="1"/>
  <c r="NFT53" i="1" s="1"/>
  <c r="NFU53" i="1" s="1"/>
  <c r="NFV53" i="1" s="1"/>
  <c r="NFW53" i="1" s="1"/>
  <c r="NFX53" i="1" s="1"/>
  <c r="NFY53" i="1" s="1"/>
  <c r="NFZ53" i="1" s="1"/>
  <c r="NGA53" i="1" s="1"/>
  <c r="NGB53" i="1" s="1"/>
  <c r="NGC53" i="1" s="1"/>
  <c r="NGD53" i="1" s="1"/>
  <c r="NGE53" i="1" s="1"/>
  <c r="NGF53" i="1" s="1"/>
  <c r="NGG53" i="1" s="1"/>
  <c r="NGH53" i="1" s="1"/>
  <c r="NGI53" i="1" s="1"/>
  <c r="NGJ53" i="1" s="1"/>
  <c r="NGK53" i="1" s="1"/>
  <c r="NGL53" i="1" s="1"/>
  <c r="NGM53" i="1" s="1"/>
  <c r="NGN53" i="1" s="1"/>
  <c r="NGO53" i="1" s="1"/>
  <c r="NGP53" i="1" s="1"/>
  <c r="NGQ53" i="1" s="1"/>
  <c r="NGR53" i="1" s="1"/>
  <c r="NGS53" i="1" s="1"/>
  <c r="NGT53" i="1" s="1"/>
  <c r="NGU53" i="1" s="1"/>
  <c r="NGV53" i="1" s="1"/>
  <c r="NGW53" i="1" s="1"/>
  <c r="NGX53" i="1" s="1"/>
  <c r="NGY53" i="1" s="1"/>
  <c r="NGZ53" i="1" s="1"/>
  <c r="NHA53" i="1" s="1"/>
  <c r="NHB53" i="1" s="1"/>
  <c r="NHC53" i="1" s="1"/>
  <c r="NHD53" i="1" s="1"/>
  <c r="NHE53" i="1" s="1"/>
  <c r="NHF53" i="1" s="1"/>
  <c r="NHG53" i="1" s="1"/>
  <c r="NHH53" i="1" s="1"/>
  <c r="NHI53" i="1" s="1"/>
  <c r="NHJ53" i="1" s="1"/>
  <c r="NHK53" i="1" s="1"/>
  <c r="NHL53" i="1" s="1"/>
  <c r="NHM53" i="1" s="1"/>
  <c r="NHN53" i="1" s="1"/>
  <c r="NHO53" i="1" s="1"/>
  <c r="NHP53" i="1" s="1"/>
  <c r="NHQ53" i="1" s="1"/>
  <c r="NHR53" i="1" s="1"/>
  <c r="NHS53" i="1" s="1"/>
  <c r="NHT53" i="1" s="1"/>
  <c r="NHU53" i="1" s="1"/>
  <c r="NHV53" i="1" s="1"/>
  <c r="NHW53" i="1" s="1"/>
  <c r="NHX53" i="1" s="1"/>
  <c r="NHY53" i="1" s="1"/>
  <c r="NHZ53" i="1" s="1"/>
  <c r="NIA53" i="1" s="1"/>
  <c r="NIB53" i="1" s="1"/>
  <c r="NIC53" i="1" s="1"/>
  <c r="NID53" i="1" s="1"/>
  <c r="NIE53" i="1" s="1"/>
  <c r="NIF53" i="1" s="1"/>
  <c r="NIG53" i="1" s="1"/>
  <c r="NIH53" i="1" s="1"/>
  <c r="NII53" i="1" s="1"/>
  <c r="NIJ53" i="1" s="1"/>
  <c r="NIK53" i="1" s="1"/>
  <c r="NIL53" i="1" s="1"/>
  <c r="NIM53" i="1" s="1"/>
  <c r="NIN53" i="1" s="1"/>
  <c r="NIO53" i="1" s="1"/>
  <c r="NIP53" i="1" s="1"/>
  <c r="NIQ53" i="1" s="1"/>
  <c r="NIR53" i="1" s="1"/>
  <c r="NIS53" i="1" s="1"/>
  <c r="NIT53" i="1" s="1"/>
  <c r="NIU53" i="1" s="1"/>
  <c r="NIV53" i="1" s="1"/>
  <c r="NIW53" i="1" s="1"/>
  <c r="NIX53" i="1" s="1"/>
  <c r="NIY53" i="1" s="1"/>
  <c r="NIZ53" i="1" s="1"/>
  <c r="NJA53" i="1" s="1"/>
  <c r="NJB53" i="1" s="1"/>
  <c r="NJC53" i="1" s="1"/>
  <c r="NJD53" i="1" s="1"/>
  <c r="NJE53" i="1" s="1"/>
  <c r="NJF53" i="1" s="1"/>
  <c r="NJG53" i="1" s="1"/>
  <c r="NJH53" i="1" s="1"/>
  <c r="NJI53" i="1" s="1"/>
  <c r="NJJ53" i="1" s="1"/>
  <c r="NJK53" i="1" s="1"/>
  <c r="NJL53" i="1" s="1"/>
  <c r="NJM53" i="1" s="1"/>
  <c r="NJN53" i="1" s="1"/>
  <c r="NJO53" i="1" s="1"/>
  <c r="NJP53" i="1" s="1"/>
  <c r="NJQ53" i="1" s="1"/>
  <c r="NJR53" i="1" s="1"/>
  <c r="NJS53" i="1" s="1"/>
  <c r="NJT53" i="1" s="1"/>
  <c r="NJU53" i="1" s="1"/>
  <c r="NJV53" i="1" s="1"/>
  <c r="NJW53" i="1" s="1"/>
  <c r="NJX53" i="1" s="1"/>
  <c r="NJY53" i="1" s="1"/>
  <c r="NJZ53" i="1" s="1"/>
  <c r="NKA53" i="1" s="1"/>
  <c r="NKB53" i="1" s="1"/>
  <c r="NKC53" i="1" s="1"/>
  <c r="NKD53" i="1" s="1"/>
  <c r="NKE53" i="1" s="1"/>
  <c r="NKF53" i="1" s="1"/>
  <c r="NKG53" i="1" s="1"/>
  <c r="NKH53" i="1" s="1"/>
  <c r="NKI53" i="1" s="1"/>
  <c r="NKJ53" i="1" s="1"/>
  <c r="NKK53" i="1" s="1"/>
  <c r="NKL53" i="1" s="1"/>
  <c r="NKM53" i="1" s="1"/>
  <c r="NKN53" i="1" s="1"/>
  <c r="NKO53" i="1" s="1"/>
  <c r="NKP53" i="1" s="1"/>
  <c r="NKQ53" i="1" s="1"/>
  <c r="NKR53" i="1" s="1"/>
  <c r="NKS53" i="1" s="1"/>
  <c r="NKT53" i="1" s="1"/>
  <c r="NKU53" i="1" s="1"/>
  <c r="NKV53" i="1" s="1"/>
  <c r="NKW53" i="1" s="1"/>
  <c r="NKX53" i="1" s="1"/>
  <c r="NKY53" i="1" s="1"/>
  <c r="NKZ53" i="1" s="1"/>
  <c r="NLA53" i="1" s="1"/>
  <c r="NLB53" i="1" s="1"/>
  <c r="NLC53" i="1" s="1"/>
  <c r="NLD53" i="1" s="1"/>
  <c r="NLE53" i="1" s="1"/>
  <c r="NLF53" i="1" s="1"/>
  <c r="NLG53" i="1" s="1"/>
  <c r="NLH53" i="1" s="1"/>
  <c r="NLI53" i="1" s="1"/>
  <c r="NLJ53" i="1" s="1"/>
  <c r="NLK53" i="1" s="1"/>
  <c r="NLL53" i="1" s="1"/>
  <c r="NLM53" i="1" s="1"/>
  <c r="NLN53" i="1" s="1"/>
  <c r="NLO53" i="1" s="1"/>
  <c r="NLP53" i="1" s="1"/>
  <c r="NLQ53" i="1" s="1"/>
  <c r="NLR53" i="1" s="1"/>
  <c r="NLS53" i="1" s="1"/>
  <c r="NLT53" i="1" s="1"/>
  <c r="NLU53" i="1" s="1"/>
  <c r="NLV53" i="1" s="1"/>
  <c r="NLW53" i="1" s="1"/>
  <c r="NLX53" i="1" s="1"/>
  <c r="NLY53" i="1" s="1"/>
  <c r="NLZ53" i="1" s="1"/>
  <c r="NMA53" i="1" s="1"/>
  <c r="NMB53" i="1" s="1"/>
  <c r="NMC53" i="1" s="1"/>
  <c r="NMD53" i="1" s="1"/>
  <c r="NME53" i="1" s="1"/>
  <c r="NMF53" i="1" s="1"/>
  <c r="NMG53" i="1" s="1"/>
  <c r="NMH53" i="1" s="1"/>
  <c r="NMI53" i="1" s="1"/>
  <c r="NMJ53" i="1" s="1"/>
  <c r="NMK53" i="1" s="1"/>
  <c r="NML53" i="1" s="1"/>
  <c r="NMM53" i="1" s="1"/>
  <c r="NMN53" i="1" s="1"/>
  <c r="NMO53" i="1" s="1"/>
  <c r="NMP53" i="1" s="1"/>
  <c r="NMQ53" i="1" s="1"/>
  <c r="NMR53" i="1" s="1"/>
  <c r="NMS53" i="1" s="1"/>
  <c r="NMT53" i="1" s="1"/>
  <c r="NMU53" i="1" s="1"/>
  <c r="NMV53" i="1" s="1"/>
  <c r="NMW53" i="1" s="1"/>
  <c r="NMX53" i="1" s="1"/>
  <c r="NMY53" i="1" s="1"/>
  <c r="NMZ53" i="1" s="1"/>
  <c r="NNA53" i="1" s="1"/>
  <c r="NNB53" i="1" s="1"/>
  <c r="NNC53" i="1" s="1"/>
  <c r="NND53" i="1" s="1"/>
  <c r="NNE53" i="1" s="1"/>
  <c r="NNF53" i="1" s="1"/>
  <c r="NNG53" i="1" s="1"/>
  <c r="NNH53" i="1" s="1"/>
  <c r="NNI53" i="1" s="1"/>
  <c r="NNJ53" i="1" s="1"/>
  <c r="NNK53" i="1" s="1"/>
  <c r="NNL53" i="1" s="1"/>
  <c r="NNM53" i="1" s="1"/>
  <c r="NNN53" i="1" s="1"/>
  <c r="NNO53" i="1" s="1"/>
  <c r="NNP53" i="1" s="1"/>
  <c r="NNQ53" i="1" s="1"/>
  <c r="NNR53" i="1" s="1"/>
  <c r="NNS53" i="1" s="1"/>
  <c r="NNT53" i="1" s="1"/>
  <c r="NNU53" i="1" s="1"/>
  <c r="NNV53" i="1" s="1"/>
  <c r="NNW53" i="1" s="1"/>
  <c r="NNX53" i="1" s="1"/>
  <c r="NNY53" i="1" s="1"/>
  <c r="NNZ53" i="1" s="1"/>
  <c r="NOA53" i="1" s="1"/>
  <c r="NOB53" i="1" s="1"/>
  <c r="NOC53" i="1" s="1"/>
  <c r="NOD53" i="1" s="1"/>
  <c r="NOE53" i="1" s="1"/>
  <c r="NOF53" i="1" s="1"/>
  <c r="NOG53" i="1" s="1"/>
  <c r="NOH53" i="1" s="1"/>
  <c r="NOI53" i="1" s="1"/>
  <c r="NOJ53" i="1" s="1"/>
  <c r="NOK53" i="1" s="1"/>
  <c r="NOL53" i="1" s="1"/>
  <c r="NOM53" i="1" s="1"/>
  <c r="NON53" i="1" s="1"/>
  <c r="NOO53" i="1" s="1"/>
  <c r="NOP53" i="1" s="1"/>
  <c r="NOQ53" i="1" s="1"/>
  <c r="NOR53" i="1" s="1"/>
  <c r="NOS53" i="1" s="1"/>
  <c r="NOT53" i="1" s="1"/>
  <c r="NOU53" i="1" s="1"/>
  <c r="NOV53" i="1" s="1"/>
  <c r="NOW53" i="1" s="1"/>
  <c r="NOX53" i="1" s="1"/>
  <c r="NOY53" i="1" s="1"/>
  <c r="NOZ53" i="1" s="1"/>
  <c r="NPA53" i="1" s="1"/>
  <c r="NPB53" i="1" s="1"/>
  <c r="NPC53" i="1" s="1"/>
  <c r="NPD53" i="1" s="1"/>
  <c r="NPE53" i="1" s="1"/>
  <c r="NPF53" i="1" s="1"/>
  <c r="NPG53" i="1" s="1"/>
  <c r="NPH53" i="1" s="1"/>
  <c r="NPI53" i="1" s="1"/>
  <c r="NPJ53" i="1" s="1"/>
  <c r="NPK53" i="1" s="1"/>
  <c r="NPL53" i="1" s="1"/>
  <c r="NPM53" i="1" s="1"/>
  <c r="NPN53" i="1" s="1"/>
  <c r="NPO53" i="1" s="1"/>
  <c r="NPP53" i="1" s="1"/>
  <c r="NPQ53" i="1" s="1"/>
  <c r="NPR53" i="1" s="1"/>
  <c r="NPS53" i="1" s="1"/>
  <c r="NPT53" i="1" s="1"/>
  <c r="NPU53" i="1" s="1"/>
  <c r="NPV53" i="1" s="1"/>
  <c r="NPW53" i="1" s="1"/>
  <c r="NPX53" i="1" s="1"/>
  <c r="NPY53" i="1" s="1"/>
  <c r="NPZ53" i="1" s="1"/>
  <c r="NQA53" i="1" s="1"/>
  <c r="NQB53" i="1" s="1"/>
  <c r="NQC53" i="1" s="1"/>
  <c r="NQD53" i="1" s="1"/>
  <c r="NQE53" i="1" s="1"/>
  <c r="NQF53" i="1" s="1"/>
  <c r="NQG53" i="1" s="1"/>
  <c r="NQH53" i="1" s="1"/>
  <c r="NQI53" i="1" s="1"/>
  <c r="NQJ53" i="1" s="1"/>
  <c r="NQK53" i="1" s="1"/>
  <c r="NQL53" i="1" s="1"/>
  <c r="NQM53" i="1" s="1"/>
  <c r="NQN53" i="1" s="1"/>
  <c r="NQO53" i="1" s="1"/>
  <c r="NQP53" i="1" s="1"/>
  <c r="NQQ53" i="1" s="1"/>
  <c r="NQR53" i="1" s="1"/>
  <c r="NQS53" i="1" s="1"/>
  <c r="NQT53" i="1" s="1"/>
  <c r="NQU53" i="1" s="1"/>
  <c r="NQV53" i="1" s="1"/>
  <c r="NQW53" i="1" s="1"/>
  <c r="NQX53" i="1" s="1"/>
  <c r="NQY53" i="1" s="1"/>
  <c r="NQZ53" i="1" s="1"/>
  <c r="NRA53" i="1" s="1"/>
  <c r="NRB53" i="1" s="1"/>
  <c r="NRC53" i="1" s="1"/>
  <c r="NRD53" i="1" s="1"/>
  <c r="NRE53" i="1" s="1"/>
  <c r="NRF53" i="1" s="1"/>
  <c r="NRG53" i="1" s="1"/>
  <c r="NRH53" i="1" s="1"/>
  <c r="NRI53" i="1" s="1"/>
  <c r="NRJ53" i="1" s="1"/>
  <c r="NRK53" i="1" s="1"/>
  <c r="NRL53" i="1" s="1"/>
  <c r="NRM53" i="1" s="1"/>
  <c r="NRN53" i="1" s="1"/>
  <c r="NRO53" i="1" s="1"/>
  <c r="NRP53" i="1" s="1"/>
  <c r="NRQ53" i="1" s="1"/>
  <c r="NRR53" i="1" s="1"/>
  <c r="NRS53" i="1" s="1"/>
  <c r="NRT53" i="1" s="1"/>
  <c r="NRU53" i="1" s="1"/>
  <c r="NRV53" i="1" s="1"/>
  <c r="NRW53" i="1" s="1"/>
  <c r="NRX53" i="1" s="1"/>
  <c r="NRY53" i="1" s="1"/>
  <c r="NRZ53" i="1" s="1"/>
  <c r="NSA53" i="1" s="1"/>
  <c r="NSB53" i="1" s="1"/>
  <c r="NSC53" i="1" s="1"/>
  <c r="NSD53" i="1" s="1"/>
  <c r="NSE53" i="1" s="1"/>
  <c r="NSF53" i="1" s="1"/>
  <c r="NSG53" i="1" s="1"/>
  <c r="NSH53" i="1" s="1"/>
  <c r="NSI53" i="1" s="1"/>
  <c r="NSJ53" i="1" s="1"/>
  <c r="NSK53" i="1" s="1"/>
  <c r="NSL53" i="1" s="1"/>
  <c r="NSM53" i="1" s="1"/>
  <c r="NSN53" i="1" s="1"/>
  <c r="NSO53" i="1" s="1"/>
  <c r="NSP53" i="1" s="1"/>
  <c r="NSQ53" i="1" s="1"/>
  <c r="NSR53" i="1" s="1"/>
  <c r="NSS53" i="1" s="1"/>
  <c r="NST53" i="1" s="1"/>
  <c r="NSU53" i="1" s="1"/>
  <c r="NSV53" i="1" s="1"/>
  <c r="NSW53" i="1" s="1"/>
  <c r="NSX53" i="1" s="1"/>
  <c r="NSY53" i="1" s="1"/>
  <c r="NSZ53" i="1" s="1"/>
  <c r="NTA53" i="1" s="1"/>
  <c r="NTB53" i="1" s="1"/>
  <c r="NTC53" i="1" s="1"/>
  <c r="NTD53" i="1" s="1"/>
  <c r="NTE53" i="1" s="1"/>
  <c r="NTF53" i="1" s="1"/>
  <c r="NTG53" i="1" s="1"/>
  <c r="NTH53" i="1" s="1"/>
  <c r="NTI53" i="1" s="1"/>
  <c r="NTJ53" i="1" s="1"/>
  <c r="NTK53" i="1" s="1"/>
  <c r="NTL53" i="1" s="1"/>
  <c r="NTM53" i="1" s="1"/>
  <c r="NTN53" i="1" s="1"/>
  <c r="NTO53" i="1" s="1"/>
  <c r="NTP53" i="1" s="1"/>
  <c r="NTQ53" i="1" s="1"/>
  <c r="NTR53" i="1" s="1"/>
  <c r="NTS53" i="1" s="1"/>
  <c r="NTT53" i="1" s="1"/>
  <c r="NTU53" i="1" s="1"/>
  <c r="NTV53" i="1" s="1"/>
  <c r="NTW53" i="1" s="1"/>
  <c r="NTX53" i="1" s="1"/>
  <c r="NTY53" i="1" s="1"/>
  <c r="NTZ53" i="1" s="1"/>
  <c r="NUA53" i="1" s="1"/>
  <c r="NUB53" i="1" s="1"/>
  <c r="NUC53" i="1" s="1"/>
  <c r="NUD53" i="1" s="1"/>
  <c r="NUE53" i="1" s="1"/>
  <c r="NUF53" i="1" s="1"/>
  <c r="NUG53" i="1" s="1"/>
  <c r="NUH53" i="1" s="1"/>
  <c r="NUI53" i="1" s="1"/>
  <c r="NUJ53" i="1" s="1"/>
  <c r="NUK53" i="1" s="1"/>
  <c r="NUL53" i="1" s="1"/>
  <c r="NUM53" i="1" s="1"/>
  <c r="NUN53" i="1" s="1"/>
  <c r="NUO53" i="1" s="1"/>
  <c r="NUP53" i="1" s="1"/>
  <c r="NUQ53" i="1" s="1"/>
  <c r="NUR53" i="1" s="1"/>
  <c r="NUS53" i="1" s="1"/>
  <c r="NUT53" i="1" s="1"/>
  <c r="NUU53" i="1" s="1"/>
  <c r="NUV53" i="1" s="1"/>
  <c r="NUW53" i="1" s="1"/>
  <c r="NUX53" i="1" s="1"/>
  <c r="NUY53" i="1" s="1"/>
  <c r="NUZ53" i="1" s="1"/>
  <c r="NVA53" i="1" s="1"/>
  <c r="NVB53" i="1" s="1"/>
  <c r="NVC53" i="1" s="1"/>
  <c r="NVD53" i="1" s="1"/>
  <c r="NVE53" i="1" s="1"/>
  <c r="NVF53" i="1" s="1"/>
  <c r="NVG53" i="1" s="1"/>
  <c r="NVH53" i="1" s="1"/>
  <c r="NVI53" i="1" s="1"/>
  <c r="NVJ53" i="1" s="1"/>
  <c r="NVK53" i="1" s="1"/>
  <c r="NVL53" i="1" s="1"/>
  <c r="NVM53" i="1" s="1"/>
  <c r="NVN53" i="1" s="1"/>
  <c r="NVO53" i="1" s="1"/>
  <c r="NVP53" i="1" s="1"/>
  <c r="NVQ53" i="1" s="1"/>
  <c r="NVR53" i="1" s="1"/>
  <c r="NVS53" i="1" s="1"/>
  <c r="NVT53" i="1" s="1"/>
  <c r="NVU53" i="1" s="1"/>
  <c r="NVV53" i="1" s="1"/>
  <c r="NVW53" i="1" s="1"/>
  <c r="NVX53" i="1" s="1"/>
  <c r="NVY53" i="1" s="1"/>
  <c r="NVZ53" i="1" s="1"/>
  <c r="NWA53" i="1" s="1"/>
  <c r="NWB53" i="1" s="1"/>
  <c r="NWC53" i="1" s="1"/>
  <c r="NWD53" i="1" s="1"/>
  <c r="NWE53" i="1" s="1"/>
  <c r="NWF53" i="1" s="1"/>
  <c r="NWG53" i="1" s="1"/>
  <c r="NWH53" i="1" s="1"/>
  <c r="NWI53" i="1" s="1"/>
  <c r="NWJ53" i="1" s="1"/>
  <c r="NWK53" i="1" s="1"/>
  <c r="NWL53" i="1" s="1"/>
  <c r="NWM53" i="1" s="1"/>
  <c r="NWN53" i="1" s="1"/>
  <c r="NWO53" i="1" s="1"/>
  <c r="NWP53" i="1" s="1"/>
  <c r="NWQ53" i="1" s="1"/>
  <c r="NWR53" i="1" s="1"/>
  <c r="NWS53" i="1" s="1"/>
  <c r="NWT53" i="1" s="1"/>
  <c r="NWU53" i="1" s="1"/>
  <c r="NWV53" i="1" s="1"/>
  <c r="NWW53" i="1" s="1"/>
  <c r="NWX53" i="1" s="1"/>
  <c r="NWY53" i="1" s="1"/>
  <c r="NWZ53" i="1" s="1"/>
  <c r="NXA53" i="1" s="1"/>
  <c r="NXB53" i="1" s="1"/>
  <c r="NXC53" i="1" s="1"/>
  <c r="NXD53" i="1" s="1"/>
  <c r="NXE53" i="1" s="1"/>
  <c r="NXF53" i="1" s="1"/>
  <c r="NXG53" i="1" s="1"/>
  <c r="NXH53" i="1" s="1"/>
  <c r="NXI53" i="1" s="1"/>
  <c r="NXJ53" i="1" s="1"/>
  <c r="NXK53" i="1" s="1"/>
  <c r="NXL53" i="1" s="1"/>
  <c r="NXM53" i="1" s="1"/>
  <c r="NXN53" i="1" s="1"/>
  <c r="NXO53" i="1" s="1"/>
  <c r="NXP53" i="1" s="1"/>
  <c r="NXQ53" i="1" s="1"/>
  <c r="NXR53" i="1" s="1"/>
  <c r="NXS53" i="1" s="1"/>
  <c r="NXT53" i="1" s="1"/>
  <c r="NXU53" i="1" s="1"/>
  <c r="NXV53" i="1" s="1"/>
  <c r="NXW53" i="1" s="1"/>
  <c r="NXX53" i="1" s="1"/>
  <c r="NXY53" i="1" s="1"/>
  <c r="NXZ53" i="1" s="1"/>
  <c r="NYA53" i="1" s="1"/>
  <c r="NYB53" i="1" s="1"/>
  <c r="NYC53" i="1" s="1"/>
  <c r="NYD53" i="1" s="1"/>
  <c r="NYE53" i="1" s="1"/>
  <c r="NYF53" i="1" s="1"/>
  <c r="NYG53" i="1" s="1"/>
  <c r="NYH53" i="1" s="1"/>
  <c r="NYI53" i="1" s="1"/>
  <c r="NYJ53" i="1" s="1"/>
  <c r="NYK53" i="1" s="1"/>
  <c r="NYL53" i="1" s="1"/>
  <c r="NYM53" i="1" s="1"/>
  <c r="NYN53" i="1" s="1"/>
  <c r="NYO53" i="1" s="1"/>
  <c r="NYP53" i="1" s="1"/>
  <c r="NYQ53" i="1" s="1"/>
  <c r="NYR53" i="1" s="1"/>
  <c r="NYS53" i="1" s="1"/>
  <c r="NYT53" i="1" s="1"/>
  <c r="NYU53" i="1" s="1"/>
  <c r="NYV53" i="1" s="1"/>
  <c r="NYW53" i="1" s="1"/>
  <c r="NYX53" i="1" s="1"/>
  <c r="NYY53" i="1" s="1"/>
  <c r="NYZ53" i="1" s="1"/>
  <c r="NZA53" i="1" s="1"/>
  <c r="NZB53" i="1" s="1"/>
  <c r="NZC53" i="1" s="1"/>
  <c r="NZD53" i="1" s="1"/>
  <c r="NZE53" i="1" s="1"/>
  <c r="NZF53" i="1" s="1"/>
  <c r="NZG53" i="1" s="1"/>
  <c r="NZH53" i="1" s="1"/>
  <c r="NZI53" i="1" s="1"/>
  <c r="NZJ53" i="1" s="1"/>
  <c r="NZK53" i="1" s="1"/>
  <c r="NZL53" i="1" s="1"/>
  <c r="NZM53" i="1" s="1"/>
  <c r="NZN53" i="1" s="1"/>
  <c r="NZO53" i="1" s="1"/>
  <c r="NZP53" i="1" s="1"/>
  <c r="NZQ53" i="1" s="1"/>
  <c r="NZR53" i="1" s="1"/>
  <c r="NZS53" i="1" s="1"/>
  <c r="NZT53" i="1" s="1"/>
  <c r="NZU53" i="1" s="1"/>
  <c r="NZV53" i="1" s="1"/>
  <c r="NZW53" i="1" s="1"/>
  <c r="NZX53" i="1" s="1"/>
  <c r="NZY53" i="1" s="1"/>
  <c r="NZZ53" i="1" s="1"/>
  <c r="OAA53" i="1" s="1"/>
  <c r="OAB53" i="1" s="1"/>
  <c r="OAC53" i="1" s="1"/>
  <c r="OAD53" i="1" s="1"/>
  <c r="OAE53" i="1" s="1"/>
  <c r="OAF53" i="1" s="1"/>
  <c r="OAG53" i="1" s="1"/>
  <c r="OAH53" i="1" s="1"/>
  <c r="OAI53" i="1" s="1"/>
  <c r="OAJ53" i="1" s="1"/>
  <c r="OAK53" i="1" s="1"/>
  <c r="OAL53" i="1" s="1"/>
  <c r="OAM53" i="1" s="1"/>
  <c r="OAN53" i="1" s="1"/>
  <c r="OAO53" i="1" s="1"/>
  <c r="OAP53" i="1" s="1"/>
  <c r="OAQ53" i="1" s="1"/>
  <c r="OAR53" i="1" s="1"/>
  <c r="OAS53" i="1" s="1"/>
  <c r="OAT53" i="1" s="1"/>
  <c r="OAU53" i="1" s="1"/>
  <c r="OAV53" i="1" s="1"/>
  <c r="OAW53" i="1" s="1"/>
  <c r="OAX53" i="1" s="1"/>
  <c r="OAY53" i="1" s="1"/>
  <c r="OAZ53" i="1" s="1"/>
  <c r="OBA53" i="1" s="1"/>
  <c r="OBB53" i="1" s="1"/>
  <c r="OBC53" i="1" s="1"/>
  <c r="OBD53" i="1" s="1"/>
  <c r="OBE53" i="1" s="1"/>
  <c r="OBF53" i="1" s="1"/>
  <c r="OBG53" i="1" s="1"/>
  <c r="OBH53" i="1" s="1"/>
  <c r="OBI53" i="1" s="1"/>
  <c r="OBJ53" i="1" s="1"/>
  <c r="OBK53" i="1" s="1"/>
  <c r="OBL53" i="1" s="1"/>
  <c r="OBM53" i="1" s="1"/>
  <c r="OBN53" i="1" s="1"/>
  <c r="OBO53" i="1" s="1"/>
  <c r="OBP53" i="1" s="1"/>
  <c r="OBQ53" i="1" s="1"/>
  <c r="OBR53" i="1" s="1"/>
  <c r="OBS53" i="1" s="1"/>
  <c r="OBT53" i="1" s="1"/>
  <c r="OBU53" i="1" s="1"/>
  <c r="OBV53" i="1" s="1"/>
  <c r="OBW53" i="1" s="1"/>
  <c r="OBX53" i="1" s="1"/>
  <c r="OBY53" i="1" s="1"/>
  <c r="OBZ53" i="1" s="1"/>
  <c r="OCA53" i="1" s="1"/>
  <c r="OCB53" i="1" s="1"/>
  <c r="OCC53" i="1" s="1"/>
  <c r="OCD53" i="1" s="1"/>
  <c r="OCE53" i="1" s="1"/>
  <c r="OCF53" i="1" s="1"/>
  <c r="OCG53" i="1" s="1"/>
  <c r="OCH53" i="1" s="1"/>
  <c r="OCI53" i="1" s="1"/>
  <c r="OCJ53" i="1" s="1"/>
  <c r="OCK53" i="1" s="1"/>
  <c r="OCL53" i="1" s="1"/>
  <c r="OCM53" i="1" s="1"/>
  <c r="OCN53" i="1" s="1"/>
  <c r="OCO53" i="1" s="1"/>
  <c r="OCP53" i="1" s="1"/>
  <c r="OCQ53" i="1" s="1"/>
  <c r="OCR53" i="1" s="1"/>
  <c r="OCS53" i="1" s="1"/>
  <c r="OCT53" i="1" s="1"/>
  <c r="OCU53" i="1" s="1"/>
  <c r="OCV53" i="1" s="1"/>
  <c r="OCW53" i="1" s="1"/>
  <c r="OCX53" i="1" s="1"/>
  <c r="OCY53" i="1" s="1"/>
  <c r="OCZ53" i="1" s="1"/>
  <c r="ODA53" i="1" s="1"/>
  <c r="ODB53" i="1" s="1"/>
  <c r="ODC53" i="1" s="1"/>
  <c r="ODD53" i="1" s="1"/>
  <c r="ODE53" i="1" s="1"/>
  <c r="ODF53" i="1" s="1"/>
  <c r="ODG53" i="1" s="1"/>
  <c r="ODH53" i="1" s="1"/>
  <c r="ODI53" i="1" s="1"/>
  <c r="ODJ53" i="1" s="1"/>
  <c r="ODK53" i="1" s="1"/>
  <c r="ODL53" i="1" s="1"/>
  <c r="ODM53" i="1" s="1"/>
  <c r="ODN53" i="1" s="1"/>
  <c r="ODO53" i="1" s="1"/>
  <c r="ODP53" i="1" s="1"/>
  <c r="ODQ53" i="1" s="1"/>
  <c r="ODR53" i="1" s="1"/>
  <c r="ODS53" i="1" s="1"/>
  <c r="ODT53" i="1" s="1"/>
  <c r="ODU53" i="1" s="1"/>
  <c r="ODV53" i="1" s="1"/>
  <c r="ODW53" i="1" s="1"/>
  <c r="ODX53" i="1" s="1"/>
  <c r="ODY53" i="1" s="1"/>
  <c r="ODZ53" i="1" s="1"/>
  <c r="OEA53" i="1" s="1"/>
  <c r="OEB53" i="1" s="1"/>
  <c r="OEC53" i="1" s="1"/>
  <c r="OED53" i="1" s="1"/>
  <c r="OEE53" i="1" s="1"/>
  <c r="OEF53" i="1" s="1"/>
  <c r="OEG53" i="1" s="1"/>
  <c r="OEH53" i="1" s="1"/>
  <c r="OEI53" i="1" s="1"/>
  <c r="OEJ53" i="1" s="1"/>
  <c r="OEK53" i="1" s="1"/>
  <c r="OEL53" i="1" s="1"/>
  <c r="OEM53" i="1" s="1"/>
  <c r="OEN53" i="1" s="1"/>
  <c r="OEO53" i="1" s="1"/>
  <c r="OEP53" i="1" s="1"/>
  <c r="OEQ53" i="1" s="1"/>
  <c r="OER53" i="1" s="1"/>
  <c r="OES53" i="1" s="1"/>
  <c r="OET53" i="1" s="1"/>
  <c r="OEU53" i="1" s="1"/>
  <c r="OEV53" i="1" s="1"/>
  <c r="OEW53" i="1" s="1"/>
  <c r="OEX53" i="1" s="1"/>
  <c r="OEY53" i="1" s="1"/>
  <c r="OEZ53" i="1" s="1"/>
  <c r="OFA53" i="1" s="1"/>
  <c r="OFB53" i="1" s="1"/>
  <c r="OFC53" i="1" s="1"/>
  <c r="OFD53" i="1" s="1"/>
  <c r="OFE53" i="1" s="1"/>
  <c r="OFF53" i="1" s="1"/>
  <c r="OFG53" i="1" s="1"/>
  <c r="OFH53" i="1" s="1"/>
  <c r="OFI53" i="1" s="1"/>
  <c r="OFJ53" i="1" s="1"/>
  <c r="OFK53" i="1" s="1"/>
  <c r="OFL53" i="1" s="1"/>
  <c r="OFM53" i="1" s="1"/>
  <c r="OFN53" i="1" s="1"/>
  <c r="OFO53" i="1" s="1"/>
  <c r="OFP53" i="1" s="1"/>
  <c r="OFQ53" i="1" s="1"/>
  <c r="OFR53" i="1" s="1"/>
  <c r="OFS53" i="1" s="1"/>
  <c r="OFT53" i="1" s="1"/>
  <c r="OFU53" i="1" s="1"/>
  <c r="OFV53" i="1" s="1"/>
  <c r="OFW53" i="1" s="1"/>
  <c r="OFX53" i="1" s="1"/>
  <c r="OFY53" i="1" s="1"/>
  <c r="OFZ53" i="1" s="1"/>
  <c r="OGA53" i="1" s="1"/>
  <c r="OGB53" i="1" s="1"/>
  <c r="OGC53" i="1" s="1"/>
  <c r="OGD53" i="1" s="1"/>
  <c r="OGE53" i="1" s="1"/>
  <c r="OGF53" i="1" s="1"/>
  <c r="OGG53" i="1" s="1"/>
  <c r="OGH53" i="1" s="1"/>
  <c r="OGI53" i="1" s="1"/>
  <c r="OGJ53" i="1" s="1"/>
  <c r="OGK53" i="1" s="1"/>
  <c r="OGL53" i="1" s="1"/>
  <c r="OGM53" i="1" s="1"/>
  <c r="OGN53" i="1" s="1"/>
  <c r="OGO53" i="1" s="1"/>
  <c r="OGP53" i="1" s="1"/>
  <c r="OGQ53" i="1" s="1"/>
  <c r="OGR53" i="1" s="1"/>
  <c r="OGS53" i="1" s="1"/>
  <c r="OGT53" i="1" s="1"/>
  <c r="OGU53" i="1" s="1"/>
  <c r="OGV53" i="1" s="1"/>
  <c r="OGW53" i="1" s="1"/>
  <c r="OGX53" i="1" s="1"/>
  <c r="OGY53" i="1" s="1"/>
  <c r="OGZ53" i="1" s="1"/>
  <c r="OHA53" i="1" s="1"/>
  <c r="OHB53" i="1" s="1"/>
  <c r="OHC53" i="1" s="1"/>
  <c r="OHD53" i="1" s="1"/>
  <c r="OHE53" i="1" s="1"/>
  <c r="OHF53" i="1" s="1"/>
  <c r="OHG53" i="1" s="1"/>
  <c r="OHH53" i="1" s="1"/>
  <c r="OHI53" i="1" s="1"/>
  <c r="OHJ53" i="1" s="1"/>
  <c r="OHK53" i="1" s="1"/>
  <c r="OHL53" i="1" s="1"/>
  <c r="OHM53" i="1" s="1"/>
  <c r="OHN53" i="1" s="1"/>
  <c r="OHO53" i="1" s="1"/>
  <c r="OHP53" i="1" s="1"/>
  <c r="OHQ53" i="1" s="1"/>
  <c r="OHR53" i="1" s="1"/>
  <c r="OHS53" i="1" s="1"/>
  <c r="OHT53" i="1" s="1"/>
  <c r="OHU53" i="1" s="1"/>
  <c r="OHV53" i="1" s="1"/>
  <c r="OHW53" i="1" s="1"/>
  <c r="OHX53" i="1" s="1"/>
  <c r="OHY53" i="1" s="1"/>
  <c r="OHZ53" i="1" s="1"/>
  <c r="OIA53" i="1" s="1"/>
  <c r="OIB53" i="1" s="1"/>
  <c r="OIC53" i="1" s="1"/>
  <c r="OID53" i="1" s="1"/>
  <c r="OIE53" i="1" s="1"/>
  <c r="OIF53" i="1" s="1"/>
  <c r="OIG53" i="1" s="1"/>
  <c r="OIH53" i="1" s="1"/>
  <c r="OII53" i="1" s="1"/>
  <c r="OIJ53" i="1" s="1"/>
  <c r="OIK53" i="1" s="1"/>
  <c r="OIL53" i="1" s="1"/>
  <c r="OIM53" i="1" s="1"/>
  <c r="OIN53" i="1" s="1"/>
  <c r="OIO53" i="1" s="1"/>
  <c r="OIP53" i="1" s="1"/>
  <c r="OIQ53" i="1" s="1"/>
  <c r="OIR53" i="1" s="1"/>
  <c r="OIS53" i="1" s="1"/>
  <c r="OIT53" i="1" s="1"/>
  <c r="OIU53" i="1" s="1"/>
  <c r="OIV53" i="1" s="1"/>
  <c r="OIW53" i="1" s="1"/>
  <c r="OIX53" i="1" s="1"/>
  <c r="OIY53" i="1" s="1"/>
  <c r="OIZ53" i="1" s="1"/>
  <c r="OJA53" i="1" s="1"/>
  <c r="OJB53" i="1" s="1"/>
  <c r="OJC53" i="1" s="1"/>
  <c r="OJD53" i="1" s="1"/>
  <c r="OJE53" i="1" s="1"/>
  <c r="OJF53" i="1" s="1"/>
  <c r="OJG53" i="1" s="1"/>
  <c r="OJH53" i="1" s="1"/>
  <c r="OJI53" i="1" s="1"/>
  <c r="OJJ53" i="1" s="1"/>
  <c r="OJK53" i="1" s="1"/>
  <c r="OJL53" i="1" s="1"/>
  <c r="OJM53" i="1" s="1"/>
  <c r="OJN53" i="1" s="1"/>
  <c r="OJO53" i="1" s="1"/>
  <c r="OJP53" i="1" s="1"/>
  <c r="OJQ53" i="1" s="1"/>
  <c r="OJR53" i="1" s="1"/>
  <c r="OJS53" i="1" s="1"/>
  <c r="OJT53" i="1" s="1"/>
  <c r="OJU53" i="1" s="1"/>
  <c r="OJV53" i="1" s="1"/>
  <c r="OJW53" i="1" s="1"/>
  <c r="OJX53" i="1" s="1"/>
  <c r="OJY53" i="1" s="1"/>
  <c r="OJZ53" i="1" s="1"/>
  <c r="OKA53" i="1" s="1"/>
  <c r="OKB53" i="1" s="1"/>
  <c r="OKC53" i="1" s="1"/>
  <c r="OKD53" i="1" s="1"/>
  <c r="OKE53" i="1" s="1"/>
  <c r="OKF53" i="1" s="1"/>
  <c r="OKG53" i="1" s="1"/>
  <c r="OKH53" i="1" s="1"/>
  <c r="OKI53" i="1" s="1"/>
  <c r="OKJ53" i="1" s="1"/>
  <c r="OKK53" i="1" s="1"/>
  <c r="OKL53" i="1" s="1"/>
  <c r="OKM53" i="1" s="1"/>
  <c r="OKN53" i="1" s="1"/>
  <c r="OKO53" i="1" s="1"/>
  <c r="OKP53" i="1" s="1"/>
  <c r="OKQ53" i="1" s="1"/>
  <c r="OKR53" i="1" s="1"/>
  <c r="OKS53" i="1" s="1"/>
  <c r="OKT53" i="1" s="1"/>
  <c r="OKU53" i="1" s="1"/>
  <c r="OKV53" i="1" s="1"/>
  <c r="OKW53" i="1" s="1"/>
  <c r="OKX53" i="1" s="1"/>
  <c r="OKY53" i="1" s="1"/>
  <c r="OKZ53" i="1" s="1"/>
  <c r="OLA53" i="1" s="1"/>
  <c r="OLB53" i="1" s="1"/>
  <c r="OLC53" i="1" s="1"/>
  <c r="OLD53" i="1" s="1"/>
  <c r="OLE53" i="1" s="1"/>
  <c r="OLF53" i="1" s="1"/>
  <c r="OLG53" i="1" s="1"/>
  <c r="OLH53" i="1" s="1"/>
  <c r="OLI53" i="1" s="1"/>
  <c r="OLJ53" i="1" s="1"/>
  <c r="OLK53" i="1" s="1"/>
  <c r="OLL53" i="1" s="1"/>
  <c r="OLM53" i="1" s="1"/>
  <c r="OLN53" i="1" s="1"/>
  <c r="OLO53" i="1" s="1"/>
  <c r="OLP53" i="1" s="1"/>
  <c r="OLQ53" i="1" s="1"/>
  <c r="OLR53" i="1" s="1"/>
  <c r="OLS53" i="1" s="1"/>
  <c r="OLT53" i="1" s="1"/>
  <c r="OLU53" i="1" s="1"/>
  <c r="OLV53" i="1" s="1"/>
  <c r="OLW53" i="1" s="1"/>
  <c r="OLX53" i="1" s="1"/>
  <c r="OLY53" i="1" s="1"/>
  <c r="OLZ53" i="1" s="1"/>
  <c r="OMA53" i="1" s="1"/>
  <c r="OMB53" i="1" s="1"/>
  <c r="OMC53" i="1" s="1"/>
  <c r="OMD53" i="1" s="1"/>
  <c r="OME53" i="1" s="1"/>
  <c r="OMF53" i="1" s="1"/>
  <c r="OMG53" i="1" s="1"/>
  <c r="OMH53" i="1" s="1"/>
  <c r="OMI53" i="1" s="1"/>
  <c r="OMJ53" i="1" s="1"/>
  <c r="OMK53" i="1" s="1"/>
  <c r="OML53" i="1" s="1"/>
  <c r="OMM53" i="1" s="1"/>
  <c r="OMN53" i="1" s="1"/>
  <c r="OMO53" i="1" s="1"/>
  <c r="OMP53" i="1" s="1"/>
  <c r="OMQ53" i="1" s="1"/>
  <c r="OMR53" i="1" s="1"/>
  <c r="OMS53" i="1" s="1"/>
  <c r="OMT53" i="1" s="1"/>
  <c r="OMU53" i="1" s="1"/>
  <c r="OMV53" i="1" s="1"/>
  <c r="OMW53" i="1" s="1"/>
  <c r="OMX53" i="1" s="1"/>
  <c r="OMY53" i="1" s="1"/>
  <c r="OMZ53" i="1" s="1"/>
  <c r="ONA53" i="1" s="1"/>
  <c r="ONB53" i="1" s="1"/>
  <c r="ONC53" i="1" s="1"/>
  <c r="OND53" i="1" s="1"/>
  <c r="ONE53" i="1" s="1"/>
  <c r="ONF53" i="1" s="1"/>
  <c r="ONG53" i="1" s="1"/>
  <c r="ONH53" i="1" s="1"/>
  <c r="ONI53" i="1" s="1"/>
  <c r="ONJ53" i="1" s="1"/>
  <c r="ONK53" i="1" s="1"/>
  <c r="ONL53" i="1" s="1"/>
  <c r="ONM53" i="1" s="1"/>
  <c r="ONN53" i="1" s="1"/>
  <c r="ONO53" i="1" s="1"/>
  <c r="ONP53" i="1" s="1"/>
  <c r="ONQ53" i="1" s="1"/>
  <c r="ONR53" i="1" s="1"/>
  <c r="ONS53" i="1" s="1"/>
  <c r="ONT53" i="1" s="1"/>
  <c r="ONU53" i="1" s="1"/>
  <c r="ONV53" i="1" s="1"/>
  <c r="ONW53" i="1" s="1"/>
  <c r="ONX53" i="1" s="1"/>
  <c r="ONY53" i="1" s="1"/>
  <c r="ONZ53" i="1" s="1"/>
  <c r="OOA53" i="1" s="1"/>
  <c r="OOB53" i="1" s="1"/>
  <c r="OOC53" i="1" s="1"/>
  <c r="OOD53" i="1" s="1"/>
  <c r="OOE53" i="1" s="1"/>
  <c r="OOF53" i="1" s="1"/>
  <c r="OOG53" i="1" s="1"/>
  <c r="OOH53" i="1" s="1"/>
  <c r="OOI53" i="1" s="1"/>
  <c r="OOJ53" i="1" s="1"/>
  <c r="OOK53" i="1" s="1"/>
  <c r="OOL53" i="1" s="1"/>
  <c r="OOM53" i="1" s="1"/>
  <c r="OON53" i="1" s="1"/>
  <c r="OOO53" i="1" s="1"/>
  <c r="OOP53" i="1" s="1"/>
  <c r="OOQ53" i="1" s="1"/>
  <c r="OOR53" i="1" s="1"/>
  <c r="OOS53" i="1" s="1"/>
  <c r="OOT53" i="1" s="1"/>
  <c r="OOU53" i="1" s="1"/>
  <c r="OOV53" i="1" s="1"/>
  <c r="OOW53" i="1" s="1"/>
  <c r="OOX53" i="1" s="1"/>
  <c r="OOY53" i="1" s="1"/>
  <c r="OOZ53" i="1" s="1"/>
  <c r="OPA53" i="1" s="1"/>
  <c r="OPB53" i="1" s="1"/>
  <c r="OPC53" i="1" s="1"/>
  <c r="OPD53" i="1" s="1"/>
  <c r="OPE53" i="1" s="1"/>
  <c r="OPF53" i="1" s="1"/>
  <c r="OPG53" i="1" s="1"/>
  <c r="OPH53" i="1" s="1"/>
  <c r="OPI53" i="1" s="1"/>
  <c r="OPJ53" i="1" s="1"/>
  <c r="OPK53" i="1" s="1"/>
  <c r="OPL53" i="1" s="1"/>
  <c r="OPM53" i="1" s="1"/>
  <c r="OPN53" i="1" s="1"/>
  <c r="OPO53" i="1" s="1"/>
  <c r="OPP53" i="1" s="1"/>
  <c r="OPQ53" i="1" s="1"/>
  <c r="OPR53" i="1" s="1"/>
  <c r="OPS53" i="1" s="1"/>
  <c r="OPT53" i="1" s="1"/>
  <c r="OPU53" i="1" s="1"/>
  <c r="OPV53" i="1" s="1"/>
  <c r="OPW53" i="1" s="1"/>
  <c r="OPX53" i="1" s="1"/>
  <c r="OPY53" i="1" s="1"/>
  <c r="OPZ53" i="1" s="1"/>
  <c r="OQA53" i="1" s="1"/>
  <c r="OQB53" i="1" s="1"/>
  <c r="OQC53" i="1" s="1"/>
  <c r="OQD53" i="1" s="1"/>
  <c r="OQE53" i="1" s="1"/>
  <c r="OQF53" i="1" s="1"/>
  <c r="OQG53" i="1" s="1"/>
  <c r="OQH53" i="1" s="1"/>
  <c r="OQI53" i="1" s="1"/>
  <c r="OQJ53" i="1" s="1"/>
  <c r="OQK53" i="1" s="1"/>
  <c r="OQL53" i="1" s="1"/>
  <c r="OQM53" i="1" s="1"/>
  <c r="OQN53" i="1" s="1"/>
  <c r="OQO53" i="1" s="1"/>
  <c r="OQP53" i="1" s="1"/>
  <c r="OQQ53" i="1" s="1"/>
  <c r="OQR53" i="1" s="1"/>
  <c r="OQS53" i="1" s="1"/>
  <c r="OQT53" i="1" s="1"/>
  <c r="OQU53" i="1" s="1"/>
  <c r="OQV53" i="1" s="1"/>
  <c r="OQW53" i="1" s="1"/>
  <c r="OQX53" i="1" s="1"/>
  <c r="OQY53" i="1" s="1"/>
  <c r="OQZ53" i="1" s="1"/>
  <c r="ORA53" i="1" s="1"/>
  <c r="ORB53" i="1" s="1"/>
  <c r="ORC53" i="1" s="1"/>
  <c r="ORD53" i="1" s="1"/>
  <c r="ORE53" i="1" s="1"/>
  <c r="ORF53" i="1" s="1"/>
  <c r="ORG53" i="1" s="1"/>
  <c r="ORH53" i="1" s="1"/>
  <c r="ORI53" i="1" s="1"/>
  <c r="ORJ53" i="1" s="1"/>
  <c r="ORK53" i="1" s="1"/>
  <c r="ORL53" i="1" s="1"/>
  <c r="ORM53" i="1" s="1"/>
  <c r="ORN53" i="1" s="1"/>
  <c r="ORO53" i="1" s="1"/>
  <c r="ORP53" i="1" s="1"/>
  <c r="ORQ53" i="1" s="1"/>
  <c r="ORR53" i="1" s="1"/>
  <c r="ORS53" i="1" s="1"/>
  <c r="ORT53" i="1" s="1"/>
  <c r="ORU53" i="1" s="1"/>
  <c r="ORV53" i="1" s="1"/>
  <c r="ORW53" i="1" s="1"/>
  <c r="ORX53" i="1" s="1"/>
  <c r="ORY53" i="1" s="1"/>
  <c r="ORZ53" i="1" s="1"/>
  <c r="OSA53" i="1" s="1"/>
  <c r="OSB53" i="1" s="1"/>
  <c r="OSC53" i="1" s="1"/>
  <c r="OSD53" i="1" s="1"/>
  <c r="OSE53" i="1" s="1"/>
  <c r="OSF53" i="1" s="1"/>
  <c r="OSG53" i="1" s="1"/>
  <c r="OSH53" i="1" s="1"/>
  <c r="OSI53" i="1" s="1"/>
  <c r="OSJ53" i="1" s="1"/>
  <c r="OSK53" i="1" s="1"/>
  <c r="OSL53" i="1" s="1"/>
  <c r="OSM53" i="1" s="1"/>
  <c r="OSN53" i="1" s="1"/>
  <c r="OSO53" i="1" s="1"/>
  <c r="OSP53" i="1" s="1"/>
  <c r="OSQ53" i="1" s="1"/>
  <c r="OSR53" i="1" s="1"/>
  <c r="OSS53" i="1" s="1"/>
  <c r="OST53" i="1" s="1"/>
  <c r="OSU53" i="1" s="1"/>
  <c r="OSV53" i="1" s="1"/>
  <c r="OSW53" i="1" s="1"/>
  <c r="OSX53" i="1" s="1"/>
  <c r="OSY53" i="1" s="1"/>
  <c r="OSZ53" i="1" s="1"/>
  <c r="OTA53" i="1" s="1"/>
  <c r="OTB53" i="1" s="1"/>
  <c r="OTC53" i="1" s="1"/>
  <c r="OTD53" i="1" s="1"/>
  <c r="OTE53" i="1" s="1"/>
  <c r="OTF53" i="1" s="1"/>
  <c r="OTG53" i="1" s="1"/>
  <c r="OTH53" i="1" s="1"/>
  <c r="OTI53" i="1" s="1"/>
  <c r="OTJ53" i="1" s="1"/>
  <c r="OTK53" i="1" s="1"/>
  <c r="OTL53" i="1" s="1"/>
  <c r="OTM53" i="1" s="1"/>
  <c r="OTN53" i="1" s="1"/>
  <c r="OTO53" i="1" s="1"/>
  <c r="OTP53" i="1" s="1"/>
  <c r="OTQ53" i="1" s="1"/>
  <c r="OTR53" i="1" s="1"/>
  <c r="OTS53" i="1" s="1"/>
  <c r="OTT53" i="1" s="1"/>
  <c r="OTU53" i="1" s="1"/>
  <c r="OTV53" i="1" s="1"/>
  <c r="OTW53" i="1" s="1"/>
  <c r="OTX53" i="1" s="1"/>
  <c r="OTY53" i="1" s="1"/>
  <c r="OTZ53" i="1" s="1"/>
  <c r="OUA53" i="1" s="1"/>
  <c r="OUB53" i="1" s="1"/>
  <c r="OUC53" i="1" s="1"/>
  <c r="OUD53" i="1" s="1"/>
  <c r="OUE53" i="1" s="1"/>
  <c r="OUF53" i="1" s="1"/>
  <c r="OUG53" i="1" s="1"/>
  <c r="OUH53" i="1" s="1"/>
  <c r="OUI53" i="1" s="1"/>
  <c r="OUJ53" i="1" s="1"/>
  <c r="OUK53" i="1" s="1"/>
  <c r="OUL53" i="1" s="1"/>
  <c r="OUM53" i="1" s="1"/>
  <c r="OUN53" i="1" s="1"/>
  <c r="OUO53" i="1" s="1"/>
  <c r="OUP53" i="1" s="1"/>
  <c r="OUQ53" i="1" s="1"/>
  <c r="OUR53" i="1" s="1"/>
  <c r="OUS53" i="1" s="1"/>
  <c r="OUT53" i="1" s="1"/>
  <c r="OUU53" i="1" s="1"/>
  <c r="OUV53" i="1" s="1"/>
  <c r="OUW53" i="1" s="1"/>
  <c r="OUX53" i="1" s="1"/>
  <c r="OUY53" i="1" s="1"/>
  <c r="OUZ53" i="1" s="1"/>
  <c r="OVA53" i="1" s="1"/>
  <c r="OVB53" i="1" s="1"/>
  <c r="OVC53" i="1" s="1"/>
  <c r="OVD53" i="1" s="1"/>
  <c r="OVE53" i="1" s="1"/>
  <c r="OVF53" i="1" s="1"/>
  <c r="OVG53" i="1" s="1"/>
  <c r="OVH53" i="1" s="1"/>
  <c r="OVI53" i="1" s="1"/>
  <c r="OVJ53" i="1" s="1"/>
  <c r="OVK53" i="1" s="1"/>
  <c r="OVL53" i="1" s="1"/>
  <c r="OVM53" i="1" s="1"/>
  <c r="OVN53" i="1" s="1"/>
  <c r="OVO53" i="1" s="1"/>
  <c r="OVP53" i="1" s="1"/>
  <c r="OVQ53" i="1" s="1"/>
  <c r="OVR53" i="1" s="1"/>
  <c r="OVS53" i="1" s="1"/>
  <c r="OVT53" i="1" s="1"/>
  <c r="OVU53" i="1" s="1"/>
  <c r="OVV53" i="1" s="1"/>
  <c r="OVW53" i="1" s="1"/>
  <c r="OVX53" i="1" s="1"/>
  <c r="OVY53" i="1" s="1"/>
  <c r="OVZ53" i="1" s="1"/>
  <c r="OWA53" i="1" s="1"/>
  <c r="OWB53" i="1" s="1"/>
  <c r="OWC53" i="1" s="1"/>
  <c r="OWD53" i="1" s="1"/>
  <c r="OWE53" i="1" s="1"/>
  <c r="OWF53" i="1" s="1"/>
  <c r="OWG53" i="1" s="1"/>
  <c r="OWH53" i="1" s="1"/>
  <c r="OWI53" i="1" s="1"/>
  <c r="OWJ53" i="1" s="1"/>
  <c r="OWK53" i="1" s="1"/>
  <c r="OWL53" i="1" s="1"/>
  <c r="OWM53" i="1" s="1"/>
  <c r="OWN53" i="1" s="1"/>
  <c r="OWO53" i="1" s="1"/>
  <c r="OWP53" i="1" s="1"/>
  <c r="OWQ53" i="1" s="1"/>
  <c r="OWR53" i="1" s="1"/>
  <c r="OWS53" i="1" s="1"/>
  <c r="OWT53" i="1" s="1"/>
  <c r="OWU53" i="1" s="1"/>
  <c r="OWV53" i="1" s="1"/>
  <c r="OWW53" i="1" s="1"/>
  <c r="OWX53" i="1" s="1"/>
  <c r="OWY53" i="1" s="1"/>
  <c r="OWZ53" i="1" s="1"/>
  <c r="OXA53" i="1" s="1"/>
  <c r="OXB53" i="1" s="1"/>
  <c r="OXC53" i="1" s="1"/>
  <c r="OXD53" i="1" s="1"/>
  <c r="OXE53" i="1" s="1"/>
  <c r="OXF53" i="1" s="1"/>
  <c r="OXG53" i="1" s="1"/>
  <c r="OXH53" i="1" s="1"/>
  <c r="OXI53" i="1" s="1"/>
  <c r="OXJ53" i="1" s="1"/>
  <c r="OXK53" i="1" s="1"/>
  <c r="OXL53" i="1" s="1"/>
  <c r="OXM53" i="1" s="1"/>
  <c r="OXN53" i="1" s="1"/>
  <c r="OXO53" i="1" s="1"/>
  <c r="OXP53" i="1" s="1"/>
  <c r="OXQ53" i="1" s="1"/>
  <c r="OXR53" i="1" s="1"/>
  <c r="OXS53" i="1" s="1"/>
  <c r="OXT53" i="1" s="1"/>
  <c r="OXU53" i="1" s="1"/>
  <c r="OXV53" i="1" s="1"/>
  <c r="OXW53" i="1" s="1"/>
  <c r="OXX53" i="1" s="1"/>
  <c r="OXY53" i="1" s="1"/>
  <c r="OXZ53" i="1" s="1"/>
  <c r="OYA53" i="1" s="1"/>
  <c r="OYB53" i="1" s="1"/>
  <c r="OYC53" i="1" s="1"/>
  <c r="OYD53" i="1" s="1"/>
  <c r="OYE53" i="1" s="1"/>
  <c r="OYF53" i="1" s="1"/>
  <c r="OYG53" i="1" s="1"/>
  <c r="OYH53" i="1" s="1"/>
  <c r="OYI53" i="1" s="1"/>
  <c r="OYJ53" i="1" s="1"/>
  <c r="OYK53" i="1" s="1"/>
  <c r="OYL53" i="1" s="1"/>
  <c r="OYM53" i="1" s="1"/>
  <c r="OYN53" i="1" s="1"/>
  <c r="OYO53" i="1" s="1"/>
  <c r="OYP53" i="1" s="1"/>
  <c r="OYQ53" i="1" s="1"/>
  <c r="OYR53" i="1" s="1"/>
  <c r="OYS53" i="1" s="1"/>
  <c r="OYT53" i="1" s="1"/>
  <c r="OYU53" i="1" s="1"/>
  <c r="OYV53" i="1" s="1"/>
  <c r="OYW53" i="1" s="1"/>
  <c r="OYX53" i="1" s="1"/>
  <c r="OYY53" i="1" s="1"/>
  <c r="OYZ53" i="1" s="1"/>
  <c r="OZA53" i="1" s="1"/>
  <c r="OZB53" i="1" s="1"/>
  <c r="OZC53" i="1" s="1"/>
  <c r="OZD53" i="1" s="1"/>
  <c r="OZE53" i="1" s="1"/>
  <c r="OZF53" i="1" s="1"/>
  <c r="OZG53" i="1" s="1"/>
  <c r="OZH53" i="1" s="1"/>
  <c r="OZI53" i="1" s="1"/>
  <c r="OZJ53" i="1" s="1"/>
  <c r="OZK53" i="1" s="1"/>
  <c r="OZL53" i="1" s="1"/>
  <c r="OZM53" i="1" s="1"/>
  <c r="OZN53" i="1" s="1"/>
  <c r="OZO53" i="1" s="1"/>
  <c r="OZP53" i="1" s="1"/>
  <c r="OZQ53" i="1" s="1"/>
  <c r="OZR53" i="1" s="1"/>
  <c r="OZS53" i="1" s="1"/>
  <c r="OZT53" i="1" s="1"/>
  <c r="OZU53" i="1" s="1"/>
  <c r="OZV53" i="1" s="1"/>
  <c r="OZW53" i="1" s="1"/>
  <c r="OZX53" i="1" s="1"/>
  <c r="OZY53" i="1" s="1"/>
  <c r="OZZ53" i="1" s="1"/>
  <c r="PAA53" i="1" s="1"/>
  <c r="PAB53" i="1" s="1"/>
  <c r="PAC53" i="1" s="1"/>
  <c r="PAD53" i="1" s="1"/>
  <c r="PAE53" i="1" s="1"/>
  <c r="PAF53" i="1" s="1"/>
  <c r="PAG53" i="1" s="1"/>
  <c r="PAH53" i="1" s="1"/>
  <c r="PAI53" i="1" s="1"/>
  <c r="PAJ53" i="1" s="1"/>
  <c r="PAK53" i="1" s="1"/>
  <c r="PAL53" i="1" s="1"/>
  <c r="PAM53" i="1" s="1"/>
  <c r="PAN53" i="1" s="1"/>
  <c r="PAO53" i="1" s="1"/>
  <c r="PAP53" i="1" s="1"/>
  <c r="PAQ53" i="1" s="1"/>
  <c r="PAR53" i="1" s="1"/>
  <c r="PAS53" i="1" s="1"/>
  <c r="PAT53" i="1" s="1"/>
  <c r="PAU53" i="1" s="1"/>
  <c r="PAV53" i="1" s="1"/>
  <c r="PAW53" i="1" s="1"/>
  <c r="PAX53" i="1" s="1"/>
  <c r="PAY53" i="1" s="1"/>
  <c r="PAZ53" i="1" s="1"/>
  <c r="PBA53" i="1" s="1"/>
  <c r="PBB53" i="1" s="1"/>
  <c r="PBC53" i="1" s="1"/>
  <c r="PBD53" i="1" s="1"/>
  <c r="PBE53" i="1" s="1"/>
  <c r="PBF53" i="1" s="1"/>
  <c r="PBG53" i="1" s="1"/>
  <c r="PBH53" i="1" s="1"/>
  <c r="PBI53" i="1" s="1"/>
  <c r="PBJ53" i="1" s="1"/>
  <c r="PBK53" i="1" s="1"/>
  <c r="PBL53" i="1" s="1"/>
  <c r="PBM53" i="1" s="1"/>
  <c r="PBN53" i="1" s="1"/>
  <c r="PBO53" i="1" s="1"/>
  <c r="PBP53" i="1" s="1"/>
  <c r="PBQ53" i="1" s="1"/>
  <c r="PBR53" i="1" s="1"/>
  <c r="PBS53" i="1" s="1"/>
  <c r="PBT53" i="1" s="1"/>
  <c r="PBU53" i="1" s="1"/>
  <c r="PBV53" i="1" s="1"/>
  <c r="PBW53" i="1" s="1"/>
  <c r="PBX53" i="1" s="1"/>
  <c r="PBY53" i="1" s="1"/>
  <c r="PBZ53" i="1" s="1"/>
  <c r="PCA53" i="1" s="1"/>
  <c r="PCB53" i="1" s="1"/>
  <c r="PCC53" i="1" s="1"/>
  <c r="PCD53" i="1" s="1"/>
  <c r="PCE53" i="1" s="1"/>
  <c r="PCF53" i="1" s="1"/>
  <c r="PCG53" i="1" s="1"/>
  <c r="PCH53" i="1" s="1"/>
  <c r="PCI53" i="1" s="1"/>
  <c r="PCJ53" i="1" s="1"/>
  <c r="PCK53" i="1" s="1"/>
  <c r="PCL53" i="1" s="1"/>
  <c r="PCM53" i="1" s="1"/>
  <c r="PCN53" i="1" s="1"/>
  <c r="PCO53" i="1" s="1"/>
  <c r="PCP53" i="1" s="1"/>
  <c r="PCQ53" i="1" s="1"/>
  <c r="PCR53" i="1" s="1"/>
  <c r="PCS53" i="1" s="1"/>
  <c r="PCT53" i="1" s="1"/>
  <c r="PCU53" i="1" s="1"/>
  <c r="PCV53" i="1" s="1"/>
  <c r="PCW53" i="1" s="1"/>
  <c r="PCX53" i="1" s="1"/>
  <c r="PCY53" i="1" s="1"/>
  <c r="PCZ53" i="1" s="1"/>
  <c r="PDA53" i="1" s="1"/>
  <c r="PDB53" i="1" s="1"/>
  <c r="PDC53" i="1" s="1"/>
  <c r="PDD53" i="1" s="1"/>
  <c r="PDE53" i="1" s="1"/>
  <c r="PDF53" i="1" s="1"/>
  <c r="PDG53" i="1" s="1"/>
  <c r="PDH53" i="1" s="1"/>
  <c r="PDI53" i="1" s="1"/>
  <c r="PDJ53" i="1" s="1"/>
  <c r="PDK53" i="1" s="1"/>
  <c r="PDL53" i="1" s="1"/>
  <c r="PDM53" i="1" s="1"/>
  <c r="PDN53" i="1" s="1"/>
  <c r="PDO53" i="1" s="1"/>
  <c r="PDP53" i="1" s="1"/>
  <c r="PDQ53" i="1" s="1"/>
  <c r="PDR53" i="1" s="1"/>
  <c r="PDS53" i="1" s="1"/>
  <c r="PDT53" i="1" s="1"/>
  <c r="PDU53" i="1" s="1"/>
  <c r="PDV53" i="1" s="1"/>
  <c r="PDW53" i="1" s="1"/>
  <c r="PDX53" i="1" s="1"/>
  <c r="PDY53" i="1" s="1"/>
  <c r="PDZ53" i="1" s="1"/>
  <c r="PEA53" i="1" s="1"/>
  <c r="PEB53" i="1" s="1"/>
  <c r="PEC53" i="1" s="1"/>
  <c r="PED53" i="1" s="1"/>
  <c r="PEE53" i="1" s="1"/>
  <c r="PEF53" i="1" s="1"/>
  <c r="PEG53" i="1" s="1"/>
  <c r="PEH53" i="1" s="1"/>
  <c r="PEI53" i="1" s="1"/>
  <c r="PEJ53" i="1" s="1"/>
  <c r="PEK53" i="1" s="1"/>
  <c r="PEL53" i="1" s="1"/>
  <c r="PEM53" i="1" s="1"/>
  <c r="PEN53" i="1" s="1"/>
  <c r="PEO53" i="1" s="1"/>
  <c r="PEP53" i="1" s="1"/>
  <c r="PEQ53" i="1" s="1"/>
  <c r="PER53" i="1" s="1"/>
  <c r="PES53" i="1" s="1"/>
  <c r="PET53" i="1" s="1"/>
  <c r="PEU53" i="1" s="1"/>
  <c r="PEV53" i="1" s="1"/>
  <c r="PEW53" i="1" s="1"/>
  <c r="PEX53" i="1" s="1"/>
  <c r="PEY53" i="1" s="1"/>
  <c r="PEZ53" i="1" s="1"/>
  <c r="PFA53" i="1" s="1"/>
  <c r="PFB53" i="1" s="1"/>
  <c r="PFC53" i="1" s="1"/>
  <c r="PFD53" i="1" s="1"/>
  <c r="PFE53" i="1" s="1"/>
  <c r="PFF53" i="1" s="1"/>
  <c r="PFG53" i="1" s="1"/>
  <c r="PFH53" i="1" s="1"/>
  <c r="PFI53" i="1" s="1"/>
  <c r="PFJ53" i="1" s="1"/>
  <c r="PFK53" i="1" s="1"/>
  <c r="PFL53" i="1" s="1"/>
  <c r="PFM53" i="1" s="1"/>
  <c r="PFN53" i="1" s="1"/>
  <c r="PFO53" i="1" s="1"/>
  <c r="PFP53" i="1" s="1"/>
  <c r="PFQ53" i="1" s="1"/>
  <c r="PFR53" i="1" s="1"/>
  <c r="PFS53" i="1" s="1"/>
  <c r="PFT53" i="1" s="1"/>
  <c r="PFU53" i="1" s="1"/>
  <c r="PFV53" i="1" s="1"/>
  <c r="PFW53" i="1" s="1"/>
  <c r="PFX53" i="1" s="1"/>
  <c r="PFY53" i="1" s="1"/>
  <c r="PFZ53" i="1" s="1"/>
  <c r="PGA53" i="1" s="1"/>
  <c r="PGB53" i="1" s="1"/>
  <c r="PGC53" i="1" s="1"/>
  <c r="PGD53" i="1" s="1"/>
  <c r="PGE53" i="1" s="1"/>
  <c r="PGF53" i="1" s="1"/>
  <c r="PGG53" i="1" s="1"/>
  <c r="PGH53" i="1" s="1"/>
  <c r="PGI53" i="1" s="1"/>
  <c r="PGJ53" i="1" s="1"/>
  <c r="PGK53" i="1" s="1"/>
  <c r="PGL53" i="1" s="1"/>
  <c r="PGM53" i="1" s="1"/>
  <c r="PGN53" i="1" s="1"/>
  <c r="PGO53" i="1" s="1"/>
  <c r="PGP53" i="1" s="1"/>
  <c r="PGQ53" i="1" s="1"/>
  <c r="PGR53" i="1" s="1"/>
  <c r="PGS53" i="1" s="1"/>
  <c r="PGT53" i="1" s="1"/>
  <c r="PGU53" i="1" s="1"/>
  <c r="PGV53" i="1" s="1"/>
  <c r="PGW53" i="1" s="1"/>
  <c r="PGX53" i="1" s="1"/>
  <c r="PGY53" i="1" s="1"/>
  <c r="PGZ53" i="1" s="1"/>
  <c r="PHA53" i="1" s="1"/>
  <c r="PHB53" i="1" s="1"/>
  <c r="PHC53" i="1" s="1"/>
  <c r="PHD53" i="1" s="1"/>
  <c r="PHE53" i="1" s="1"/>
  <c r="PHF53" i="1" s="1"/>
  <c r="PHG53" i="1" s="1"/>
  <c r="PHH53" i="1" s="1"/>
  <c r="PHI53" i="1" s="1"/>
  <c r="PHJ53" i="1" s="1"/>
  <c r="PHK53" i="1" s="1"/>
  <c r="PHL53" i="1" s="1"/>
  <c r="PHM53" i="1" s="1"/>
  <c r="PHN53" i="1" s="1"/>
  <c r="PHO53" i="1" s="1"/>
  <c r="PHP53" i="1" s="1"/>
  <c r="PHQ53" i="1" s="1"/>
  <c r="PHR53" i="1" s="1"/>
  <c r="PHS53" i="1" s="1"/>
  <c r="PHT53" i="1" s="1"/>
  <c r="PHU53" i="1" s="1"/>
  <c r="PHV53" i="1" s="1"/>
  <c r="PHW53" i="1" s="1"/>
  <c r="PHX53" i="1" s="1"/>
  <c r="PHY53" i="1" s="1"/>
  <c r="PHZ53" i="1" s="1"/>
  <c r="PIA53" i="1" s="1"/>
  <c r="PIB53" i="1" s="1"/>
  <c r="PIC53" i="1" s="1"/>
  <c r="PID53" i="1" s="1"/>
  <c r="PIE53" i="1" s="1"/>
  <c r="PIF53" i="1" s="1"/>
  <c r="PIG53" i="1" s="1"/>
  <c r="PIH53" i="1" s="1"/>
  <c r="PII53" i="1" s="1"/>
  <c r="PIJ53" i="1" s="1"/>
  <c r="PIK53" i="1" s="1"/>
  <c r="PIL53" i="1" s="1"/>
  <c r="PIM53" i="1" s="1"/>
  <c r="PIN53" i="1" s="1"/>
  <c r="PIO53" i="1" s="1"/>
  <c r="PIP53" i="1" s="1"/>
  <c r="PIQ53" i="1" s="1"/>
  <c r="PIR53" i="1" s="1"/>
  <c r="PIS53" i="1" s="1"/>
  <c r="PIT53" i="1" s="1"/>
  <c r="PIU53" i="1" s="1"/>
  <c r="PIV53" i="1" s="1"/>
  <c r="PIW53" i="1" s="1"/>
  <c r="PIX53" i="1" s="1"/>
  <c r="PIY53" i="1" s="1"/>
  <c r="PIZ53" i="1" s="1"/>
  <c r="PJA53" i="1" s="1"/>
  <c r="PJB53" i="1" s="1"/>
  <c r="PJC53" i="1" s="1"/>
  <c r="PJD53" i="1" s="1"/>
  <c r="PJE53" i="1" s="1"/>
  <c r="PJF53" i="1" s="1"/>
  <c r="PJG53" i="1" s="1"/>
  <c r="PJH53" i="1" s="1"/>
  <c r="PJI53" i="1" s="1"/>
  <c r="PJJ53" i="1" s="1"/>
  <c r="PJK53" i="1" s="1"/>
  <c r="PJL53" i="1" s="1"/>
  <c r="PJM53" i="1" s="1"/>
  <c r="PJN53" i="1" s="1"/>
  <c r="PJO53" i="1" s="1"/>
  <c r="PJP53" i="1" s="1"/>
  <c r="PJQ53" i="1" s="1"/>
  <c r="PJR53" i="1" s="1"/>
  <c r="PJS53" i="1" s="1"/>
  <c r="PJT53" i="1" s="1"/>
  <c r="PJU53" i="1" s="1"/>
  <c r="PJV53" i="1" s="1"/>
  <c r="PJW53" i="1" s="1"/>
  <c r="PJX53" i="1" s="1"/>
  <c r="PJY53" i="1" s="1"/>
  <c r="PJZ53" i="1" s="1"/>
  <c r="PKA53" i="1" s="1"/>
  <c r="PKB53" i="1" s="1"/>
  <c r="PKC53" i="1" s="1"/>
  <c r="PKD53" i="1" s="1"/>
  <c r="PKE53" i="1" s="1"/>
  <c r="PKF53" i="1" s="1"/>
  <c r="PKG53" i="1" s="1"/>
  <c r="PKH53" i="1" s="1"/>
  <c r="PKI53" i="1" s="1"/>
  <c r="PKJ53" i="1" s="1"/>
  <c r="PKK53" i="1" s="1"/>
  <c r="PKL53" i="1" s="1"/>
  <c r="PKM53" i="1" s="1"/>
  <c r="PKN53" i="1" s="1"/>
  <c r="PKO53" i="1" s="1"/>
  <c r="PKP53" i="1" s="1"/>
  <c r="PKQ53" i="1" s="1"/>
  <c r="PKR53" i="1" s="1"/>
  <c r="PKS53" i="1" s="1"/>
  <c r="PKT53" i="1" s="1"/>
  <c r="PKU53" i="1" s="1"/>
  <c r="PKV53" i="1" s="1"/>
  <c r="PKW53" i="1" s="1"/>
  <c r="PKX53" i="1" s="1"/>
  <c r="PKY53" i="1" s="1"/>
  <c r="PKZ53" i="1" s="1"/>
  <c r="PLA53" i="1" s="1"/>
  <c r="PLB53" i="1" s="1"/>
  <c r="PLC53" i="1" s="1"/>
  <c r="PLD53" i="1" s="1"/>
  <c r="PLE53" i="1" s="1"/>
  <c r="PLF53" i="1" s="1"/>
  <c r="PLG53" i="1" s="1"/>
  <c r="PLH53" i="1" s="1"/>
  <c r="PLI53" i="1" s="1"/>
  <c r="PLJ53" i="1" s="1"/>
  <c r="PLK53" i="1" s="1"/>
  <c r="PLL53" i="1" s="1"/>
  <c r="PLM53" i="1" s="1"/>
  <c r="PLN53" i="1" s="1"/>
  <c r="PLO53" i="1" s="1"/>
  <c r="PLP53" i="1" s="1"/>
  <c r="PLQ53" i="1" s="1"/>
  <c r="PLR53" i="1" s="1"/>
  <c r="PLS53" i="1" s="1"/>
  <c r="PLT53" i="1" s="1"/>
  <c r="PLU53" i="1" s="1"/>
  <c r="PLV53" i="1" s="1"/>
  <c r="PLW53" i="1" s="1"/>
  <c r="PLX53" i="1" s="1"/>
  <c r="PLY53" i="1" s="1"/>
  <c r="PLZ53" i="1" s="1"/>
  <c r="PMA53" i="1" s="1"/>
  <c r="PMB53" i="1" s="1"/>
  <c r="PMC53" i="1" s="1"/>
  <c r="PMD53" i="1" s="1"/>
  <c r="PME53" i="1" s="1"/>
  <c r="PMF53" i="1" s="1"/>
  <c r="PMG53" i="1" s="1"/>
  <c r="PMH53" i="1" s="1"/>
  <c r="PMI53" i="1" s="1"/>
  <c r="PMJ53" i="1" s="1"/>
  <c r="PMK53" i="1" s="1"/>
  <c r="PML53" i="1" s="1"/>
  <c r="PMM53" i="1" s="1"/>
  <c r="PMN53" i="1" s="1"/>
  <c r="PMO53" i="1" s="1"/>
  <c r="PMP53" i="1" s="1"/>
  <c r="PMQ53" i="1" s="1"/>
  <c r="PMR53" i="1" s="1"/>
  <c r="PMS53" i="1" s="1"/>
  <c r="PMT53" i="1" s="1"/>
  <c r="PMU53" i="1" s="1"/>
  <c r="PMV53" i="1" s="1"/>
  <c r="PMW53" i="1" s="1"/>
  <c r="PMX53" i="1" s="1"/>
  <c r="PMY53" i="1" s="1"/>
  <c r="PMZ53" i="1" s="1"/>
  <c r="PNA53" i="1" s="1"/>
  <c r="PNB53" i="1" s="1"/>
  <c r="PNC53" i="1" s="1"/>
  <c r="PND53" i="1" s="1"/>
  <c r="PNE53" i="1" s="1"/>
  <c r="PNF53" i="1" s="1"/>
  <c r="PNG53" i="1" s="1"/>
  <c r="PNH53" i="1" s="1"/>
  <c r="PNI53" i="1" s="1"/>
  <c r="PNJ53" i="1" s="1"/>
  <c r="PNK53" i="1" s="1"/>
  <c r="PNL53" i="1" s="1"/>
  <c r="PNM53" i="1" s="1"/>
  <c r="PNN53" i="1" s="1"/>
  <c r="PNO53" i="1" s="1"/>
  <c r="PNP53" i="1" s="1"/>
  <c r="PNQ53" i="1" s="1"/>
  <c r="PNR53" i="1" s="1"/>
  <c r="PNS53" i="1" s="1"/>
  <c r="PNT53" i="1" s="1"/>
  <c r="PNU53" i="1" s="1"/>
  <c r="PNV53" i="1" s="1"/>
  <c r="PNW53" i="1" s="1"/>
  <c r="PNX53" i="1" s="1"/>
  <c r="PNY53" i="1" s="1"/>
  <c r="PNZ53" i="1" s="1"/>
  <c r="POA53" i="1" s="1"/>
  <c r="POB53" i="1" s="1"/>
  <c r="POC53" i="1" s="1"/>
  <c r="POD53" i="1" s="1"/>
  <c r="POE53" i="1" s="1"/>
  <c r="POF53" i="1" s="1"/>
  <c r="POG53" i="1" s="1"/>
  <c r="POH53" i="1" s="1"/>
  <c r="POI53" i="1" s="1"/>
  <c r="POJ53" i="1" s="1"/>
  <c r="POK53" i="1" s="1"/>
  <c r="POL53" i="1" s="1"/>
  <c r="POM53" i="1" s="1"/>
  <c r="PON53" i="1" s="1"/>
  <c r="POO53" i="1" s="1"/>
  <c r="POP53" i="1" s="1"/>
  <c r="POQ53" i="1" s="1"/>
  <c r="POR53" i="1" s="1"/>
  <c r="POS53" i="1" s="1"/>
  <c r="POT53" i="1" s="1"/>
  <c r="POU53" i="1" s="1"/>
  <c r="POV53" i="1" s="1"/>
  <c r="POW53" i="1" s="1"/>
  <c r="POX53" i="1" s="1"/>
  <c r="POY53" i="1" s="1"/>
  <c r="POZ53" i="1" s="1"/>
  <c r="PPA53" i="1" s="1"/>
  <c r="PPB53" i="1" s="1"/>
  <c r="PPC53" i="1" s="1"/>
  <c r="PPD53" i="1" s="1"/>
  <c r="PPE53" i="1" s="1"/>
  <c r="PPF53" i="1" s="1"/>
  <c r="PPG53" i="1" s="1"/>
  <c r="PPH53" i="1" s="1"/>
  <c r="PPI53" i="1" s="1"/>
  <c r="PPJ53" i="1" s="1"/>
  <c r="PPK53" i="1" s="1"/>
  <c r="PPL53" i="1" s="1"/>
  <c r="PPM53" i="1" s="1"/>
  <c r="PPN53" i="1" s="1"/>
  <c r="PPO53" i="1" s="1"/>
  <c r="PPP53" i="1" s="1"/>
  <c r="PPQ53" i="1" s="1"/>
  <c r="PPR53" i="1" s="1"/>
  <c r="PPS53" i="1" s="1"/>
  <c r="PPT53" i="1" s="1"/>
  <c r="PPU53" i="1" s="1"/>
  <c r="PPV53" i="1" s="1"/>
  <c r="PPW53" i="1" s="1"/>
  <c r="PPX53" i="1" s="1"/>
  <c r="PPY53" i="1" s="1"/>
  <c r="PPZ53" i="1" s="1"/>
  <c r="PQA53" i="1" s="1"/>
  <c r="PQB53" i="1" s="1"/>
  <c r="PQC53" i="1" s="1"/>
  <c r="PQD53" i="1" s="1"/>
  <c r="PQE53" i="1" s="1"/>
  <c r="PQF53" i="1" s="1"/>
  <c r="PQG53" i="1" s="1"/>
  <c r="PQH53" i="1" s="1"/>
  <c r="PQI53" i="1" s="1"/>
  <c r="PQJ53" i="1" s="1"/>
  <c r="PQK53" i="1" s="1"/>
  <c r="PQL53" i="1" s="1"/>
  <c r="PQM53" i="1" s="1"/>
  <c r="PQN53" i="1" s="1"/>
  <c r="PQO53" i="1" s="1"/>
  <c r="PQP53" i="1" s="1"/>
  <c r="PQQ53" i="1" s="1"/>
  <c r="PQR53" i="1" s="1"/>
  <c r="PQS53" i="1" s="1"/>
  <c r="PQT53" i="1" s="1"/>
  <c r="PQU53" i="1" s="1"/>
  <c r="PQV53" i="1" s="1"/>
  <c r="PQW53" i="1" s="1"/>
  <c r="PQX53" i="1" s="1"/>
  <c r="PQY53" i="1" s="1"/>
  <c r="PQZ53" i="1" s="1"/>
  <c r="PRA53" i="1" s="1"/>
  <c r="PRB53" i="1" s="1"/>
  <c r="PRC53" i="1" s="1"/>
  <c r="PRD53" i="1" s="1"/>
  <c r="PRE53" i="1" s="1"/>
  <c r="PRF53" i="1" s="1"/>
  <c r="PRG53" i="1" s="1"/>
  <c r="PRH53" i="1" s="1"/>
  <c r="PRI53" i="1" s="1"/>
  <c r="PRJ53" i="1" s="1"/>
  <c r="PRK53" i="1" s="1"/>
  <c r="PRL53" i="1" s="1"/>
  <c r="PRM53" i="1" s="1"/>
  <c r="PRN53" i="1" s="1"/>
  <c r="PRO53" i="1" s="1"/>
  <c r="PRP53" i="1" s="1"/>
  <c r="PRQ53" i="1" s="1"/>
  <c r="PRR53" i="1" s="1"/>
  <c r="PRS53" i="1" s="1"/>
  <c r="PRT53" i="1" s="1"/>
  <c r="PRU53" i="1" s="1"/>
  <c r="PRV53" i="1" s="1"/>
  <c r="PRW53" i="1" s="1"/>
  <c r="PRX53" i="1" s="1"/>
  <c r="PRY53" i="1" s="1"/>
  <c r="PRZ53" i="1" s="1"/>
  <c r="PSA53" i="1" s="1"/>
  <c r="PSB53" i="1" s="1"/>
  <c r="PSC53" i="1" s="1"/>
  <c r="PSD53" i="1" s="1"/>
  <c r="PSE53" i="1" s="1"/>
  <c r="PSF53" i="1" s="1"/>
  <c r="PSG53" i="1" s="1"/>
  <c r="PSH53" i="1" s="1"/>
  <c r="PSI53" i="1" s="1"/>
  <c r="PSJ53" i="1" s="1"/>
  <c r="PSK53" i="1" s="1"/>
  <c r="PSL53" i="1" s="1"/>
  <c r="PSM53" i="1" s="1"/>
  <c r="PSN53" i="1" s="1"/>
  <c r="PSO53" i="1" s="1"/>
  <c r="PSP53" i="1" s="1"/>
  <c r="PSQ53" i="1" s="1"/>
  <c r="PSR53" i="1" s="1"/>
  <c r="PSS53" i="1" s="1"/>
  <c r="PST53" i="1" s="1"/>
  <c r="PSU53" i="1" s="1"/>
  <c r="PSV53" i="1" s="1"/>
  <c r="PSW53" i="1" s="1"/>
  <c r="PSX53" i="1" s="1"/>
  <c r="PSY53" i="1" s="1"/>
  <c r="PSZ53" i="1" s="1"/>
  <c r="PTA53" i="1" s="1"/>
  <c r="PTB53" i="1" s="1"/>
  <c r="PTC53" i="1" s="1"/>
  <c r="PTD53" i="1" s="1"/>
  <c r="PTE53" i="1" s="1"/>
  <c r="PTF53" i="1" s="1"/>
  <c r="PTG53" i="1" s="1"/>
  <c r="PTH53" i="1" s="1"/>
  <c r="PTI53" i="1" s="1"/>
  <c r="PTJ53" i="1" s="1"/>
  <c r="PTK53" i="1" s="1"/>
  <c r="PTL53" i="1" s="1"/>
  <c r="PTM53" i="1" s="1"/>
  <c r="PTN53" i="1" s="1"/>
  <c r="PTO53" i="1" s="1"/>
  <c r="PTP53" i="1" s="1"/>
  <c r="PTQ53" i="1" s="1"/>
  <c r="PTR53" i="1" s="1"/>
  <c r="PTS53" i="1" s="1"/>
  <c r="PTT53" i="1" s="1"/>
  <c r="PTU53" i="1" s="1"/>
  <c r="PTV53" i="1" s="1"/>
  <c r="PTW53" i="1" s="1"/>
  <c r="PTX53" i="1" s="1"/>
  <c r="PTY53" i="1" s="1"/>
  <c r="PTZ53" i="1" s="1"/>
  <c r="PUA53" i="1" s="1"/>
  <c r="PUB53" i="1" s="1"/>
  <c r="PUC53" i="1" s="1"/>
  <c r="PUD53" i="1" s="1"/>
  <c r="PUE53" i="1" s="1"/>
  <c r="PUF53" i="1" s="1"/>
  <c r="PUG53" i="1" s="1"/>
  <c r="PUH53" i="1" s="1"/>
  <c r="PUI53" i="1" s="1"/>
  <c r="PUJ53" i="1" s="1"/>
  <c r="PUK53" i="1" s="1"/>
  <c r="PUL53" i="1" s="1"/>
  <c r="PUM53" i="1" s="1"/>
  <c r="PUN53" i="1" s="1"/>
  <c r="PUO53" i="1" s="1"/>
  <c r="PUP53" i="1" s="1"/>
  <c r="PUQ53" i="1" s="1"/>
  <c r="PUR53" i="1" s="1"/>
  <c r="PUS53" i="1" s="1"/>
  <c r="PUT53" i="1" s="1"/>
  <c r="PUU53" i="1" s="1"/>
  <c r="PUV53" i="1" s="1"/>
  <c r="PUW53" i="1" s="1"/>
  <c r="PUX53" i="1" s="1"/>
  <c r="PUY53" i="1" s="1"/>
  <c r="PUZ53" i="1" s="1"/>
  <c r="PVA53" i="1" s="1"/>
  <c r="PVB53" i="1" s="1"/>
  <c r="PVC53" i="1" s="1"/>
  <c r="PVD53" i="1" s="1"/>
  <c r="PVE53" i="1" s="1"/>
  <c r="PVF53" i="1" s="1"/>
  <c r="PVG53" i="1" s="1"/>
  <c r="PVH53" i="1" s="1"/>
  <c r="PVI53" i="1" s="1"/>
  <c r="PVJ53" i="1" s="1"/>
  <c r="PVK53" i="1" s="1"/>
  <c r="PVL53" i="1" s="1"/>
  <c r="PVM53" i="1" s="1"/>
  <c r="PVN53" i="1" s="1"/>
  <c r="PVO53" i="1" s="1"/>
  <c r="PVP53" i="1" s="1"/>
  <c r="PVQ53" i="1" s="1"/>
  <c r="PVR53" i="1" s="1"/>
  <c r="PVS53" i="1" s="1"/>
  <c r="PVT53" i="1" s="1"/>
  <c r="PVU53" i="1" s="1"/>
  <c r="PVV53" i="1" s="1"/>
  <c r="PVW53" i="1" s="1"/>
  <c r="PVX53" i="1" s="1"/>
  <c r="PVY53" i="1" s="1"/>
  <c r="PVZ53" i="1" s="1"/>
  <c r="PWA53" i="1" s="1"/>
  <c r="PWB53" i="1" s="1"/>
  <c r="PWC53" i="1" s="1"/>
  <c r="PWD53" i="1" s="1"/>
  <c r="PWE53" i="1" s="1"/>
  <c r="PWF53" i="1" s="1"/>
  <c r="PWG53" i="1" s="1"/>
  <c r="PWH53" i="1" s="1"/>
  <c r="PWI53" i="1" s="1"/>
  <c r="PWJ53" i="1" s="1"/>
  <c r="PWK53" i="1" s="1"/>
  <c r="PWL53" i="1" s="1"/>
  <c r="PWM53" i="1" s="1"/>
  <c r="PWN53" i="1" s="1"/>
  <c r="PWO53" i="1" s="1"/>
  <c r="PWP53" i="1" s="1"/>
  <c r="PWQ53" i="1" s="1"/>
  <c r="PWR53" i="1" s="1"/>
  <c r="PWS53" i="1" s="1"/>
  <c r="PWT53" i="1" s="1"/>
  <c r="PWU53" i="1" s="1"/>
  <c r="PWV53" i="1" s="1"/>
  <c r="PWW53" i="1" s="1"/>
  <c r="PWX53" i="1" s="1"/>
  <c r="PWY53" i="1" s="1"/>
  <c r="PWZ53" i="1" s="1"/>
  <c r="PXA53" i="1" s="1"/>
  <c r="PXB53" i="1" s="1"/>
  <c r="PXC53" i="1" s="1"/>
  <c r="PXD53" i="1" s="1"/>
  <c r="PXE53" i="1" s="1"/>
  <c r="PXF53" i="1" s="1"/>
  <c r="PXG53" i="1" s="1"/>
  <c r="PXH53" i="1" s="1"/>
  <c r="PXI53" i="1" s="1"/>
  <c r="PXJ53" i="1" s="1"/>
  <c r="PXK53" i="1" s="1"/>
  <c r="PXL53" i="1" s="1"/>
  <c r="PXM53" i="1" s="1"/>
  <c r="PXN53" i="1" s="1"/>
  <c r="PXO53" i="1" s="1"/>
  <c r="PXP53" i="1" s="1"/>
  <c r="PXQ53" i="1" s="1"/>
  <c r="PXR53" i="1" s="1"/>
  <c r="PXS53" i="1" s="1"/>
  <c r="PXT53" i="1" s="1"/>
  <c r="PXU53" i="1" s="1"/>
  <c r="PXV53" i="1" s="1"/>
  <c r="PXW53" i="1" s="1"/>
  <c r="PXX53" i="1" s="1"/>
  <c r="PXY53" i="1" s="1"/>
  <c r="PXZ53" i="1" s="1"/>
  <c r="PYA53" i="1" s="1"/>
  <c r="PYB53" i="1" s="1"/>
  <c r="PYC53" i="1" s="1"/>
  <c r="PYD53" i="1" s="1"/>
  <c r="PYE53" i="1" s="1"/>
  <c r="PYF53" i="1" s="1"/>
  <c r="PYG53" i="1" s="1"/>
  <c r="PYH53" i="1" s="1"/>
  <c r="PYI53" i="1" s="1"/>
  <c r="PYJ53" i="1" s="1"/>
  <c r="PYK53" i="1" s="1"/>
  <c r="PYL53" i="1" s="1"/>
  <c r="PYM53" i="1" s="1"/>
  <c r="PYN53" i="1" s="1"/>
  <c r="PYO53" i="1" s="1"/>
  <c r="PYP53" i="1" s="1"/>
  <c r="PYQ53" i="1" s="1"/>
  <c r="PYR53" i="1" s="1"/>
  <c r="PYS53" i="1" s="1"/>
  <c r="PYT53" i="1" s="1"/>
  <c r="PYU53" i="1" s="1"/>
  <c r="PYV53" i="1" s="1"/>
  <c r="PYW53" i="1" s="1"/>
  <c r="PYX53" i="1" s="1"/>
  <c r="PYY53" i="1" s="1"/>
  <c r="PYZ53" i="1" s="1"/>
  <c r="PZA53" i="1" s="1"/>
  <c r="PZB53" i="1" s="1"/>
  <c r="PZC53" i="1" s="1"/>
  <c r="PZD53" i="1" s="1"/>
  <c r="PZE53" i="1" s="1"/>
  <c r="PZF53" i="1" s="1"/>
  <c r="PZG53" i="1" s="1"/>
  <c r="PZH53" i="1" s="1"/>
  <c r="PZI53" i="1" s="1"/>
  <c r="PZJ53" i="1" s="1"/>
  <c r="PZK53" i="1" s="1"/>
  <c r="PZL53" i="1" s="1"/>
  <c r="PZM53" i="1" s="1"/>
  <c r="PZN53" i="1" s="1"/>
  <c r="PZO53" i="1" s="1"/>
  <c r="PZP53" i="1" s="1"/>
  <c r="PZQ53" i="1" s="1"/>
  <c r="PZR53" i="1" s="1"/>
  <c r="PZS53" i="1" s="1"/>
  <c r="PZT53" i="1" s="1"/>
  <c r="PZU53" i="1" s="1"/>
  <c r="PZV53" i="1" s="1"/>
  <c r="PZW53" i="1" s="1"/>
  <c r="PZX53" i="1" s="1"/>
  <c r="PZY53" i="1" s="1"/>
  <c r="PZZ53" i="1" s="1"/>
  <c r="QAA53" i="1" s="1"/>
  <c r="QAB53" i="1" s="1"/>
  <c r="QAC53" i="1" s="1"/>
  <c r="QAD53" i="1" s="1"/>
  <c r="QAE53" i="1" s="1"/>
  <c r="QAF53" i="1" s="1"/>
  <c r="QAG53" i="1" s="1"/>
  <c r="QAH53" i="1" s="1"/>
  <c r="QAI53" i="1" s="1"/>
  <c r="QAJ53" i="1" s="1"/>
  <c r="QAK53" i="1" s="1"/>
  <c r="QAL53" i="1" s="1"/>
  <c r="QAM53" i="1" s="1"/>
  <c r="QAN53" i="1" s="1"/>
  <c r="QAO53" i="1" s="1"/>
  <c r="QAP53" i="1" s="1"/>
  <c r="QAQ53" i="1" s="1"/>
  <c r="QAR53" i="1" s="1"/>
  <c r="QAS53" i="1" s="1"/>
  <c r="QAT53" i="1" s="1"/>
  <c r="QAU53" i="1" s="1"/>
  <c r="QAV53" i="1" s="1"/>
  <c r="QAW53" i="1" s="1"/>
  <c r="QAX53" i="1" s="1"/>
  <c r="QAY53" i="1" s="1"/>
  <c r="QAZ53" i="1" s="1"/>
  <c r="QBA53" i="1" s="1"/>
  <c r="QBB53" i="1" s="1"/>
  <c r="QBC53" i="1" s="1"/>
  <c r="QBD53" i="1" s="1"/>
  <c r="QBE53" i="1" s="1"/>
  <c r="QBF53" i="1" s="1"/>
  <c r="QBG53" i="1" s="1"/>
  <c r="QBH53" i="1" s="1"/>
  <c r="QBI53" i="1" s="1"/>
  <c r="QBJ53" i="1" s="1"/>
  <c r="QBK53" i="1" s="1"/>
  <c r="QBL53" i="1" s="1"/>
  <c r="QBM53" i="1" s="1"/>
  <c r="QBN53" i="1" s="1"/>
  <c r="QBO53" i="1" s="1"/>
  <c r="QBP53" i="1" s="1"/>
  <c r="QBQ53" i="1" s="1"/>
  <c r="QBR53" i="1" s="1"/>
  <c r="QBS53" i="1" s="1"/>
  <c r="QBT53" i="1" s="1"/>
  <c r="QBU53" i="1" s="1"/>
  <c r="QBV53" i="1" s="1"/>
  <c r="QBW53" i="1" s="1"/>
  <c r="QBX53" i="1" s="1"/>
  <c r="QBY53" i="1" s="1"/>
  <c r="QBZ53" i="1" s="1"/>
  <c r="QCA53" i="1" s="1"/>
  <c r="QCB53" i="1" s="1"/>
  <c r="QCC53" i="1" s="1"/>
  <c r="QCD53" i="1" s="1"/>
  <c r="QCE53" i="1" s="1"/>
  <c r="QCF53" i="1" s="1"/>
  <c r="QCG53" i="1" s="1"/>
  <c r="QCH53" i="1" s="1"/>
  <c r="QCI53" i="1" s="1"/>
  <c r="QCJ53" i="1" s="1"/>
  <c r="QCK53" i="1" s="1"/>
  <c r="QCL53" i="1" s="1"/>
  <c r="QCM53" i="1" s="1"/>
  <c r="QCN53" i="1" s="1"/>
  <c r="QCO53" i="1" s="1"/>
  <c r="QCP53" i="1" s="1"/>
  <c r="QCQ53" i="1" s="1"/>
  <c r="QCR53" i="1" s="1"/>
  <c r="QCS53" i="1" s="1"/>
  <c r="QCT53" i="1" s="1"/>
  <c r="QCU53" i="1" s="1"/>
  <c r="QCV53" i="1" s="1"/>
  <c r="QCW53" i="1" s="1"/>
  <c r="QCX53" i="1" s="1"/>
  <c r="QCY53" i="1" s="1"/>
  <c r="QCZ53" i="1" s="1"/>
  <c r="QDA53" i="1" s="1"/>
  <c r="QDB53" i="1" s="1"/>
  <c r="QDC53" i="1" s="1"/>
  <c r="QDD53" i="1" s="1"/>
  <c r="QDE53" i="1" s="1"/>
  <c r="QDF53" i="1" s="1"/>
  <c r="QDG53" i="1" s="1"/>
  <c r="QDH53" i="1" s="1"/>
  <c r="QDI53" i="1" s="1"/>
  <c r="QDJ53" i="1" s="1"/>
  <c r="QDK53" i="1" s="1"/>
  <c r="QDL53" i="1" s="1"/>
  <c r="QDM53" i="1" s="1"/>
  <c r="QDN53" i="1" s="1"/>
  <c r="QDO53" i="1" s="1"/>
  <c r="QDP53" i="1" s="1"/>
  <c r="QDQ53" i="1" s="1"/>
  <c r="QDR53" i="1" s="1"/>
  <c r="QDS53" i="1" s="1"/>
  <c r="QDT53" i="1" s="1"/>
  <c r="QDU53" i="1" s="1"/>
  <c r="QDV53" i="1" s="1"/>
  <c r="QDW53" i="1" s="1"/>
  <c r="QDX53" i="1" s="1"/>
  <c r="QDY53" i="1" s="1"/>
  <c r="QDZ53" i="1" s="1"/>
  <c r="QEA53" i="1" s="1"/>
  <c r="QEB53" i="1" s="1"/>
  <c r="QEC53" i="1" s="1"/>
  <c r="QED53" i="1" s="1"/>
  <c r="QEE53" i="1" s="1"/>
  <c r="QEF53" i="1" s="1"/>
  <c r="QEG53" i="1" s="1"/>
  <c r="QEH53" i="1" s="1"/>
  <c r="QEI53" i="1" s="1"/>
  <c r="QEJ53" i="1" s="1"/>
  <c r="QEK53" i="1" s="1"/>
  <c r="QEL53" i="1" s="1"/>
  <c r="QEM53" i="1" s="1"/>
  <c r="QEN53" i="1" s="1"/>
  <c r="QEO53" i="1" s="1"/>
  <c r="QEP53" i="1" s="1"/>
  <c r="QEQ53" i="1" s="1"/>
  <c r="QER53" i="1" s="1"/>
  <c r="QES53" i="1" s="1"/>
  <c r="QET53" i="1" s="1"/>
  <c r="QEU53" i="1" s="1"/>
  <c r="QEV53" i="1" s="1"/>
  <c r="QEW53" i="1" s="1"/>
  <c r="QEX53" i="1" s="1"/>
  <c r="QEY53" i="1" s="1"/>
  <c r="QEZ53" i="1" s="1"/>
  <c r="QFA53" i="1" s="1"/>
  <c r="QFB53" i="1" s="1"/>
  <c r="QFC53" i="1" s="1"/>
  <c r="QFD53" i="1" s="1"/>
  <c r="QFE53" i="1" s="1"/>
  <c r="QFF53" i="1" s="1"/>
  <c r="QFG53" i="1" s="1"/>
  <c r="QFH53" i="1" s="1"/>
  <c r="QFI53" i="1" s="1"/>
  <c r="QFJ53" i="1" s="1"/>
  <c r="QFK53" i="1" s="1"/>
  <c r="QFL53" i="1" s="1"/>
  <c r="QFM53" i="1" s="1"/>
  <c r="QFN53" i="1" s="1"/>
  <c r="QFO53" i="1" s="1"/>
  <c r="QFP53" i="1" s="1"/>
  <c r="QFQ53" i="1" s="1"/>
  <c r="QFR53" i="1" s="1"/>
  <c r="QFS53" i="1" s="1"/>
  <c r="QFT53" i="1" s="1"/>
  <c r="QFU53" i="1" s="1"/>
  <c r="QFV53" i="1" s="1"/>
  <c r="QFW53" i="1" s="1"/>
  <c r="QFX53" i="1" s="1"/>
  <c r="QFY53" i="1" s="1"/>
  <c r="QFZ53" i="1" s="1"/>
  <c r="QGA53" i="1" s="1"/>
  <c r="QGB53" i="1" s="1"/>
  <c r="QGC53" i="1" s="1"/>
  <c r="QGD53" i="1" s="1"/>
  <c r="QGE53" i="1" s="1"/>
  <c r="QGF53" i="1" s="1"/>
  <c r="QGG53" i="1" s="1"/>
  <c r="QGH53" i="1" s="1"/>
  <c r="QGI53" i="1" s="1"/>
  <c r="QGJ53" i="1" s="1"/>
  <c r="QGK53" i="1" s="1"/>
  <c r="QGL53" i="1" s="1"/>
  <c r="QGM53" i="1" s="1"/>
  <c r="QGN53" i="1" s="1"/>
  <c r="QGO53" i="1" s="1"/>
  <c r="QGP53" i="1" s="1"/>
  <c r="QGQ53" i="1" s="1"/>
  <c r="QGR53" i="1" s="1"/>
  <c r="QGS53" i="1" s="1"/>
  <c r="QGT53" i="1" s="1"/>
  <c r="QGU53" i="1" s="1"/>
  <c r="QGV53" i="1" s="1"/>
  <c r="QGW53" i="1" s="1"/>
  <c r="QGX53" i="1" s="1"/>
  <c r="QGY53" i="1" s="1"/>
  <c r="QGZ53" i="1" s="1"/>
  <c r="QHA53" i="1" s="1"/>
  <c r="QHB53" i="1" s="1"/>
  <c r="QHC53" i="1" s="1"/>
  <c r="QHD53" i="1" s="1"/>
  <c r="QHE53" i="1" s="1"/>
  <c r="QHF53" i="1" s="1"/>
  <c r="QHG53" i="1" s="1"/>
  <c r="QHH53" i="1" s="1"/>
  <c r="QHI53" i="1" s="1"/>
  <c r="QHJ53" i="1" s="1"/>
  <c r="QHK53" i="1" s="1"/>
  <c r="QHL53" i="1" s="1"/>
  <c r="QHM53" i="1" s="1"/>
  <c r="QHN53" i="1" s="1"/>
  <c r="QHO53" i="1" s="1"/>
  <c r="QHP53" i="1" s="1"/>
  <c r="QHQ53" i="1" s="1"/>
  <c r="QHR53" i="1" s="1"/>
  <c r="QHS53" i="1" s="1"/>
  <c r="QHT53" i="1" s="1"/>
  <c r="QHU53" i="1" s="1"/>
  <c r="QHV53" i="1" s="1"/>
  <c r="QHW53" i="1" s="1"/>
  <c r="QHX53" i="1" s="1"/>
  <c r="QHY53" i="1" s="1"/>
  <c r="QHZ53" i="1" s="1"/>
  <c r="QIA53" i="1" s="1"/>
  <c r="QIB53" i="1" s="1"/>
  <c r="QIC53" i="1" s="1"/>
  <c r="QID53" i="1" s="1"/>
  <c r="QIE53" i="1" s="1"/>
  <c r="QIF53" i="1" s="1"/>
  <c r="QIG53" i="1" s="1"/>
  <c r="QIH53" i="1" s="1"/>
  <c r="QII53" i="1" s="1"/>
  <c r="QIJ53" i="1" s="1"/>
  <c r="QIK53" i="1" s="1"/>
  <c r="QIL53" i="1" s="1"/>
  <c r="QIM53" i="1" s="1"/>
  <c r="QIN53" i="1" s="1"/>
  <c r="QIO53" i="1" s="1"/>
  <c r="QIP53" i="1" s="1"/>
  <c r="QIQ53" i="1" s="1"/>
  <c r="QIR53" i="1" s="1"/>
  <c r="QIS53" i="1" s="1"/>
  <c r="QIT53" i="1" s="1"/>
  <c r="QIU53" i="1" s="1"/>
  <c r="QIV53" i="1" s="1"/>
  <c r="QIW53" i="1" s="1"/>
  <c r="QIX53" i="1" s="1"/>
  <c r="QIY53" i="1" s="1"/>
  <c r="QIZ53" i="1" s="1"/>
  <c r="QJA53" i="1" s="1"/>
  <c r="QJB53" i="1" s="1"/>
  <c r="QJC53" i="1" s="1"/>
  <c r="QJD53" i="1" s="1"/>
  <c r="QJE53" i="1" s="1"/>
  <c r="QJF53" i="1" s="1"/>
  <c r="QJG53" i="1" s="1"/>
  <c r="QJH53" i="1" s="1"/>
  <c r="QJI53" i="1" s="1"/>
  <c r="QJJ53" i="1" s="1"/>
  <c r="QJK53" i="1" s="1"/>
  <c r="QJL53" i="1" s="1"/>
  <c r="QJM53" i="1" s="1"/>
  <c r="QJN53" i="1" s="1"/>
  <c r="QJO53" i="1" s="1"/>
  <c r="QJP53" i="1" s="1"/>
  <c r="QJQ53" i="1" s="1"/>
  <c r="QJR53" i="1" s="1"/>
  <c r="QJS53" i="1" s="1"/>
  <c r="QJT53" i="1" s="1"/>
  <c r="QJU53" i="1" s="1"/>
  <c r="QJV53" i="1" s="1"/>
  <c r="QJW53" i="1" s="1"/>
  <c r="QJX53" i="1" s="1"/>
  <c r="QJY53" i="1" s="1"/>
  <c r="QJZ53" i="1" s="1"/>
  <c r="QKA53" i="1" s="1"/>
  <c r="QKB53" i="1" s="1"/>
  <c r="QKC53" i="1" s="1"/>
  <c r="QKD53" i="1" s="1"/>
  <c r="QKE53" i="1" s="1"/>
  <c r="QKF53" i="1" s="1"/>
  <c r="QKG53" i="1" s="1"/>
  <c r="QKH53" i="1" s="1"/>
  <c r="QKI53" i="1" s="1"/>
  <c r="QKJ53" i="1" s="1"/>
  <c r="QKK53" i="1" s="1"/>
  <c r="QKL53" i="1" s="1"/>
  <c r="QKM53" i="1" s="1"/>
  <c r="QKN53" i="1" s="1"/>
  <c r="QKO53" i="1" s="1"/>
  <c r="QKP53" i="1" s="1"/>
  <c r="QKQ53" i="1" s="1"/>
  <c r="QKR53" i="1" s="1"/>
  <c r="QKS53" i="1" s="1"/>
  <c r="QKT53" i="1" s="1"/>
  <c r="QKU53" i="1" s="1"/>
  <c r="QKV53" i="1" s="1"/>
  <c r="QKW53" i="1" s="1"/>
  <c r="QKX53" i="1" s="1"/>
  <c r="QKY53" i="1" s="1"/>
  <c r="QKZ53" i="1" s="1"/>
  <c r="QLA53" i="1" s="1"/>
  <c r="QLB53" i="1" s="1"/>
  <c r="QLC53" i="1" s="1"/>
  <c r="QLD53" i="1" s="1"/>
  <c r="QLE53" i="1" s="1"/>
  <c r="QLF53" i="1" s="1"/>
  <c r="QLG53" i="1" s="1"/>
  <c r="QLH53" i="1" s="1"/>
  <c r="QLI53" i="1" s="1"/>
  <c r="QLJ53" i="1" s="1"/>
  <c r="QLK53" i="1" s="1"/>
  <c r="QLL53" i="1" s="1"/>
  <c r="QLM53" i="1" s="1"/>
  <c r="QLN53" i="1" s="1"/>
  <c r="QLO53" i="1" s="1"/>
  <c r="QLP53" i="1" s="1"/>
  <c r="QLQ53" i="1" s="1"/>
  <c r="QLR53" i="1" s="1"/>
  <c r="QLS53" i="1" s="1"/>
  <c r="QLT53" i="1" s="1"/>
  <c r="QLU53" i="1" s="1"/>
  <c r="QLV53" i="1" s="1"/>
  <c r="QLW53" i="1" s="1"/>
  <c r="QLX53" i="1" s="1"/>
  <c r="QLY53" i="1" s="1"/>
  <c r="QLZ53" i="1" s="1"/>
  <c r="QMA53" i="1" s="1"/>
  <c r="QMB53" i="1" s="1"/>
  <c r="QMC53" i="1" s="1"/>
  <c r="QMD53" i="1" s="1"/>
  <c r="QME53" i="1" s="1"/>
  <c r="QMF53" i="1" s="1"/>
  <c r="QMG53" i="1" s="1"/>
  <c r="QMH53" i="1" s="1"/>
  <c r="QMI53" i="1" s="1"/>
  <c r="QMJ53" i="1" s="1"/>
  <c r="QMK53" i="1" s="1"/>
  <c r="QML53" i="1" s="1"/>
  <c r="QMM53" i="1" s="1"/>
  <c r="QMN53" i="1" s="1"/>
  <c r="QMO53" i="1" s="1"/>
  <c r="QMP53" i="1" s="1"/>
  <c r="QMQ53" i="1" s="1"/>
  <c r="QMR53" i="1" s="1"/>
  <c r="QMS53" i="1" s="1"/>
  <c r="QMT53" i="1" s="1"/>
  <c r="QMU53" i="1" s="1"/>
  <c r="QMV53" i="1" s="1"/>
  <c r="QMW53" i="1" s="1"/>
  <c r="QMX53" i="1" s="1"/>
  <c r="QMY53" i="1" s="1"/>
  <c r="QMZ53" i="1" s="1"/>
  <c r="QNA53" i="1" s="1"/>
  <c r="QNB53" i="1" s="1"/>
  <c r="QNC53" i="1" s="1"/>
  <c r="QND53" i="1" s="1"/>
  <c r="QNE53" i="1" s="1"/>
  <c r="QNF53" i="1" s="1"/>
  <c r="QNG53" i="1" s="1"/>
  <c r="QNH53" i="1" s="1"/>
  <c r="QNI53" i="1" s="1"/>
  <c r="QNJ53" i="1" s="1"/>
  <c r="QNK53" i="1" s="1"/>
  <c r="QNL53" i="1" s="1"/>
  <c r="QNM53" i="1" s="1"/>
  <c r="QNN53" i="1" s="1"/>
  <c r="QNO53" i="1" s="1"/>
  <c r="QNP53" i="1" s="1"/>
  <c r="QNQ53" i="1" s="1"/>
  <c r="QNR53" i="1" s="1"/>
  <c r="QNS53" i="1" s="1"/>
  <c r="QNT53" i="1" s="1"/>
  <c r="QNU53" i="1" s="1"/>
  <c r="QNV53" i="1" s="1"/>
  <c r="QNW53" i="1" s="1"/>
  <c r="QNX53" i="1" s="1"/>
  <c r="QNY53" i="1" s="1"/>
  <c r="QNZ53" i="1" s="1"/>
  <c r="QOA53" i="1" s="1"/>
  <c r="QOB53" i="1" s="1"/>
  <c r="QOC53" i="1" s="1"/>
  <c r="QOD53" i="1" s="1"/>
  <c r="QOE53" i="1" s="1"/>
  <c r="QOF53" i="1" s="1"/>
  <c r="QOG53" i="1" s="1"/>
  <c r="QOH53" i="1" s="1"/>
  <c r="QOI53" i="1" s="1"/>
  <c r="QOJ53" i="1" s="1"/>
  <c r="QOK53" i="1" s="1"/>
  <c r="QOL53" i="1" s="1"/>
  <c r="QOM53" i="1" s="1"/>
  <c r="QON53" i="1" s="1"/>
  <c r="QOO53" i="1" s="1"/>
  <c r="QOP53" i="1" s="1"/>
  <c r="QOQ53" i="1" s="1"/>
  <c r="QOR53" i="1" s="1"/>
  <c r="QOS53" i="1" s="1"/>
  <c r="QOT53" i="1" s="1"/>
  <c r="QOU53" i="1" s="1"/>
  <c r="QOV53" i="1" s="1"/>
  <c r="QOW53" i="1" s="1"/>
  <c r="QOX53" i="1" s="1"/>
  <c r="QOY53" i="1" s="1"/>
  <c r="QOZ53" i="1" s="1"/>
  <c r="QPA53" i="1" s="1"/>
  <c r="QPB53" i="1" s="1"/>
  <c r="QPC53" i="1" s="1"/>
  <c r="QPD53" i="1" s="1"/>
  <c r="QPE53" i="1" s="1"/>
  <c r="QPF53" i="1" s="1"/>
  <c r="QPG53" i="1" s="1"/>
  <c r="QPH53" i="1" s="1"/>
  <c r="QPI53" i="1" s="1"/>
  <c r="QPJ53" i="1" s="1"/>
  <c r="QPK53" i="1" s="1"/>
  <c r="QPL53" i="1" s="1"/>
  <c r="QPM53" i="1" s="1"/>
  <c r="QPN53" i="1" s="1"/>
  <c r="QPO53" i="1" s="1"/>
  <c r="QPP53" i="1" s="1"/>
  <c r="QPQ53" i="1" s="1"/>
  <c r="QPR53" i="1" s="1"/>
  <c r="QPS53" i="1" s="1"/>
  <c r="QPT53" i="1" s="1"/>
  <c r="QPU53" i="1" s="1"/>
  <c r="QPV53" i="1" s="1"/>
  <c r="QPW53" i="1" s="1"/>
  <c r="QPX53" i="1" s="1"/>
  <c r="QPY53" i="1" s="1"/>
  <c r="QPZ53" i="1" s="1"/>
  <c r="QQA53" i="1" s="1"/>
  <c r="QQB53" i="1" s="1"/>
  <c r="QQC53" i="1" s="1"/>
  <c r="QQD53" i="1" s="1"/>
  <c r="QQE53" i="1" s="1"/>
  <c r="QQF53" i="1" s="1"/>
  <c r="QQG53" i="1" s="1"/>
  <c r="QQH53" i="1" s="1"/>
  <c r="QQI53" i="1" s="1"/>
  <c r="QQJ53" i="1" s="1"/>
  <c r="QQK53" i="1" s="1"/>
  <c r="QQL53" i="1" s="1"/>
  <c r="QQM53" i="1" s="1"/>
  <c r="QQN53" i="1" s="1"/>
  <c r="QQO53" i="1" s="1"/>
  <c r="QQP53" i="1" s="1"/>
  <c r="QQQ53" i="1" s="1"/>
  <c r="QQR53" i="1" s="1"/>
  <c r="QQS53" i="1" s="1"/>
  <c r="QQT53" i="1" s="1"/>
  <c r="QQU53" i="1" s="1"/>
  <c r="QQV53" i="1" s="1"/>
  <c r="QQW53" i="1" s="1"/>
  <c r="QQX53" i="1" s="1"/>
  <c r="QQY53" i="1" s="1"/>
  <c r="QQZ53" i="1" s="1"/>
  <c r="QRA53" i="1" s="1"/>
  <c r="QRB53" i="1" s="1"/>
  <c r="QRC53" i="1" s="1"/>
  <c r="QRD53" i="1" s="1"/>
  <c r="QRE53" i="1" s="1"/>
  <c r="QRF53" i="1" s="1"/>
  <c r="QRG53" i="1" s="1"/>
  <c r="QRH53" i="1" s="1"/>
  <c r="QRI53" i="1" s="1"/>
  <c r="QRJ53" i="1" s="1"/>
  <c r="QRK53" i="1" s="1"/>
  <c r="QRL53" i="1" s="1"/>
  <c r="QRM53" i="1" s="1"/>
  <c r="QRN53" i="1" s="1"/>
  <c r="QRO53" i="1" s="1"/>
  <c r="QRP53" i="1" s="1"/>
  <c r="QRQ53" i="1" s="1"/>
  <c r="QRR53" i="1" s="1"/>
  <c r="QRS53" i="1" s="1"/>
  <c r="QRT53" i="1" s="1"/>
  <c r="QRU53" i="1" s="1"/>
  <c r="QRV53" i="1" s="1"/>
  <c r="QRW53" i="1" s="1"/>
  <c r="QRX53" i="1" s="1"/>
  <c r="QRY53" i="1" s="1"/>
  <c r="QRZ53" i="1" s="1"/>
  <c r="QSA53" i="1" s="1"/>
  <c r="QSB53" i="1" s="1"/>
  <c r="QSC53" i="1" s="1"/>
  <c r="QSD53" i="1" s="1"/>
  <c r="QSE53" i="1" s="1"/>
  <c r="QSF53" i="1" s="1"/>
  <c r="QSG53" i="1" s="1"/>
  <c r="QSH53" i="1" s="1"/>
  <c r="QSI53" i="1" s="1"/>
  <c r="QSJ53" i="1" s="1"/>
  <c r="QSK53" i="1" s="1"/>
  <c r="QSL53" i="1" s="1"/>
  <c r="QSM53" i="1" s="1"/>
  <c r="QSN53" i="1" s="1"/>
  <c r="QSO53" i="1" s="1"/>
  <c r="QSP53" i="1" s="1"/>
  <c r="QSQ53" i="1" s="1"/>
  <c r="QSR53" i="1" s="1"/>
  <c r="QSS53" i="1" s="1"/>
  <c r="QST53" i="1" s="1"/>
  <c r="QSU53" i="1" s="1"/>
  <c r="QSV53" i="1" s="1"/>
  <c r="QSW53" i="1" s="1"/>
  <c r="QSX53" i="1" s="1"/>
  <c r="QSY53" i="1" s="1"/>
  <c r="QSZ53" i="1" s="1"/>
  <c r="QTA53" i="1" s="1"/>
  <c r="QTB53" i="1" s="1"/>
  <c r="QTC53" i="1" s="1"/>
  <c r="QTD53" i="1" s="1"/>
  <c r="QTE53" i="1" s="1"/>
  <c r="QTF53" i="1" s="1"/>
  <c r="QTG53" i="1" s="1"/>
  <c r="QTH53" i="1" s="1"/>
  <c r="QTI53" i="1" s="1"/>
  <c r="QTJ53" i="1" s="1"/>
  <c r="QTK53" i="1" s="1"/>
  <c r="QTL53" i="1" s="1"/>
  <c r="QTM53" i="1" s="1"/>
  <c r="QTN53" i="1" s="1"/>
  <c r="QTO53" i="1" s="1"/>
  <c r="QTP53" i="1" s="1"/>
  <c r="QTQ53" i="1" s="1"/>
  <c r="QTR53" i="1" s="1"/>
  <c r="QTS53" i="1" s="1"/>
  <c r="QTT53" i="1" s="1"/>
  <c r="QTU53" i="1" s="1"/>
  <c r="QTV53" i="1" s="1"/>
  <c r="QTW53" i="1" s="1"/>
  <c r="QTX53" i="1" s="1"/>
  <c r="QTY53" i="1" s="1"/>
  <c r="QTZ53" i="1" s="1"/>
  <c r="QUA53" i="1" s="1"/>
  <c r="QUB53" i="1" s="1"/>
  <c r="QUC53" i="1" s="1"/>
  <c r="QUD53" i="1" s="1"/>
  <c r="QUE53" i="1" s="1"/>
  <c r="QUF53" i="1" s="1"/>
  <c r="QUG53" i="1" s="1"/>
  <c r="QUH53" i="1" s="1"/>
  <c r="QUI53" i="1" s="1"/>
  <c r="QUJ53" i="1" s="1"/>
  <c r="QUK53" i="1" s="1"/>
  <c r="QUL53" i="1" s="1"/>
  <c r="QUM53" i="1" s="1"/>
  <c r="QUN53" i="1" s="1"/>
  <c r="QUO53" i="1" s="1"/>
  <c r="QUP53" i="1" s="1"/>
  <c r="QUQ53" i="1" s="1"/>
  <c r="QUR53" i="1" s="1"/>
  <c r="QUS53" i="1" s="1"/>
  <c r="QUT53" i="1" s="1"/>
  <c r="QUU53" i="1" s="1"/>
  <c r="QUV53" i="1" s="1"/>
  <c r="QUW53" i="1" s="1"/>
  <c r="QUX53" i="1" s="1"/>
  <c r="QUY53" i="1" s="1"/>
  <c r="QUZ53" i="1" s="1"/>
  <c r="QVA53" i="1" s="1"/>
  <c r="QVB53" i="1" s="1"/>
  <c r="QVC53" i="1" s="1"/>
  <c r="QVD53" i="1" s="1"/>
  <c r="QVE53" i="1" s="1"/>
  <c r="QVF53" i="1" s="1"/>
  <c r="QVG53" i="1" s="1"/>
  <c r="QVH53" i="1" s="1"/>
  <c r="QVI53" i="1" s="1"/>
  <c r="QVJ53" i="1" s="1"/>
  <c r="QVK53" i="1" s="1"/>
  <c r="QVL53" i="1" s="1"/>
  <c r="QVM53" i="1" s="1"/>
  <c r="QVN53" i="1" s="1"/>
  <c r="QVO53" i="1" s="1"/>
  <c r="QVP53" i="1" s="1"/>
  <c r="QVQ53" i="1" s="1"/>
  <c r="QVR53" i="1" s="1"/>
  <c r="QVS53" i="1" s="1"/>
  <c r="QVT53" i="1" s="1"/>
  <c r="QVU53" i="1" s="1"/>
  <c r="QVV53" i="1" s="1"/>
  <c r="QVW53" i="1" s="1"/>
  <c r="QVX53" i="1" s="1"/>
  <c r="QVY53" i="1" s="1"/>
  <c r="QVZ53" i="1" s="1"/>
  <c r="QWA53" i="1" s="1"/>
  <c r="QWB53" i="1" s="1"/>
  <c r="QWC53" i="1" s="1"/>
  <c r="QWD53" i="1" s="1"/>
  <c r="QWE53" i="1" s="1"/>
  <c r="QWF53" i="1" s="1"/>
  <c r="QWG53" i="1" s="1"/>
  <c r="QWH53" i="1" s="1"/>
  <c r="QWI53" i="1" s="1"/>
  <c r="QWJ53" i="1" s="1"/>
  <c r="QWK53" i="1" s="1"/>
  <c r="QWL53" i="1" s="1"/>
  <c r="QWM53" i="1" s="1"/>
  <c r="QWN53" i="1" s="1"/>
  <c r="QWO53" i="1" s="1"/>
  <c r="QWP53" i="1" s="1"/>
  <c r="QWQ53" i="1" s="1"/>
  <c r="QWR53" i="1" s="1"/>
  <c r="QWS53" i="1" s="1"/>
  <c r="QWT53" i="1" s="1"/>
  <c r="QWU53" i="1" s="1"/>
  <c r="QWV53" i="1" s="1"/>
  <c r="QWW53" i="1" s="1"/>
  <c r="QWX53" i="1" s="1"/>
  <c r="QWY53" i="1" s="1"/>
  <c r="QWZ53" i="1" s="1"/>
  <c r="QXA53" i="1" s="1"/>
  <c r="QXB53" i="1" s="1"/>
  <c r="QXC53" i="1" s="1"/>
  <c r="QXD53" i="1" s="1"/>
  <c r="QXE53" i="1" s="1"/>
  <c r="QXF53" i="1" s="1"/>
  <c r="QXG53" i="1" s="1"/>
  <c r="QXH53" i="1" s="1"/>
  <c r="QXI53" i="1" s="1"/>
  <c r="QXJ53" i="1" s="1"/>
  <c r="QXK53" i="1" s="1"/>
  <c r="QXL53" i="1" s="1"/>
  <c r="QXM53" i="1" s="1"/>
  <c r="QXN53" i="1" s="1"/>
  <c r="QXO53" i="1" s="1"/>
  <c r="QXP53" i="1" s="1"/>
  <c r="QXQ53" i="1" s="1"/>
  <c r="QXR53" i="1" s="1"/>
  <c r="QXS53" i="1" s="1"/>
  <c r="QXT53" i="1" s="1"/>
  <c r="QXU53" i="1" s="1"/>
  <c r="QXV53" i="1" s="1"/>
  <c r="QXW53" i="1" s="1"/>
  <c r="QXX53" i="1" s="1"/>
  <c r="QXY53" i="1" s="1"/>
  <c r="QXZ53" i="1" s="1"/>
  <c r="QYA53" i="1" s="1"/>
  <c r="QYB53" i="1" s="1"/>
  <c r="QYC53" i="1" s="1"/>
  <c r="QYD53" i="1" s="1"/>
  <c r="QYE53" i="1" s="1"/>
  <c r="QYF53" i="1" s="1"/>
  <c r="QYG53" i="1" s="1"/>
  <c r="QYH53" i="1" s="1"/>
  <c r="QYI53" i="1" s="1"/>
  <c r="QYJ53" i="1" s="1"/>
  <c r="QYK53" i="1" s="1"/>
  <c r="QYL53" i="1" s="1"/>
  <c r="QYM53" i="1" s="1"/>
  <c r="QYN53" i="1" s="1"/>
  <c r="QYO53" i="1" s="1"/>
  <c r="QYP53" i="1" s="1"/>
  <c r="QYQ53" i="1" s="1"/>
  <c r="QYR53" i="1" s="1"/>
  <c r="QYS53" i="1" s="1"/>
  <c r="QYT53" i="1" s="1"/>
  <c r="QYU53" i="1" s="1"/>
  <c r="QYV53" i="1" s="1"/>
  <c r="QYW53" i="1" s="1"/>
  <c r="QYX53" i="1" s="1"/>
  <c r="QYY53" i="1" s="1"/>
  <c r="QYZ53" i="1" s="1"/>
  <c r="QZA53" i="1" s="1"/>
  <c r="QZB53" i="1" s="1"/>
  <c r="QZC53" i="1" s="1"/>
  <c r="QZD53" i="1" s="1"/>
  <c r="QZE53" i="1" s="1"/>
  <c r="QZF53" i="1" s="1"/>
  <c r="QZG53" i="1" s="1"/>
  <c r="QZH53" i="1" s="1"/>
  <c r="QZI53" i="1" s="1"/>
  <c r="QZJ53" i="1" s="1"/>
  <c r="QZK53" i="1" s="1"/>
  <c r="QZL53" i="1" s="1"/>
  <c r="QZM53" i="1" s="1"/>
  <c r="QZN53" i="1" s="1"/>
  <c r="QZO53" i="1" s="1"/>
  <c r="QZP53" i="1" s="1"/>
  <c r="QZQ53" i="1" s="1"/>
  <c r="QZR53" i="1" s="1"/>
  <c r="QZS53" i="1" s="1"/>
  <c r="QZT53" i="1" s="1"/>
  <c r="QZU53" i="1" s="1"/>
  <c r="QZV53" i="1" s="1"/>
  <c r="QZW53" i="1" s="1"/>
  <c r="QZX53" i="1" s="1"/>
  <c r="QZY53" i="1" s="1"/>
  <c r="QZZ53" i="1" s="1"/>
  <c r="RAA53" i="1" s="1"/>
  <c r="RAB53" i="1" s="1"/>
  <c r="RAC53" i="1" s="1"/>
  <c r="RAD53" i="1" s="1"/>
  <c r="RAE53" i="1" s="1"/>
  <c r="RAF53" i="1" s="1"/>
  <c r="RAG53" i="1" s="1"/>
  <c r="RAH53" i="1" s="1"/>
  <c r="RAI53" i="1" s="1"/>
  <c r="RAJ53" i="1" s="1"/>
  <c r="RAK53" i="1" s="1"/>
  <c r="RAL53" i="1" s="1"/>
  <c r="RAM53" i="1" s="1"/>
  <c r="RAN53" i="1" s="1"/>
  <c r="RAO53" i="1" s="1"/>
  <c r="RAP53" i="1" s="1"/>
  <c r="RAQ53" i="1" s="1"/>
  <c r="RAR53" i="1" s="1"/>
  <c r="RAS53" i="1" s="1"/>
  <c r="RAT53" i="1" s="1"/>
  <c r="RAU53" i="1" s="1"/>
  <c r="RAV53" i="1" s="1"/>
  <c r="RAW53" i="1" s="1"/>
  <c r="RAX53" i="1" s="1"/>
  <c r="RAY53" i="1" s="1"/>
  <c r="RAZ53" i="1" s="1"/>
  <c r="RBA53" i="1" s="1"/>
  <c r="RBB53" i="1" s="1"/>
  <c r="RBC53" i="1" s="1"/>
  <c r="RBD53" i="1" s="1"/>
  <c r="RBE53" i="1" s="1"/>
  <c r="RBF53" i="1" s="1"/>
  <c r="RBG53" i="1" s="1"/>
  <c r="RBH53" i="1" s="1"/>
  <c r="RBI53" i="1" s="1"/>
  <c r="RBJ53" i="1" s="1"/>
  <c r="RBK53" i="1" s="1"/>
  <c r="RBL53" i="1" s="1"/>
  <c r="RBM53" i="1" s="1"/>
  <c r="RBN53" i="1" s="1"/>
  <c r="RBO53" i="1" s="1"/>
  <c r="RBP53" i="1" s="1"/>
  <c r="RBQ53" i="1" s="1"/>
  <c r="RBR53" i="1" s="1"/>
  <c r="RBS53" i="1" s="1"/>
  <c r="RBT53" i="1" s="1"/>
  <c r="RBU53" i="1" s="1"/>
  <c r="RBV53" i="1" s="1"/>
  <c r="RBW53" i="1" s="1"/>
  <c r="RBX53" i="1" s="1"/>
  <c r="RBY53" i="1" s="1"/>
  <c r="RBZ53" i="1" s="1"/>
  <c r="RCA53" i="1" s="1"/>
  <c r="RCB53" i="1" s="1"/>
  <c r="RCC53" i="1" s="1"/>
  <c r="RCD53" i="1" s="1"/>
  <c r="RCE53" i="1" s="1"/>
  <c r="RCF53" i="1" s="1"/>
  <c r="RCG53" i="1" s="1"/>
  <c r="RCH53" i="1" s="1"/>
  <c r="RCI53" i="1" s="1"/>
  <c r="RCJ53" i="1" s="1"/>
  <c r="RCK53" i="1" s="1"/>
  <c r="RCL53" i="1" s="1"/>
  <c r="RCM53" i="1" s="1"/>
  <c r="RCN53" i="1" s="1"/>
  <c r="RCO53" i="1" s="1"/>
  <c r="RCP53" i="1" s="1"/>
  <c r="RCQ53" i="1" s="1"/>
  <c r="RCR53" i="1" s="1"/>
  <c r="RCS53" i="1" s="1"/>
  <c r="RCT53" i="1" s="1"/>
  <c r="RCU53" i="1" s="1"/>
  <c r="RCV53" i="1" s="1"/>
  <c r="RCW53" i="1" s="1"/>
  <c r="RCX53" i="1" s="1"/>
  <c r="RCY53" i="1" s="1"/>
  <c r="RCZ53" i="1" s="1"/>
  <c r="RDA53" i="1" s="1"/>
  <c r="RDB53" i="1" s="1"/>
  <c r="RDC53" i="1" s="1"/>
  <c r="RDD53" i="1" s="1"/>
  <c r="RDE53" i="1" s="1"/>
  <c r="RDF53" i="1" s="1"/>
  <c r="RDG53" i="1" s="1"/>
  <c r="RDH53" i="1" s="1"/>
  <c r="RDI53" i="1" s="1"/>
  <c r="RDJ53" i="1" s="1"/>
  <c r="RDK53" i="1" s="1"/>
  <c r="RDL53" i="1" s="1"/>
  <c r="RDM53" i="1" s="1"/>
  <c r="RDN53" i="1" s="1"/>
  <c r="RDO53" i="1" s="1"/>
  <c r="RDP53" i="1" s="1"/>
  <c r="RDQ53" i="1" s="1"/>
  <c r="RDR53" i="1" s="1"/>
  <c r="RDS53" i="1" s="1"/>
  <c r="RDT53" i="1" s="1"/>
  <c r="RDU53" i="1" s="1"/>
  <c r="RDV53" i="1" s="1"/>
  <c r="RDW53" i="1" s="1"/>
  <c r="RDX53" i="1" s="1"/>
  <c r="RDY53" i="1" s="1"/>
  <c r="RDZ53" i="1" s="1"/>
  <c r="REA53" i="1" s="1"/>
  <c r="REB53" i="1" s="1"/>
  <c r="REC53" i="1" s="1"/>
  <c r="RED53" i="1" s="1"/>
  <c r="REE53" i="1" s="1"/>
  <c r="REF53" i="1" s="1"/>
  <c r="REG53" i="1" s="1"/>
  <c r="REH53" i="1" s="1"/>
  <c r="REI53" i="1" s="1"/>
  <c r="REJ53" i="1" s="1"/>
  <c r="REK53" i="1" s="1"/>
  <c r="REL53" i="1" s="1"/>
  <c r="REM53" i="1" s="1"/>
  <c r="REN53" i="1" s="1"/>
  <c r="REO53" i="1" s="1"/>
  <c r="REP53" i="1" s="1"/>
  <c r="REQ53" i="1" s="1"/>
  <c r="RER53" i="1" s="1"/>
  <c r="RES53" i="1" s="1"/>
  <c r="RET53" i="1" s="1"/>
  <c r="REU53" i="1" s="1"/>
  <c r="REV53" i="1" s="1"/>
  <c r="REW53" i="1" s="1"/>
  <c r="REX53" i="1" s="1"/>
  <c r="REY53" i="1" s="1"/>
  <c r="REZ53" i="1" s="1"/>
  <c r="RFA53" i="1" s="1"/>
  <c r="RFB53" i="1" s="1"/>
  <c r="RFC53" i="1" s="1"/>
  <c r="RFD53" i="1" s="1"/>
  <c r="RFE53" i="1" s="1"/>
  <c r="RFF53" i="1" s="1"/>
  <c r="RFG53" i="1" s="1"/>
  <c r="RFH53" i="1" s="1"/>
  <c r="RFI53" i="1" s="1"/>
  <c r="RFJ53" i="1" s="1"/>
  <c r="RFK53" i="1" s="1"/>
  <c r="RFL53" i="1" s="1"/>
  <c r="RFM53" i="1" s="1"/>
  <c r="RFN53" i="1" s="1"/>
  <c r="RFO53" i="1" s="1"/>
  <c r="RFP53" i="1" s="1"/>
  <c r="RFQ53" i="1" s="1"/>
  <c r="RFR53" i="1" s="1"/>
  <c r="RFS53" i="1" s="1"/>
  <c r="RFT53" i="1" s="1"/>
  <c r="RFU53" i="1" s="1"/>
  <c r="RFV53" i="1" s="1"/>
  <c r="RFW53" i="1" s="1"/>
  <c r="RFX53" i="1" s="1"/>
  <c r="RFY53" i="1" s="1"/>
  <c r="RFZ53" i="1" s="1"/>
  <c r="RGA53" i="1" s="1"/>
  <c r="RGB53" i="1" s="1"/>
  <c r="RGC53" i="1" s="1"/>
  <c r="RGD53" i="1" s="1"/>
  <c r="RGE53" i="1" s="1"/>
  <c r="RGF53" i="1" s="1"/>
  <c r="RGG53" i="1" s="1"/>
  <c r="RGH53" i="1" s="1"/>
  <c r="RGI53" i="1" s="1"/>
  <c r="RGJ53" i="1" s="1"/>
  <c r="RGK53" i="1" s="1"/>
  <c r="RGL53" i="1" s="1"/>
  <c r="RGM53" i="1" s="1"/>
  <c r="RGN53" i="1" s="1"/>
  <c r="RGO53" i="1" s="1"/>
  <c r="RGP53" i="1" s="1"/>
  <c r="RGQ53" i="1" s="1"/>
  <c r="RGR53" i="1" s="1"/>
  <c r="RGS53" i="1" s="1"/>
  <c r="RGT53" i="1" s="1"/>
  <c r="RGU53" i="1" s="1"/>
  <c r="RGV53" i="1" s="1"/>
  <c r="RGW53" i="1" s="1"/>
  <c r="RGX53" i="1" s="1"/>
  <c r="RGY53" i="1" s="1"/>
  <c r="RGZ53" i="1" s="1"/>
  <c r="RHA53" i="1" s="1"/>
  <c r="RHB53" i="1" s="1"/>
  <c r="RHC53" i="1" s="1"/>
  <c r="RHD53" i="1" s="1"/>
  <c r="RHE53" i="1" s="1"/>
  <c r="RHF53" i="1" s="1"/>
  <c r="RHG53" i="1" s="1"/>
  <c r="RHH53" i="1" s="1"/>
  <c r="RHI53" i="1" s="1"/>
  <c r="RHJ53" i="1" s="1"/>
  <c r="RHK53" i="1" s="1"/>
  <c r="RHL53" i="1" s="1"/>
  <c r="RHM53" i="1" s="1"/>
  <c r="RHN53" i="1" s="1"/>
  <c r="RHO53" i="1" s="1"/>
  <c r="RHP53" i="1" s="1"/>
  <c r="RHQ53" i="1" s="1"/>
  <c r="RHR53" i="1" s="1"/>
  <c r="RHS53" i="1" s="1"/>
  <c r="RHT53" i="1" s="1"/>
  <c r="RHU53" i="1" s="1"/>
  <c r="RHV53" i="1" s="1"/>
  <c r="RHW53" i="1" s="1"/>
  <c r="RHX53" i="1" s="1"/>
  <c r="RHY53" i="1" s="1"/>
  <c r="RHZ53" i="1" s="1"/>
  <c r="RIA53" i="1" s="1"/>
  <c r="RIB53" i="1" s="1"/>
  <c r="RIC53" i="1" s="1"/>
  <c r="RID53" i="1" s="1"/>
  <c r="RIE53" i="1" s="1"/>
  <c r="RIF53" i="1" s="1"/>
  <c r="RIG53" i="1" s="1"/>
  <c r="RIH53" i="1" s="1"/>
  <c r="RII53" i="1" s="1"/>
  <c r="RIJ53" i="1" s="1"/>
  <c r="RIK53" i="1" s="1"/>
  <c r="RIL53" i="1" s="1"/>
  <c r="RIM53" i="1" s="1"/>
  <c r="RIN53" i="1" s="1"/>
  <c r="RIO53" i="1" s="1"/>
  <c r="RIP53" i="1" s="1"/>
  <c r="RIQ53" i="1" s="1"/>
  <c r="RIR53" i="1" s="1"/>
  <c r="RIS53" i="1" s="1"/>
  <c r="RIT53" i="1" s="1"/>
  <c r="RIU53" i="1" s="1"/>
  <c r="RIV53" i="1" s="1"/>
  <c r="RIW53" i="1" s="1"/>
  <c r="RIX53" i="1" s="1"/>
  <c r="RIY53" i="1" s="1"/>
  <c r="RIZ53" i="1" s="1"/>
  <c r="RJA53" i="1" s="1"/>
  <c r="RJB53" i="1" s="1"/>
  <c r="RJC53" i="1" s="1"/>
  <c r="RJD53" i="1" s="1"/>
  <c r="RJE53" i="1" s="1"/>
  <c r="RJF53" i="1" s="1"/>
  <c r="RJG53" i="1" s="1"/>
  <c r="RJH53" i="1" s="1"/>
  <c r="RJI53" i="1" s="1"/>
  <c r="RJJ53" i="1" s="1"/>
  <c r="RJK53" i="1" s="1"/>
  <c r="RJL53" i="1" s="1"/>
  <c r="RJM53" i="1" s="1"/>
  <c r="RJN53" i="1" s="1"/>
  <c r="RJO53" i="1" s="1"/>
  <c r="RJP53" i="1" s="1"/>
  <c r="RJQ53" i="1" s="1"/>
  <c r="RJR53" i="1" s="1"/>
  <c r="RJS53" i="1" s="1"/>
  <c r="RJT53" i="1" s="1"/>
  <c r="RJU53" i="1" s="1"/>
  <c r="RJV53" i="1" s="1"/>
  <c r="RJW53" i="1" s="1"/>
  <c r="RJX53" i="1" s="1"/>
  <c r="RJY53" i="1" s="1"/>
  <c r="RJZ53" i="1" s="1"/>
  <c r="RKA53" i="1" s="1"/>
  <c r="RKB53" i="1" s="1"/>
  <c r="RKC53" i="1" s="1"/>
  <c r="RKD53" i="1" s="1"/>
  <c r="RKE53" i="1" s="1"/>
  <c r="RKF53" i="1" s="1"/>
  <c r="RKG53" i="1" s="1"/>
  <c r="RKH53" i="1" s="1"/>
  <c r="RKI53" i="1" s="1"/>
  <c r="RKJ53" i="1" s="1"/>
  <c r="RKK53" i="1" s="1"/>
  <c r="RKL53" i="1" s="1"/>
  <c r="RKM53" i="1" s="1"/>
  <c r="RKN53" i="1" s="1"/>
  <c r="RKO53" i="1" s="1"/>
  <c r="RKP53" i="1" s="1"/>
  <c r="RKQ53" i="1" s="1"/>
  <c r="RKR53" i="1" s="1"/>
  <c r="RKS53" i="1" s="1"/>
  <c r="RKT53" i="1" s="1"/>
  <c r="RKU53" i="1" s="1"/>
  <c r="RKV53" i="1" s="1"/>
  <c r="RKW53" i="1" s="1"/>
  <c r="RKX53" i="1" s="1"/>
  <c r="RKY53" i="1" s="1"/>
  <c r="RKZ53" i="1" s="1"/>
  <c r="RLA53" i="1" s="1"/>
  <c r="RLB53" i="1" s="1"/>
  <c r="RLC53" i="1" s="1"/>
  <c r="RLD53" i="1" s="1"/>
  <c r="RLE53" i="1" s="1"/>
  <c r="RLF53" i="1" s="1"/>
  <c r="RLG53" i="1" s="1"/>
  <c r="RLH53" i="1" s="1"/>
  <c r="RLI53" i="1" s="1"/>
  <c r="RLJ53" i="1" s="1"/>
  <c r="RLK53" i="1" s="1"/>
  <c r="RLL53" i="1" s="1"/>
  <c r="RLM53" i="1" s="1"/>
  <c r="RLN53" i="1" s="1"/>
  <c r="RLO53" i="1" s="1"/>
  <c r="RLP53" i="1" s="1"/>
  <c r="RLQ53" i="1" s="1"/>
  <c r="RLR53" i="1" s="1"/>
  <c r="RLS53" i="1" s="1"/>
  <c r="RLT53" i="1" s="1"/>
  <c r="RLU53" i="1" s="1"/>
  <c r="RLV53" i="1" s="1"/>
  <c r="RLW53" i="1" s="1"/>
  <c r="RLX53" i="1" s="1"/>
  <c r="RLY53" i="1" s="1"/>
  <c r="RLZ53" i="1" s="1"/>
  <c r="RMA53" i="1" s="1"/>
  <c r="RMB53" i="1" s="1"/>
  <c r="RMC53" i="1" s="1"/>
  <c r="RMD53" i="1" s="1"/>
  <c r="RME53" i="1" s="1"/>
  <c r="RMF53" i="1" s="1"/>
  <c r="RMG53" i="1" s="1"/>
  <c r="RMH53" i="1" s="1"/>
  <c r="RMI53" i="1" s="1"/>
  <c r="RMJ53" i="1" s="1"/>
  <c r="RMK53" i="1" s="1"/>
  <c r="RML53" i="1" s="1"/>
  <c r="RMM53" i="1" s="1"/>
  <c r="RMN53" i="1" s="1"/>
  <c r="RMO53" i="1" s="1"/>
  <c r="RMP53" i="1" s="1"/>
  <c r="RMQ53" i="1" s="1"/>
  <c r="RMR53" i="1" s="1"/>
  <c r="RMS53" i="1" s="1"/>
  <c r="RMT53" i="1" s="1"/>
  <c r="RMU53" i="1" s="1"/>
  <c r="RMV53" i="1" s="1"/>
  <c r="RMW53" i="1" s="1"/>
  <c r="RMX53" i="1" s="1"/>
  <c r="RMY53" i="1" s="1"/>
  <c r="RMZ53" i="1" s="1"/>
  <c r="RNA53" i="1" s="1"/>
  <c r="RNB53" i="1" s="1"/>
  <c r="RNC53" i="1" s="1"/>
  <c r="RND53" i="1" s="1"/>
  <c r="RNE53" i="1" s="1"/>
  <c r="RNF53" i="1" s="1"/>
  <c r="RNG53" i="1" s="1"/>
  <c r="RNH53" i="1" s="1"/>
  <c r="RNI53" i="1" s="1"/>
  <c r="RNJ53" i="1" s="1"/>
  <c r="RNK53" i="1" s="1"/>
  <c r="RNL53" i="1" s="1"/>
  <c r="RNM53" i="1" s="1"/>
  <c r="RNN53" i="1" s="1"/>
  <c r="RNO53" i="1" s="1"/>
  <c r="RNP53" i="1" s="1"/>
  <c r="RNQ53" i="1" s="1"/>
  <c r="RNR53" i="1" s="1"/>
  <c r="RNS53" i="1" s="1"/>
  <c r="RNT53" i="1" s="1"/>
  <c r="RNU53" i="1" s="1"/>
  <c r="RNV53" i="1" s="1"/>
  <c r="RNW53" i="1" s="1"/>
  <c r="RNX53" i="1" s="1"/>
  <c r="RNY53" i="1" s="1"/>
  <c r="RNZ53" i="1" s="1"/>
  <c r="ROA53" i="1" s="1"/>
  <c r="ROB53" i="1" s="1"/>
  <c r="ROC53" i="1" s="1"/>
  <c r="ROD53" i="1" s="1"/>
  <c r="ROE53" i="1" s="1"/>
  <c r="ROF53" i="1" s="1"/>
  <c r="ROG53" i="1" s="1"/>
  <c r="ROH53" i="1" s="1"/>
  <c r="ROI53" i="1" s="1"/>
  <c r="ROJ53" i="1" s="1"/>
  <c r="ROK53" i="1" s="1"/>
  <c r="ROL53" i="1" s="1"/>
  <c r="ROM53" i="1" s="1"/>
  <c r="RON53" i="1" s="1"/>
  <c r="ROO53" i="1" s="1"/>
  <c r="ROP53" i="1" s="1"/>
  <c r="ROQ53" i="1" s="1"/>
  <c r="ROR53" i="1" s="1"/>
  <c r="ROS53" i="1" s="1"/>
  <c r="ROT53" i="1" s="1"/>
  <c r="ROU53" i="1" s="1"/>
  <c r="ROV53" i="1" s="1"/>
  <c r="ROW53" i="1" s="1"/>
  <c r="ROX53" i="1" s="1"/>
  <c r="ROY53" i="1" s="1"/>
  <c r="ROZ53" i="1" s="1"/>
  <c r="RPA53" i="1" s="1"/>
  <c r="RPB53" i="1" s="1"/>
  <c r="RPC53" i="1" s="1"/>
  <c r="RPD53" i="1" s="1"/>
  <c r="RPE53" i="1" s="1"/>
  <c r="RPF53" i="1" s="1"/>
  <c r="RPG53" i="1" s="1"/>
  <c r="RPH53" i="1" s="1"/>
  <c r="RPI53" i="1" s="1"/>
  <c r="RPJ53" i="1" s="1"/>
  <c r="RPK53" i="1" s="1"/>
  <c r="RPL53" i="1" s="1"/>
  <c r="RPM53" i="1" s="1"/>
  <c r="RPN53" i="1" s="1"/>
  <c r="RPO53" i="1" s="1"/>
  <c r="RPP53" i="1" s="1"/>
  <c r="RPQ53" i="1" s="1"/>
  <c r="RPR53" i="1" s="1"/>
  <c r="RPS53" i="1" s="1"/>
  <c r="RPT53" i="1" s="1"/>
  <c r="RPU53" i="1" s="1"/>
  <c r="RPV53" i="1" s="1"/>
  <c r="RPW53" i="1" s="1"/>
  <c r="RPX53" i="1" s="1"/>
  <c r="RPY53" i="1" s="1"/>
  <c r="RPZ53" i="1" s="1"/>
  <c r="RQA53" i="1" s="1"/>
  <c r="RQB53" i="1" s="1"/>
  <c r="RQC53" i="1" s="1"/>
  <c r="RQD53" i="1" s="1"/>
  <c r="RQE53" i="1" s="1"/>
  <c r="RQF53" i="1" s="1"/>
  <c r="RQG53" i="1" s="1"/>
  <c r="RQH53" i="1" s="1"/>
  <c r="RQI53" i="1" s="1"/>
  <c r="RQJ53" i="1" s="1"/>
  <c r="RQK53" i="1" s="1"/>
  <c r="RQL53" i="1" s="1"/>
  <c r="RQM53" i="1" s="1"/>
  <c r="RQN53" i="1" s="1"/>
  <c r="RQO53" i="1" s="1"/>
  <c r="RQP53" i="1" s="1"/>
  <c r="RQQ53" i="1" s="1"/>
  <c r="RQR53" i="1" s="1"/>
  <c r="RQS53" i="1" s="1"/>
  <c r="RQT53" i="1" s="1"/>
  <c r="RQU53" i="1" s="1"/>
  <c r="RQV53" i="1" s="1"/>
  <c r="RQW53" i="1" s="1"/>
  <c r="RQX53" i="1" s="1"/>
  <c r="RQY53" i="1" s="1"/>
  <c r="RQZ53" i="1" s="1"/>
  <c r="RRA53" i="1" s="1"/>
  <c r="RRB53" i="1" s="1"/>
  <c r="RRC53" i="1" s="1"/>
  <c r="RRD53" i="1" s="1"/>
  <c r="RRE53" i="1" s="1"/>
  <c r="RRF53" i="1" s="1"/>
  <c r="RRG53" i="1" s="1"/>
  <c r="RRH53" i="1" s="1"/>
  <c r="RRI53" i="1" s="1"/>
  <c r="RRJ53" i="1" s="1"/>
  <c r="RRK53" i="1" s="1"/>
  <c r="RRL53" i="1" s="1"/>
  <c r="RRM53" i="1" s="1"/>
  <c r="RRN53" i="1" s="1"/>
  <c r="RRO53" i="1" s="1"/>
  <c r="RRP53" i="1" s="1"/>
  <c r="RRQ53" i="1" s="1"/>
  <c r="RRR53" i="1" s="1"/>
  <c r="RRS53" i="1" s="1"/>
  <c r="RRT53" i="1" s="1"/>
  <c r="RRU53" i="1" s="1"/>
  <c r="RRV53" i="1" s="1"/>
  <c r="RRW53" i="1" s="1"/>
  <c r="RRX53" i="1" s="1"/>
  <c r="RRY53" i="1" s="1"/>
  <c r="RRZ53" i="1" s="1"/>
  <c r="RSA53" i="1" s="1"/>
  <c r="RSB53" i="1" s="1"/>
  <c r="RSC53" i="1" s="1"/>
  <c r="RSD53" i="1" s="1"/>
  <c r="RSE53" i="1" s="1"/>
  <c r="RSF53" i="1" s="1"/>
  <c r="RSG53" i="1" s="1"/>
  <c r="RSH53" i="1" s="1"/>
  <c r="RSI53" i="1" s="1"/>
  <c r="RSJ53" i="1" s="1"/>
  <c r="RSK53" i="1" s="1"/>
  <c r="RSL53" i="1" s="1"/>
  <c r="RSM53" i="1" s="1"/>
  <c r="RSN53" i="1" s="1"/>
  <c r="RSO53" i="1" s="1"/>
  <c r="RSP53" i="1" s="1"/>
  <c r="RSQ53" i="1" s="1"/>
  <c r="RSR53" i="1" s="1"/>
  <c r="RSS53" i="1" s="1"/>
  <c r="RST53" i="1" s="1"/>
  <c r="RSU53" i="1" s="1"/>
  <c r="RSV53" i="1" s="1"/>
  <c r="RSW53" i="1" s="1"/>
  <c r="RSX53" i="1" s="1"/>
  <c r="RSY53" i="1" s="1"/>
  <c r="RSZ53" i="1" s="1"/>
  <c r="RTA53" i="1" s="1"/>
  <c r="RTB53" i="1" s="1"/>
  <c r="RTC53" i="1" s="1"/>
  <c r="RTD53" i="1" s="1"/>
  <c r="RTE53" i="1" s="1"/>
  <c r="RTF53" i="1" s="1"/>
  <c r="RTG53" i="1" s="1"/>
  <c r="RTH53" i="1" s="1"/>
  <c r="RTI53" i="1" s="1"/>
  <c r="RTJ53" i="1" s="1"/>
  <c r="RTK53" i="1" s="1"/>
  <c r="RTL53" i="1" s="1"/>
  <c r="RTM53" i="1" s="1"/>
  <c r="RTN53" i="1" s="1"/>
  <c r="RTO53" i="1" s="1"/>
  <c r="RTP53" i="1" s="1"/>
  <c r="RTQ53" i="1" s="1"/>
  <c r="RTR53" i="1" s="1"/>
  <c r="RTS53" i="1" s="1"/>
  <c r="RTT53" i="1" s="1"/>
  <c r="RTU53" i="1" s="1"/>
  <c r="RTV53" i="1" s="1"/>
  <c r="RTW53" i="1" s="1"/>
  <c r="RTX53" i="1" s="1"/>
  <c r="RTY53" i="1" s="1"/>
  <c r="RTZ53" i="1" s="1"/>
  <c r="RUA53" i="1" s="1"/>
  <c r="RUB53" i="1" s="1"/>
  <c r="RUC53" i="1" s="1"/>
  <c r="RUD53" i="1" s="1"/>
  <c r="RUE53" i="1" s="1"/>
  <c r="RUF53" i="1" s="1"/>
  <c r="RUG53" i="1" s="1"/>
  <c r="RUH53" i="1" s="1"/>
  <c r="RUI53" i="1" s="1"/>
  <c r="RUJ53" i="1" s="1"/>
  <c r="RUK53" i="1" s="1"/>
  <c r="RUL53" i="1" s="1"/>
  <c r="RUM53" i="1" s="1"/>
  <c r="RUN53" i="1" s="1"/>
  <c r="RUO53" i="1" s="1"/>
  <c r="RUP53" i="1" s="1"/>
  <c r="RUQ53" i="1" s="1"/>
  <c r="RUR53" i="1" s="1"/>
  <c r="RUS53" i="1" s="1"/>
  <c r="RUT53" i="1" s="1"/>
  <c r="RUU53" i="1" s="1"/>
  <c r="RUV53" i="1" s="1"/>
  <c r="RUW53" i="1" s="1"/>
  <c r="RUX53" i="1" s="1"/>
  <c r="RUY53" i="1" s="1"/>
  <c r="RUZ53" i="1" s="1"/>
  <c r="RVA53" i="1" s="1"/>
  <c r="RVB53" i="1" s="1"/>
  <c r="RVC53" i="1" s="1"/>
  <c r="RVD53" i="1" s="1"/>
  <c r="RVE53" i="1" s="1"/>
  <c r="RVF53" i="1" s="1"/>
  <c r="RVG53" i="1" s="1"/>
  <c r="RVH53" i="1" s="1"/>
  <c r="RVI53" i="1" s="1"/>
  <c r="RVJ53" i="1" s="1"/>
  <c r="RVK53" i="1" s="1"/>
  <c r="RVL53" i="1" s="1"/>
  <c r="RVM53" i="1" s="1"/>
  <c r="RVN53" i="1" s="1"/>
  <c r="RVO53" i="1" s="1"/>
  <c r="RVP53" i="1" s="1"/>
  <c r="RVQ53" i="1" s="1"/>
  <c r="RVR53" i="1" s="1"/>
  <c r="RVS53" i="1" s="1"/>
  <c r="RVT53" i="1" s="1"/>
  <c r="RVU53" i="1" s="1"/>
  <c r="RVV53" i="1" s="1"/>
  <c r="RVW53" i="1" s="1"/>
  <c r="RVX53" i="1" s="1"/>
  <c r="RVY53" i="1" s="1"/>
  <c r="RVZ53" i="1" s="1"/>
  <c r="RWA53" i="1" s="1"/>
  <c r="RWB53" i="1" s="1"/>
  <c r="RWC53" i="1" s="1"/>
  <c r="RWD53" i="1" s="1"/>
  <c r="RWE53" i="1" s="1"/>
  <c r="RWF53" i="1" s="1"/>
  <c r="RWG53" i="1" s="1"/>
  <c r="RWH53" i="1" s="1"/>
  <c r="RWI53" i="1" s="1"/>
  <c r="RWJ53" i="1" s="1"/>
  <c r="RWK53" i="1" s="1"/>
  <c r="RWL53" i="1" s="1"/>
  <c r="RWM53" i="1" s="1"/>
  <c r="RWN53" i="1" s="1"/>
  <c r="RWO53" i="1" s="1"/>
  <c r="RWP53" i="1" s="1"/>
  <c r="RWQ53" i="1" s="1"/>
  <c r="RWR53" i="1" s="1"/>
  <c r="RWS53" i="1" s="1"/>
  <c r="RWT53" i="1" s="1"/>
  <c r="RWU53" i="1" s="1"/>
  <c r="RWV53" i="1" s="1"/>
  <c r="RWW53" i="1" s="1"/>
  <c r="RWX53" i="1" s="1"/>
  <c r="RWY53" i="1" s="1"/>
  <c r="RWZ53" i="1" s="1"/>
  <c r="RXA53" i="1" s="1"/>
  <c r="RXB53" i="1" s="1"/>
  <c r="RXC53" i="1" s="1"/>
  <c r="RXD53" i="1" s="1"/>
  <c r="RXE53" i="1" s="1"/>
  <c r="RXF53" i="1" s="1"/>
  <c r="RXG53" i="1" s="1"/>
  <c r="RXH53" i="1" s="1"/>
  <c r="RXI53" i="1" s="1"/>
  <c r="RXJ53" i="1" s="1"/>
  <c r="RXK53" i="1" s="1"/>
  <c r="RXL53" i="1" s="1"/>
  <c r="RXM53" i="1" s="1"/>
  <c r="RXN53" i="1" s="1"/>
  <c r="RXO53" i="1" s="1"/>
  <c r="RXP53" i="1" s="1"/>
  <c r="RXQ53" i="1" s="1"/>
  <c r="RXR53" i="1" s="1"/>
  <c r="RXS53" i="1" s="1"/>
  <c r="RXT53" i="1" s="1"/>
  <c r="RXU53" i="1" s="1"/>
  <c r="RXV53" i="1" s="1"/>
  <c r="RXW53" i="1" s="1"/>
  <c r="RXX53" i="1" s="1"/>
  <c r="RXY53" i="1" s="1"/>
  <c r="RXZ53" i="1" s="1"/>
  <c r="RYA53" i="1" s="1"/>
  <c r="RYB53" i="1" s="1"/>
  <c r="RYC53" i="1" s="1"/>
  <c r="RYD53" i="1" s="1"/>
  <c r="RYE53" i="1" s="1"/>
  <c r="RYF53" i="1" s="1"/>
  <c r="RYG53" i="1" s="1"/>
  <c r="RYH53" i="1" s="1"/>
  <c r="RYI53" i="1" s="1"/>
  <c r="RYJ53" i="1" s="1"/>
  <c r="RYK53" i="1" s="1"/>
  <c r="RYL53" i="1" s="1"/>
  <c r="RYM53" i="1" s="1"/>
  <c r="RYN53" i="1" s="1"/>
  <c r="RYO53" i="1" s="1"/>
  <c r="RYP53" i="1" s="1"/>
  <c r="RYQ53" i="1" s="1"/>
  <c r="RYR53" i="1" s="1"/>
  <c r="RYS53" i="1" s="1"/>
  <c r="RYT53" i="1" s="1"/>
  <c r="RYU53" i="1" s="1"/>
  <c r="RYV53" i="1" s="1"/>
  <c r="RYW53" i="1" s="1"/>
  <c r="RYX53" i="1" s="1"/>
  <c r="RYY53" i="1" s="1"/>
  <c r="RYZ53" i="1" s="1"/>
  <c r="RZA53" i="1" s="1"/>
  <c r="RZB53" i="1" s="1"/>
  <c r="RZC53" i="1" s="1"/>
  <c r="RZD53" i="1" s="1"/>
  <c r="RZE53" i="1" s="1"/>
  <c r="RZF53" i="1" s="1"/>
  <c r="RZG53" i="1" s="1"/>
  <c r="RZH53" i="1" s="1"/>
  <c r="RZI53" i="1" s="1"/>
  <c r="RZJ53" i="1" s="1"/>
  <c r="RZK53" i="1" s="1"/>
  <c r="RZL53" i="1" s="1"/>
  <c r="RZM53" i="1" s="1"/>
  <c r="RZN53" i="1" s="1"/>
  <c r="RZO53" i="1" s="1"/>
  <c r="RZP53" i="1" s="1"/>
  <c r="RZQ53" i="1" s="1"/>
  <c r="RZR53" i="1" s="1"/>
  <c r="RZS53" i="1" s="1"/>
  <c r="RZT53" i="1" s="1"/>
  <c r="RZU53" i="1" s="1"/>
  <c r="RZV53" i="1" s="1"/>
  <c r="RZW53" i="1" s="1"/>
  <c r="RZX53" i="1" s="1"/>
  <c r="RZY53" i="1" s="1"/>
  <c r="RZZ53" i="1" s="1"/>
  <c r="SAA53" i="1" s="1"/>
  <c r="SAB53" i="1" s="1"/>
  <c r="SAC53" i="1" s="1"/>
  <c r="SAD53" i="1" s="1"/>
  <c r="SAE53" i="1" s="1"/>
  <c r="SAF53" i="1" s="1"/>
  <c r="SAG53" i="1" s="1"/>
  <c r="SAH53" i="1" s="1"/>
  <c r="SAI53" i="1" s="1"/>
  <c r="SAJ53" i="1" s="1"/>
  <c r="SAK53" i="1" s="1"/>
  <c r="SAL53" i="1" s="1"/>
  <c r="SAM53" i="1" s="1"/>
  <c r="SAN53" i="1" s="1"/>
  <c r="SAO53" i="1" s="1"/>
  <c r="SAP53" i="1" s="1"/>
  <c r="SAQ53" i="1" s="1"/>
  <c r="SAR53" i="1" s="1"/>
  <c r="SAS53" i="1" s="1"/>
  <c r="SAT53" i="1" s="1"/>
  <c r="SAU53" i="1" s="1"/>
  <c r="SAV53" i="1" s="1"/>
  <c r="SAW53" i="1" s="1"/>
  <c r="SAX53" i="1" s="1"/>
  <c r="SAY53" i="1" s="1"/>
  <c r="SAZ53" i="1" s="1"/>
  <c r="SBA53" i="1" s="1"/>
  <c r="SBB53" i="1" s="1"/>
  <c r="SBC53" i="1" s="1"/>
  <c r="SBD53" i="1" s="1"/>
  <c r="SBE53" i="1" s="1"/>
  <c r="SBF53" i="1" s="1"/>
  <c r="SBG53" i="1" s="1"/>
  <c r="SBH53" i="1" s="1"/>
  <c r="SBI53" i="1" s="1"/>
  <c r="SBJ53" i="1" s="1"/>
  <c r="SBK53" i="1" s="1"/>
  <c r="SBL53" i="1" s="1"/>
  <c r="SBM53" i="1" s="1"/>
  <c r="SBN53" i="1" s="1"/>
  <c r="SBO53" i="1" s="1"/>
  <c r="SBP53" i="1" s="1"/>
  <c r="SBQ53" i="1" s="1"/>
  <c r="SBR53" i="1" s="1"/>
  <c r="SBS53" i="1" s="1"/>
  <c r="SBT53" i="1" s="1"/>
  <c r="SBU53" i="1" s="1"/>
  <c r="SBV53" i="1" s="1"/>
  <c r="SBW53" i="1" s="1"/>
  <c r="SBX53" i="1" s="1"/>
  <c r="SBY53" i="1" s="1"/>
  <c r="SBZ53" i="1" s="1"/>
  <c r="SCA53" i="1" s="1"/>
  <c r="SCB53" i="1" s="1"/>
  <c r="SCC53" i="1" s="1"/>
  <c r="SCD53" i="1" s="1"/>
  <c r="SCE53" i="1" s="1"/>
  <c r="SCF53" i="1" s="1"/>
  <c r="SCG53" i="1" s="1"/>
  <c r="SCH53" i="1" s="1"/>
  <c r="SCI53" i="1" s="1"/>
  <c r="SCJ53" i="1" s="1"/>
  <c r="SCK53" i="1" s="1"/>
  <c r="SCL53" i="1" s="1"/>
  <c r="SCM53" i="1" s="1"/>
  <c r="SCN53" i="1" s="1"/>
  <c r="SCO53" i="1" s="1"/>
  <c r="SCP53" i="1" s="1"/>
  <c r="SCQ53" i="1" s="1"/>
  <c r="SCR53" i="1" s="1"/>
  <c r="SCS53" i="1" s="1"/>
  <c r="SCT53" i="1" s="1"/>
  <c r="SCU53" i="1" s="1"/>
  <c r="SCV53" i="1" s="1"/>
  <c r="SCW53" i="1" s="1"/>
  <c r="SCX53" i="1" s="1"/>
  <c r="SCY53" i="1" s="1"/>
  <c r="SCZ53" i="1" s="1"/>
  <c r="SDA53" i="1" s="1"/>
  <c r="SDB53" i="1" s="1"/>
  <c r="SDC53" i="1" s="1"/>
  <c r="SDD53" i="1" s="1"/>
  <c r="SDE53" i="1" s="1"/>
  <c r="SDF53" i="1" s="1"/>
  <c r="SDG53" i="1" s="1"/>
  <c r="SDH53" i="1" s="1"/>
  <c r="SDI53" i="1" s="1"/>
  <c r="SDJ53" i="1" s="1"/>
  <c r="SDK53" i="1" s="1"/>
  <c r="SDL53" i="1" s="1"/>
  <c r="SDM53" i="1" s="1"/>
  <c r="SDN53" i="1" s="1"/>
  <c r="SDO53" i="1" s="1"/>
  <c r="SDP53" i="1" s="1"/>
  <c r="SDQ53" i="1" s="1"/>
  <c r="SDR53" i="1" s="1"/>
  <c r="SDS53" i="1" s="1"/>
  <c r="SDT53" i="1" s="1"/>
  <c r="SDU53" i="1" s="1"/>
  <c r="SDV53" i="1" s="1"/>
  <c r="SDW53" i="1" s="1"/>
  <c r="SDX53" i="1" s="1"/>
  <c r="SDY53" i="1" s="1"/>
  <c r="SDZ53" i="1" s="1"/>
  <c r="SEA53" i="1" s="1"/>
  <c r="SEB53" i="1" s="1"/>
  <c r="SEC53" i="1" s="1"/>
  <c r="SED53" i="1" s="1"/>
  <c r="SEE53" i="1" s="1"/>
  <c r="SEF53" i="1" s="1"/>
  <c r="SEG53" i="1" s="1"/>
  <c r="SEH53" i="1" s="1"/>
  <c r="SEI53" i="1" s="1"/>
  <c r="SEJ53" i="1" s="1"/>
  <c r="SEK53" i="1" s="1"/>
  <c r="SEL53" i="1" s="1"/>
  <c r="SEM53" i="1" s="1"/>
  <c r="SEN53" i="1" s="1"/>
  <c r="SEO53" i="1" s="1"/>
  <c r="SEP53" i="1" s="1"/>
  <c r="SEQ53" i="1" s="1"/>
  <c r="SER53" i="1" s="1"/>
  <c r="SES53" i="1" s="1"/>
  <c r="SET53" i="1" s="1"/>
  <c r="SEU53" i="1" s="1"/>
  <c r="SEV53" i="1" s="1"/>
  <c r="SEW53" i="1" s="1"/>
  <c r="SEX53" i="1" s="1"/>
  <c r="SEY53" i="1" s="1"/>
  <c r="SEZ53" i="1" s="1"/>
  <c r="SFA53" i="1" s="1"/>
  <c r="SFB53" i="1" s="1"/>
  <c r="SFC53" i="1" s="1"/>
  <c r="SFD53" i="1" s="1"/>
  <c r="SFE53" i="1" s="1"/>
  <c r="SFF53" i="1" s="1"/>
  <c r="SFG53" i="1" s="1"/>
  <c r="SFH53" i="1" s="1"/>
  <c r="SFI53" i="1" s="1"/>
  <c r="SFJ53" i="1" s="1"/>
  <c r="SFK53" i="1" s="1"/>
  <c r="SFL53" i="1" s="1"/>
  <c r="SFM53" i="1" s="1"/>
  <c r="SFN53" i="1" s="1"/>
  <c r="SFO53" i="1" s="1"/>
  <c r="SFP53" i="1" s="1"/>
  <c r="SFQ53" i="1" s="1"/>
  <c r="SFR53" i="1" s="1"/>
  <c r="SFS53" i="1" s="1"/>
  <c r="SFT53" i="1" s="1"/>
  <c r="SFU53" i="1" s="1"/>
  <c r="SFV53" i="1" s="1"/>
  <c r="SFW53" i="1" s="1"/>
  <c r="SFX53" i="1" s="1"/>
  <c r="SFY53" i="1" s="1"/>
  <c r="SFZ53" i="1" s="1"/>
  <c r="SGA53" i="1" s="1"/>
  <c r="SGB53" i="1" s="1"/>
  <c r="SGC53" i="1" s="1"/>
  <c r="SGD53" i="1" s="1"/>
  <c r="SGE53" i="1" s="1"/>
  <c r="SGF53" i="1" s="1"/>
  <c r="SGG53" i="1" s="1"/>
  <c r="SGH53" i="1" s="1"/>
  <c r="SGI53" i="1" s="1"/>
  <c r="SGJ53" i="1" s="1"/>
  <c r="SGK53" i="1" s="1"/>
  <c r="SGL53" i="1" s="1"/>
  <c r="SGM53" i="1" s="1"/>
  <c r="SGN53" i="1" s="1"/>
  <c r="SGO53" i="1" s="1"/>
  <c r="SGP53" i="1" s="1"/>
  <c r="SGQ53" i="1" s="1"/>
  <c r="SGR53" i="1" s="1"/>
  <c r="SGS53" i="1" s="1"/>
  <c r="SGT53" i="1" s="1"/>
  <c r="SGU53" i="1" s="1"/>
  <c r="SGV53" i="1" s="1"/>
  <c r="SGW53" i="1" s="1"/>
  <c r="SGX53" i="1" s="1"/>
  <c r="SGY53" i="1" s="1"/>
  <c r="SGZ53" i="1" s="1"/>
  <c r="SHA53" i="1" s="1"/>
  <c r="SHB53" i="1" s="1"/>
  <c r="SHC53" i="1" s="1"/>
  <c r="SHD53" i="1" s="1"/>
  <c r="SHE53" i="1" s="1"/>
  <c r="SHF53" i="1" s="1"/>
  <c r="SHG53" i="1" s="1"/>
  <c r="SHH53" i="1" s="1"/>
  <c r="SHI53" i="1" s="1"/>
  <c r="SHJ53" i="1" s="1"/>
  <c r="SHK53" i="1" s="1"/>
  <c r="SHL53" i="1" s="1"/>
  <c r="SHM53" i="1" s="1"/>
  <c r="SHN53" i="1" s="1"/>
  <c r="SHO53" i="1" s="1"/>
  <c r="SHP53" i="1" s="1"/>
  <c r="SHQ53" i="1" s="1"/>
  <c r="SHR53" i="1" s="1"/>
  <c r="SHS53" i="1" s="1"/>
  <c r="SHT53" i="1" s="1"/>
  <c r="SHU53" i="1" s="1"/>
  <c r="SHV53" i="1" s="1"/>
  <c r="SHW53" i="1" s="1"/>
  <c r="SHX53" i="1" s="1"/>
  <c r="SHY53" i="1" s="1"/>
  <c r="SHZ53" i="1" s="1"/>
  <c r="SIA53" i="1" s="1"/>
  <c r="SIB53" i="1" s="1"/>
  <c r="SIC53" i="1" s="1"/>
  <c r="SID53" i="1" s="1"/>
  <c r="SIE53" i="1" s="1"/>
  <c r="SIF53" i="1" s="1"/>
  <c r="SIG53" i="1" s="1"/>
  <c r="SIH53" i="1" s="1"/>
  <c r="SII53" i="1" s="1"/>
  <c r="SIJ53" i="1" s="1"/>
  <c r="SIK53" i="1" s="1"/>
  <c r="SIL53" i="1" s="1"/>
  <c r="SIM53" i="1" s="1"/>
  <c r="SIN53" i="1" s="1"/>
  <c r="SIO53" i="1" s="1"/>
  <c r="SIP53" i="1" s="1"/>
  <c r="SIQ53" i="1" s="1"/>
  <c r="SIR53" i="1" s="1"/>
  <c r="SIS53" i="1" s="1"/>
  <c r="SIT53" i="1" s="1"/>
  <c r="SIU53" i="1" s="1"/>
  <c r="SIV53" i="1" s="1"/>
  <c r="SIW53" i="1" s="1"/>
  <c r="SIX53" i="1" s="1"/>
  <c r="SIY53" i="1" s="1"/>
  <c r="SIZ53" i="1" s="1"/>
  <c r="SJA53" i="1" s="1"/>
  <c r="SJB53" i="1" s="1"/>
  <c r="SJC53" i="1" s="1"/>
  <c r="SJD53" i="1" s="1"/>
  <c r="SJE53" i="1" s="1"/>
  <c r="SJF53" i="1" s="1"/>
  <c r="SJG53" i="1" s="1"/>
  <c r="SJH53" i="1" s="1"/>
  <c r="SJI53" i="1" s="1"/>
  <c r="SJJ53" i="1" s="1"/>
  <c r="SJK53" i="1" s="1"/>
  <c r="SJL53" i="1" s="1"/>
  <c r="SJM53" i="1" s="1"/>
  <c r="SJN53" i="1" s="1"/>
  <c r="SJO53" i="1" s="1"/>
  <c r="SJP53" i="1" s="1"/>
  <c r="SJQ53" i="1" s="1"/>
  <c r="SJR53" i="1" s="1"/>
  <c r="SJS53" i="1" s="1"/>
  <c r="SJT53" i="1" s="1"/>
  <c r="SJU53" i="1" s="1"/>
  <c r="SJV53" i="1" s="1"/>
  <c r="SJW53" i="1" s="1"/>
  <c r="SJX53" i="1" s="1"/>
  <c r="SJY53" i="1" s="1"/>
  <c r="SJZ53" i="1" s="1"/>
  <c r="SKA53" i="1" s="1"/>
  <c r="SKB53" i="1" s="1"/>
  <c r="SKC53" i="1" s="1"/>
  <c r="SKD53" i="1" s="1"/>
  <c r="SKE53" i="1" s="1"/>
  <c r="SKF53" i="1" s="1"/>
  <c r="SKG53" i="1" s="1"/>
  <c r="SKH53" i="1" s="1"/>
  <c r="SKI53" i="1" s="1"/>
  <c r="SKJ53" i="1" s="1"/>
  <c r="SKK53" i="1" s="1"/>
  <c r="SKL53" i="1" s="1"/>
  <c r="SKM53" i="1" s="1"/>
  <c r="SKN53" i="1" s="1"/>
  <c r="SKO53" i="1" s="1"/>
  <c r="SKP53" i="1" s="1"/>
  <c r="SKQ53" i="1" s="1"/>
  <c r="SKR53" i="1" s="1"/>
  <c r="SKS53" i="1" s="1"/>
  <c r="SKT53" i="1" s="1"/>
  <c r="SKU53" i="1" s="1"/>
  <c r="SKV53" i="1" s="1"/>
  <c r="SKW53" i="1" s="1"/>
  <c r="SKX53" i="1" s="1"/>
  <c r="SKY53" i="1" s="1"/>
  <c r="SKZ53" i="1" s="1"/>
  <c r="SLA53" i="1" s="1"/>
  <c r="SLB53" i="1" s="1"/>
  <c r="SLC53" i="1" s="1"/>
  <c r="SLD53" i="1" s="1"/>
  <c r="SLE53" i="1" s="1"/>
  <c r="SLF53" i="1" s="1"/>
  <c r="SLG53" i="1" s="1"/>
  <c r="SLH53" i="1" s="1"/>
  <c r="SLI53" i="1" s="1"/>
  <c r="SLJ53" i="1" s="1"/>
  <c r="SLK53" i="1" s="1"/>
  <c r="SLL53" i="1" s="1"/>
  <c r="SLM53" i="1" s="1"/>
  <c r="SLN53" i="1" s="1"/>
  <c r="SLO53" i="1" s="1"/>
  <c r="SLP53" i="1" s="1"/>
  <c r="SLQ53" i="1" s="1"/>
  <c r="SLR53" i="1" s="1"/>
  <c r="SLS53" i="1" s="1"/>
  <c r="SLT53" i="1" s="1"/>
  <c r="SLU53" i="1" s="1"/>
  <c r="SLV53" i="1" s="1"/>
  <c r="SLW53" i="1" s="1"/>
  <c r="SLX53" i="1" s="1"/>
  <c r="SLY53" i="1" s="1"/>
  <c r="SLZ53" i="1" s="1"/>
  <c r="SMA53" i="1" s="1"/>
  <c r="SMB53" i="1" s="1"/>
  <c r="SMC53" i="1" s="1"/>
  <c r="SMD53" i="1" s="1"/>
  <c r="SME53" i="1" s="1"/>
  <c r="SMF53" i="1" s="1"/>
  <c r="SMG53" i="1" s="1"/>
  <c r="SMH53" i="1" s="1"/>
  <c r="SMI53" i="1" s="1"/>
  <c r="SMJ53" i="1" s="1"/>
  <c r="SMK53" i="1" s="1"/>
  <c r="SML53" i="1" s="1"/>
  <c r="SMM53" i="1" s="1"/>
  <c r="SMN53" i="1" s="1"/>
  <c r="SMO53" i="1" s="1"/>
  <c r="SMP53" i="1" s="1"/>
  <c r="SMQ53" i="1" s="1"/>
  <c r="SMR53" i="1" s="1"/>
  <c r="SMS53" i="1" s="1"/>
  <c r="SMT53" i="1" s="1"/>
  <c r="SMU53" i="1" s="1"/>
  <c r="SMV53" i="1" s="1"/>
  <c r="SMW53" i="1" s="1"/>
  <c r="SMX53" i="1" s="1"/>
  <c r="SMY53" i="1" s="1"/>
  <c r="SMZ53" i="1" s="1"/>
  <c r="SNA53" i="1" s="1"/>
  <c r="SNB53" i="1" s="1"/>
  <c r="SNC53" i="1" s="1"/>
  <c r="SND53" i="1" s="1"/>
  <c r="SNE53" i="1" s="1"/>
  <c r="SNF53" i="1" s="1"/>
  <c r="SNG53" i="1" s="1"/>
  <c r="SNH53" i="1" s="1"/>
  <c r="SNI53" i="1" s="1"/>
  <c r="SNJ53" i="1" s="1"/>
  <c r="SNK53" i="1" s="1"/>
  <c r="SNL53" i="1" s="1"/>
  <c r="SNM53" i="1" s="1"/>
  <c r="SNN53" i="1" s="1"/>
  <c r="SNO53" i="1" s="1"/>
  <c r="SNP53" i="1" s="1"/>
  <c r="SNQ53" i="1" s="1"/>
  <c r="SNR53" i="1" s="1"/>
  <c r="SNS53" i="1" s="1"/>
  <c r="SNT53" i="1" s="1"/>
  <c r="SNU53" i="1" s="1"/>
  <c r="SNV53" i="1" s="1"/>
  <c r="SNW53" i="1" s="1"/>
  <c r="SNX53" i="1" s="1"/>
  <c r="SNY53" i="1" s="1"/>
  <c r="SNZ53" i="1" s="1"/>
  <c r="SOA53" i="1" s="1"/>
  <c r="SOB53" i="1" s="1"/>
  <c r="SOC53" i="1" s="1"/>
  <c r="SOD53" i="1" s="1"/>
  <c r="SOE53" i="1" s="1"/>
  <c r="SOF53" i="1" s="1"/>
  <c r="SOG53" i="1" s="1"/>
  <c r="SOH53" i="1" s="1"/>
  <c r="SOI53" i="1" s="1"/>
  <c r="SOJ53" i="1" s="1"/>
  <c r="SOK53" i="1" s="1"/>
  <c r="SOL53" i="1" s="1"/>
  <c r="SOM53" i="1" s="1"/>
  <c r="SON53" i="1" s="1"/>
  <c r="SOO53" i="1" s="1"/>
  <c r="SOP53" i="1" s="1"/>
  <c r="SOQ53" i="1" s="1"/>
  <c r="SOR53" i="1" s="1"/>
  <c r="SOS53" i="1" s="1"/>
  <c r="SOT53" i="1" s="1"/>
  <c r="SOU53" i="1" s="1"/>
  <c r="SOV53" i="1" s="1"/>
  <c r="SOW53" i="1" s="1"/>
  <c r="SOX53" i="1" s="1"/>
  <c r="SOY53" i="1" s="1"/>
  <c r="SOZ53" i="1" s="1"/>
  <c r="SPA53" i="1" s="1"/>
  <c r="SPB53" i="1" s="1"/>
  <c r="SPC53" i="1" s="1"/>
  <c r="SPD53" i="1" s="1"/>
  <c r="SPE53" i="1" s="1"/>
  <c r="SPF53" i="1" s="1"/>
  <c r="SPG53" i="1" s="1"/>
  <c r="SPH53" i="1" s="1"/>
  <c r="SPI53" i="1" s="1"/>
  <c r="SPJ53" i="1" s="1"/>
  <c r="SPK53" i="1" s="1"/>
  <c r="SPL53" i="1" s="1"/>
  <c r="SPM53" i="1" s="1"/>
  <c r="SPN53" i="1" s="1"/>
  <c r="SPO53" i="1" s="1"/>
  <c r="SPP53" i="1" s="1"/>
  <c r="SPQ53" i="1" s="1"/>
  <c r="SPR53" i="1" s="1"/>
  <c r="SPS53" i="1" s="1"/>
  <c r="SPT53" i="1" s="1"/>
  <c r="SPU53" i="1" s="1"/>
  <c r="SPV53" i="1" s="1"/>
  <c r="SPW53" i="1" s="1"/>
  <c r="SPX53" i="1" s="1"/>
  <c r="SPY53" i="1" s="1"/>
  <c r="SPZ53" i="1" s="1"/>
  <c r="SQA53" i="1" s="1"/>
  <c r="SQB53" i="1" s="1"/>
  <c r="SQC53" i="1" s="1"/>
  <c r="SQD53" i="1" s="1"/>
  <c r="SQE53" i="1" s="1"/>
  <c r="SQF53" i="1" s="1"/>
  <c r="SQG53" i="1" s="1"/>
  <c r="SQH53" i="1" s="1"/>
  <c r="SQI53" i="1" s="1"/>
  <c r="SQJ53" i="1" s="1"/>
  <c r="SQK53" i="1" s="1"/>
  <c r="SQL53" i="1" s="1"/>
  <c r="SQM53" i="1" s="1"/>
  <c r="SQN53" i="1" s="1"/>
  <c r="SQO53" i="1" s="1"/>
  <c r="SQP53" i="1" s="1"/>
  <c r="SQQ53" i="1" s="1"/>
  <c r="SQR53" i="1" s="1"/>
  <c r="SQS53" i="1" s="1"/>
  <c r="SQT53" i="1" s="1"/>
  <c r="SQU53" i="1" s="1"/>
  <c r="SQV53" i="1" s="1"/>
  <c r="SQW53" i="1" s="1"/>
  <c r="SQX53" i="1" s="1"/>
  <c r="SQY53" i="1" s="1"/>
  <c r="SQZ53" i="1" s="1"/>
  <c r="SRA53" i="1" s="1"/>
  <c r="SRB53" i="1" s="1"/>
  <c r="SRC53" i="1" s="1"/>
  <c r="SRD53" i="1" s="1"/>
  <c r="SRE53" i="1" s="1"/>
  <c r="SRF53" i="1" s="1"/>
  <c r="SRG53" i="1" s="1"/>
  <c r="SRH53" i="1" s="1"/>
  <c r="SRI53" i="1" s="1"/>
  <c r="SRJ53" i="1" s="1"/>
  <c r="SRK53" i="1" s="1"/>
  <c r="SRL53" i="1" s="1"/>
  <c r="SRM53" i="1" s="1"/>
  <c r="SRN53" i="1" s="1"/>
  <c r="SRO53" i="1" s="1"/>
  <c r="SRP53" i="1" s="1"/>
  <c r="SRQ53" i="1" s="1"/>
  <c r="SRR53" i="1" s="1"/>
  <c r="SRS53" i="1" s="1"/>
  <c r="SRT53" i="1" s="1"/>
  <c r="SRU53" i="1" s="1"/>
  <c r="SRV53" i="1" s="1"/>
  <c r="SRW53" i="1" s="1"/>
  <c r="SRX53" i="1" s="1"/>
  <c r="SRY53" i="1" s="1"/>
  <c r="SRZ53" i="1" s="1"/>
  <c r="SSA53" i="1" s="1"/>
  <c r="SSB53" i="1" s="1"/>
  <c r="SSC53" i="1" s="1"/>
  <c r="SSD53" i="1" s="1"/>
  <c r="SSE53" i="1" s="1"/>
  <c r="SSF53" i="1" s="1"/>
  <c r="SSG53" i="1" s="1"/>
  <c r="SSH53" i="1" s="1"/>
  <c r="SSI53" i="1" s="1"/>
  <c r="SSJ53" i="1" s="1"/>
  <c r="SSK53" i="1" s="1"/>
  <c r="SSL53" i="1" s="1"/>
  <c r="SSM53" i="1" s="1"/>
  <c r="SSN53" i="1" s="1"/>
  <c r="SSO53" i="1" s="1"/>
  <c r="SSP53" i="1" s="1"/>
  <c r="SSQ53" i="1" s="1"/>
  <c r="SSR53" i="1" s="1"/>
  <c r="SSS53" i="1" s="1"/>
  <c r="SST53" i="1" s="1"/>
  <c r="SSU53" i="1" s="1"/>
  <c r="SSV53" i="1" s="1"/>
  <c r="SSW53" i="1" s="1"/>
  <c r="SSX53" i="1" s="1"/>
  <c r="SSY53" i="1" s="1"/>
  <c r="SSZ53" i="1" s="1"/>
  <c r="STA53" i="1" s="1"/>
  <c r="STB53" i="1" s="1"/>
  <c r="STC53" i="1" s="1"/>
  <c r="STD53" i="1" s="1"/>
  <c r="STE53" i="1" s="1"/>
  <c r="STF53" i="1" s="1"/>
  <c r="STG53" i="1" s="1"/>
  <c r="STH53" i="1" s="1"/>
  <c r="STI53" i="1" s="1"/>
  <c r="STJ53" i="1" s="1"/>
  <c r="STK53" i="1" s="1"/>
  <c r="STL53" i="1" s="1"/>
  <c r="STM53" i="1" s="1"/>
  <c r="STN53" i="1" s="1"/>
  <c r="STO53" i="1" s="1"/>
  <c r="STP53" i="1" s="1"/>
  <c r="STQ53" i="1" s="1"/>
  <c r="STR53" i="1" s="1"/>
  <c r="STS53" i="1" s="1"/>
  <c r="STT53" i="1" s="1"/>
  <c r="STU53" i="1" s="1"/>
  <c r="STV53" i="1" s="1"/>
  <c r="STW53" i="1" s="1"/>
  <c r="STX53" i="1" s="1"/>
  <c r="STY53" i="1" s="1"/>
  <c r="STZ53" i="1" s="1"/>
  <c r="SUA53" i="1" s="1"/>
  <c r="SUB53" i="1" s="1"/>
  <c r="SUC53" i="1" s="1"/>
  <c r="SUD53" i="1" s="1"/>
  <c r="SUE53" i="1" s="1"/>
  <c r="SUF53" i="1" s="1"/>
  <c r="SUG53" i="1" s="1"/>
  <c r="SUH53" i="1" s="1"/>
  <c r="SUI53" i="1" s="1"/>
  <c r="SUJ53" i="1" s="1"/>
  <c r="SUK53" i="1" s="1"/>
  <c r="SUL53" i="1" s="1"/>
  <c r="SUM53" i="1" s="1"/>
  <c r="SUN53" i="1" s="1"/>
  <c r="SUO53" i="1" s="1"/>
  <c r="SUP53" i="1" s="1"/>
  <c r="SUQ53" i="1" s="1"/>
  <c r="SUR53" i="1" s="1"/>
  <c r="SUS53" i="1" s="1"/>
  <c r="SUT53" i="1" s="1"/>
  <c r="SUU53" i="1" s="1"/>
  <c r="SUV53" i="1" s="1"/>
  <c r="SUW53" i="1" s="1"/>
  <c r="SUX53" i="1" s="1"/>
  <c r="SUY53" i="1" s="1"/>
  <c r="SUZ53" i="1" s="1"/>
  <c r="SVA53" i="1" s="1"/>
  <c r="SVB53" i="1" s="1"/>
  <c r="SVC53" i="1" s="1"/>
  <c r="SVD53" i="1" s="1"/>
  <c r="SVE53" i="1" s="1"/>
  <c r="SVF53" i="1" s="1"/>
  <c r="SVG53" i="1" s="1"/>
  <c r="SVH53" i="1" s="1"/>
  <c r="SVI53" i="1" s="1"/>
  <c r="SVJ53" i="1" s="1"/>
  <c r="SVK53" i="1" s="1"/>
  <c r="SVL53" i="1" s="1"/>
  <c r="SVM53" i="1" s="1"/>
  <c r="SVN53" i="1" s="1"/>
  <c r="SVO53" i="1" s="1"/>
  <c r="SVP53" i="1" s="1"/>
  <c r="SVQ53" i="1" s="1"/>
  <c r="SVR53" i="1" s="1"/>
  <c r="SVS53" i="1" s="1"/>
  <c r="SVT53" i="1" s="1"/>
  <c r="SVU53" i="1" s="1"/>
  <c r="SVV53" i="1" s="1"/>
  <c r="SVW53" i="1" s="1"/>
  <c r="SVX53" i="1" s="1"/>
  <c r="SVY53" i="1" s="1"/>
  <c r="SVZ53" i="1" s="1"/>
  <c r="SWA53" i="1" s="1"/>
  <c r="SWB53" i="1" s="1"/>
  <c r="SWC53" i="1" s="1"/>
  <c r="SWD53" i="1" s="1"/>
  <c r="SWE53" i="1" s="1"/>
  <c r="SWF53" i="1" s="1"/>
  <c r="SWG53" i="1" s="1"/>
  <c r="SWH53" i="1" s="1"/>
  <c r="SWI53" i="1" s="1"/>
  <c r="SWJ53" i="1" s="1"/>
  <c r="SWK53" i="1" s="1"/>
  <c r="SWL53" i="1" s="1"/>
  <c r="SWM53" i="1" s="1"/>
  <c r="SWN53" i="1" s="1"/>
  <c r="SWO53" i="1" s="1"/>
  <c r="SWP53" i="1" s="1"/>
  <c r="SWQ53" i="1" s="1"/>
  <c r="SWR53" i="1" s="1"/>
  <c r="SWS53" i="1" s="1"/>
  <c r="SWT53" i="1" s="1"/>
  <c r="SWU53" i="1" s="1"/>
  <c r="SWV53" i="1" s="1"/>
  <c r="SWW53" i="1" s="1"/>
  <c r="SWX53" i="1" s="1"/>
  <c r="SWY53" i="1" s="1"/>
  <c r="SWZ53" i="1" s="1"/>
  <c r="SXA53" i="1" s="1"/>
  <c r="SXB53" i="1" s="1"/>
  <c r="SXC53" i="1" s="1"/>
  <c r="SXD53" i="1" s="1"/>
  <c r="SXE53" i="1" s="1"/>
  <c r="SXF53" i="1" s="1"/>
  <c r="SXG53" i="1" s="1"/>
  <c r="SXH53" i="1" s="1"/>
  <c r="SXI53" i="1" s="1"/>
  <c r="SXJ53" i="1" s="1"/>
  <c r="SXK53" i="1" s="1"/>
  <c r="SXL53" i="1" s="1"/>
  <c r="SXM53" i="1" s="1"/>
  <c r="SXN53" i="1" s="1"/>
  <c r="SXO53" i="1" s="1"/>
  <c r="SXP53" i="1" s="1"/>
  <c r="SXQ53" i="1" s="1"/>
  <c r="SXR53" i="1" s="1"/>
  <c r="SXS53" i="1" s="1"/>
  <c r="SXT53" i="1" s="1"/>
  <c r="SXU53" i="1" s="1"/>
  <c r="SXV53" i="1" s="1"/>
  <c r="SXW53" i="1" s="1"/>
  <c r="SXX53" i="1" s="1"/>
  <c r="SXY53" i="1" s="1"/>
  <c r="SXZ53" i="1" s="1"/>
  <c r="SYA53" i="1" s="1"/>
  <c r="SYB53" i="1" s="1"/>
  <c r="SYC53" i="1" s="1"/>
  <c r="SYD53" i="1" s="1"/>
  <c r="SYE53" i="1" s="1"/>
  <c r="SYF53" i="1" s="1"/>
  <c r="SYG53" i="1" s="1"/>
  <c r="SYH53" i="1" s="1"/>
  <c r="SYI53" i="1" s="1"/>
  <c r="SYJ53" i="1" s="1"/>
  <c r="SYK53" i="1" s="1"/>
  <c r="SYL53" i="1" s="1"/>
  <c r="SYM53" i="1" s="1"/>
  <c r="SYN53" i="1" s="1"/>
  <c r="SYO53" i="1" s="1"/>
  <c r="SYP53" i="1" s="1"/>
  <c r="SYQ53" i="1" s="1"/>
  <c r="SYR53" i="1" s="1"/>
  <c r="SYS53" i="1" s="1"/>
  <c r="SYT53" i="1" s="1"/>
  <c r="SYU53" i="1" s="1"/>
  <c r="SYV53" i="1" s="1"/>
  <c r="SYW53" i="1" s="1"/>
  <c r="SYX53" i="1" s="1"/>
  <c r="SYY53" i="1" s="1"/>
  <c r="SYZ53" i="1" s="1"/>
  <c r="SZA53" i="1" s="1"/>
  <c r="SZB53" i="1" s="1"/>
  <c r="SZC53" i="1" s="1"/>
  <c r="SZD53" i="1" s="1"/>
  <c r="SZE53" i="1" s="1"/>
  <c r="SZF53" i="1" s="1"/>
  <c r="SZG53" i="1" s="1"/>
  <c r="SZH53" i="1" s="1"/>
  <c r="SZI53" i="1" s="1"/>
  <c r="SZJ53" i="1" s="1"/>
  <c r="SZK53" i="1" s="1"/>
  <c r="SZL53" i="1" s="1"/>
  <c r="SZM53" i="1" s="1"/>
  <c r="SZN53" i="1" s="1"/>
  <c r="SZO53" i="1" s="1"/>
  <c r="SZP53" i="1" s="1"/>
  <c r="SZQ53" i="1" s="1"/>
  <c r="SZR53" i="1" s="1"/>
  <c r="SZS53" i="1" s="1"/>
  <c r="SZT53" i="1" s="1"/>
  <c r="SZU53" i="1" s="1"/>
  <c r="SZV53" i="1" s="1"/>
  <c r="SZW53" i="1" s="1"/>
  <c r="SZX53" i="1" s="1"/>
  <c r="SZY53" i="1" s="1"/>
  <c r="SZZ53" i="1" s="1"/>
  <c r="TAA53" i="1" s="1"/>
  <c r="TAB53" i="1" s="1"/>
  <c r="TAC53" i="1" s="1"/>
  <c r="TAD53" i="1" s="1"/>
  <c r="TAE53" i="1" s="1"/>
  <c r="TAF53" i="1" s="1"/>
  <c r="TAG53" i="1" s="1"/>
  <c r="TAH53" i="1" s="1"/>
  <c r="TAI53" i="1" s="1"/>
  <c r="TAJ53" i="1" s="1"/>
  <c r="TAK53" i="1" s="1"/>
  <c r="TAL53" i="1" s="1"/>
  <c r="TAM53" i="1" s="1"/>
  <c r="TAN53" i="1" s="1"/>
  <c r="TAO53" i="1" s="1"/>
  <c r="TAP53" i="1" s="1"/>
  <c r="TAQ53" i="1" s="1"/>
  <c r="TAR53" i="1" s="1"/>
  <c r="TAS53" i="1" s="1"/>
  <c r="TAT53" i="1" s="1"/>
  <c r="TAU53" i="1" s="1"/>
  <c r="TAV53" i="1" s="1"/>
  <c r="TAW53" i="1" s="1"/>
  <c r="TAX53" i="1" s="1"/>
  <c r="TAY53" i="1" s="1"/>
  <c r="TAZ53" i="1" s="1"/>
  <c r="TBA53" i="1" s="1"/>
  <c r="TBB53" i="1" s="1"/>
  <c r="TBC53" i="1" s="1"/>
  <c r="TBD53" i="1" s="1"/>
  <c r="TBE53" i="1" s="1"/>
  <c r="TBF53" i="1" s="1"/>
  <c r="TBG53" i="1" s="1"/>
  <c r="TBH53" i="1" s="1"/>
  <c r="TBI53" i="1" s="1"/>
  <c r="TBJ53" i="1" s="1"/>
  <c r="TBK53" i="1" s="1"/>
  <c r="TBL53" i="1" s="1"/>
  <c r="TBM53" i="1" s="1"/>
  <c r="TBN53" i="1" s="1"/>
  <c r="TBO53" i="1" s="1"/>
  <c r="TBP53" i="1" s="1"/>
  <c r="TBQ53" i="1" s="1"/>
  <c r="TBR53" i="1" s="1"/>
  <c r="TBS53" i="1" s="1"/>
  <c r="TBT53" i="1" s="1"/>
  <c r="TBU53" i="1" s="1"/>
  <c r="TBV53" i="1" s="1"/>
  <c r="TBW53" i="1" s="1"/>
  <c r="TBX53" i="1" s="1"/>
  <c r="TBY53" i="1" s="1"/>
  <c r="TBZ53" i="1" s="1"/>
  <c r="TCA53" i="1" s="1"/>
  <c r="TCB53" i="1" s="1"/>
  <c r="TCC53" i="1" s="1"/>
  <c r="TCD53" i="1" s="1"/>
  <c r="TCE53" i="1" s="1"/>
  <c r="TCF53" i="1" s="1"/>
  <c r="TCG53" i="1" s="1"/>
  <c r="TCH53" i="1" s="1"/>
  <c r="TCI53" i="1" s="1"/>
  <c r="TCJ53" i="1" s="1"/>
  <c r="TCK53" i="1" s="1"/>
  <c r="TCL53" i="1" s="1"/>
  <c r="TCM53" i="1" s="1"/>
  <c r="TCN53" i="1" s="1"/>
  <c r="TCO53" i="1" s="1"/>
  <c r="TCP53" i="1" s="1"/>
  <c r="TCQ53" i="1" s="1"/>
  <c r="TCR53" i="1" s="1"/>
  <c r="TCS53" i="1" s="1"/>
  <c r="TCT53" i="1" s="1"/>
  <c r="TCU53" i="1" s="1"/>
  <c r="TCV53" i="1" s="1"/>
  <c r="TCW53" i="1" s="1"/>
  <c r="TCX53" i="1" s="1"/>
  <c r="TCY53" i="1" s="1"/>
  <c r="TCZ53" i="1" s="1"/>
  <c r="TDA53" i="1" s="1"/>
  <c r="TDB53" i="1" s="1"/>
  <c r="TDC53" i="1" s="1"/>
  <c r="TDD53" i="1" s="1"/>
  <c r="TDE53" i="1" s="1"/>
  <c r="TDF53" i="1" s="1"/>
  <c r="TDG53" i="1" s="1"/>
  <c r="TDH53" i="1" s="1"/>
  <c r="TDI53" i="1" s="1"/>
  <c r="TDJ53" i="1" s="1"/>
  <c r="TDK53" i="1" s="1"/>
  <c r="TDL53" i="1" s="1"/>
  <c r="TDM53" i="1" s="1"/>
  <c r="TDN53" i="1" s="1"/>
  <c r="TDO53" i="1" s="1"/>
  <c r="TDP53" i="1" s="1"/>
  <c r="TDQ53" i="1" s="1"/>
  <c r="TDR53" i="1" s="1"/>
  <c r="TDS53" i="1" s="1"/>
  <c r="TDT53" i="1" s="1"/>
  <c r="TDU53" i="1" s="1"/>
  <c r="TDV53" i="1" s="1"/>
  <c r="TDW53" i="1" s="1"/>
  <c r="TDX53" i="1" s="1"/>
  <c r="TDY53" i="1" s="1"/>
  <c r="TDZ53" i="1" s="1"/>
  <c r="TEA53" i="1" s="1"/>
  <c r="TEB53" i="1" s="1"/>
  <c r="TEC53" i="1" s="1"/>
  <c r="TED53" i="1" s="1"/>
  <c r="TEE53" i="1" s="1"/>
  <c r="TEF53" i="1" s="1"/>
  <c r="TEG53" i="1" s="1"/>
  <c r="TEH53" i="1" s="1"/>
  <c r="TEI53" i="1" s="1"/>
  <c r="TEJ53" i="1" s="1"/>
  <c r="TEK53" i="1" s="1"/>
  <c r="TEL53" i="1" s="1"/>
  <c r="TEM53" i="1" s="1"/>
  <c r="TEN53" i="1" s="1"/>
  <c r="TEO53" i="1" s="1"/>
  <c r="TEP53" i="1" s="1"/>
  <c r="TEQ53" i="1" s="1"/>
  <c r="TER53" i="1" s="1"/>
  <c r="TES53" i="1" s="1"/>
  <c r="TET53" i="1" s="1"/>
  <c r="TEU53" i="1" s="1"/>
  <c r="TEV53" i="1" s="1"/>
  <c r="TEW53" i="1" s="1"/>
  <c r="TEX53" i="1" s="1"/>
  <c r="TEY53" i="1" s="1"/>
  <c r="TEZ53" i="1" s="1"/>
  <c r="TFA53" i="1" s="1"/>
  <c r="TFB53" i="1" s="1"/>
  <c r="TFC53" i="1" s="1"/>
  <c r="TFD53" i="1" s="1"/>
  <c r="TFE53" i="1" s="1"/>
  <c r="TFF53" i="1" s="1"/>
  <c r="TFG53" i="1" s="1"/>
  <c r="TFH53" i="1" s="1"/>
  <c r="TFI53" i="1" s="1"/>
  <c r="TFJ53" i="1" s="1"/>
  <c r="TFK53" i="1" s="1"/>
  <c r="TFL53" i="1" s="1"/>
  <c r="TFM53" i="1" s="1"/>
  <c r="TFN53" i="1" s="1"/>
  <c r="TFO53" i="1" s="1"/>
  <c r="TFP53" i="1" s="1"/>
  <c r="TFQ53" i="1" s="1"/>
  <c r="TFR53" i="1" s="1"/>
  <c r="TFS53" i="1" s="1"/>
  <c r="TFT53" i="1" s="1"/>
  <c r="TFU53" i="1" s="1"/>
  <c r="TFV53" i="1" s="1"/>
  <c r="TFW53" i="1" s="1"/>
  <c r="TFX53" i="1" s="1"/>
  <c r="TFY53" i="1" s="1"/>
  <c r="TFZ53" i="1" s="1"/>
  <c r="TGA53" i="1" s="1"/>
  <c r="TGB53" i="1" s="1"/>
  <c r="TGC53" i="1" s="1"/>
  <c r="TGD53" i="1" s="1"/>
  <c r="TGE53" i="1" s="1"/>
  <c r="TGF53" i="1" s="1"/>
  <c r="TGG53" i="1" s="1"/>
  <c r="TGH53" i="1" s="1"/>
  <c r="TGI53" i="1" s="1"/>
  <c r="TGJ53" i="1" s="1"/>
  <c r="TGK53" i="1" s="1"/>
  <c r="TGL53" i="1" s="1"/>
  <c r="TGM53" i="1" s="1"/>
  <c r="TGN53" i="1" s="1"/>
  <c r="TGO53" i="1" s="1"/>
  <c r="TGP53" i="1" s="1"/>
  <c r="TGQ53" i="1" s="1"/>
  <c r="TGR53" i="1" s="1"/>
  <c r="TGS53" i="1" s="1"/>
  <c r="TGT53" i="1" s="1"/>
  <c r="TGU53" i="1" s="1"/>
  <c r="TGV53" i="1" s="1"/>
  <c r="TGW53" i="1" s="1"/>
  <c r="TGX53" i="1" s="1"/>
  <c r="TGY53" i="1" s="1"/>
  <c r="TGZ53" i="1" s="1"/>
  <c r="THA53" i="1" s="1"/>
  <c r="THB53" i="1" s="1"/>
  <c r="THC53" i="1" s="1"/>
  <c r="THD53" i="1" s="1"/>
  <c r="THE53" i="1" s="1"/>
  <c r="THF53" i="1" s="1"/>
  <c r="THG53" i="1" s="1"/>
  <c r="THH53" i="1" s="1"/>
  <c r="THI53" i="1" s="1"/>
  <c r="THJ53" i="1" s="1"/>
  <c r="THK53" i="1" s="1"/>
  <c r="THL53" i="1" s="1"/>
  <c r="THM53" i="1" s="1"/>
  <c r="THN53" i="1" s="1"/>
  <c r="THO53" i="1" s="1"/>
  <c r="THP53" i="1" s="1"/>
  <c r="THQ53" i="1" s="1"/>
  <c r="THR53" i="1" s="1"/>
  <c r="THS53" i="1" s="1"/>
  <c r="THT53" i="1" s="1"/>
  <c r="THU53" i="1" s="1"/>
  <c r="THV53" i="1" s="1"/>
  <c r="THW53" i="1" s="1"/>
  <c r="THX53" i="1" s="1"/>
  <c r="THY53" i="1" s="1"/>
  <c r="THZ53" i="1" s="1"/>
  <c r="TIA53" i="1" s="1"/>
  <c r="TIB53" i="1" s="1"/>
  <c r="TIC53" i="1" s="1"/>
  <c r="TID53" i="1" s="1"/>
  <c r="TIE53" i="1" s="1"/>
  <c r="TIF53" i="1" s="1"/>
  <c r="TIG53" i="1" s="1"/>
  <c r="TIH53" i="1" s="1"/>
  <c r="TII53" i="1" s="1"/>
  <c r="TIJ53" i="1" s="1"/>
  <c r="TIK53" i="1" s="1"/>
  <c r="TIL53" i="1" s="1"/>
  <c r="TIM53" i="1" s="1"/>
  <c r="TIN53" i="1" s="1"/>
  <c r="TIO53" i="1" s="1"/>
  <c r="TIP53" i="1" s="1"/>
  <c r="TIQ53" i="1" s="1"/>
  <c r="TIR53" i="1" s="1"/>
  <c r="TIS53" i="1" s="1"/>
  <c r="TIT53" i="1" s="1"/>
  <c r="TIU53" i="1" s="1"/>
  <c r="TIV53" i="1" s="1"/>
  <c r="TIW53" i="1" s="1"/>
  <c r="TIX53" i="1" s="1"/>
  <c r="TIY53" i="1" s="1"/>
  <c r="TIZ53" i="1" s="1"/>
  <c r="TJA53" i="1" s="1"/>
  <c r="TJB53" i="1" s="1"/>
  <c r="TJC53" i="1" s="1"/>
  <c r="TJD53" i="1" s="1"/>
  <c r="TJE53" i="1" s="1"/>
  <c r="TJF53" i="1" s="1"/>
  <c r="TJG53" i="1" s="1"/>
  <c r="TJH53" i="1" s="1"/>
  <c r="TJI53" i="1" s="1"/>
  <c r="TJJ53" i="1" s="1"/>
  <c r="TJK53" i="1" s="1"/>
  <c r="TJL53" i="1" s="1"/>
  <c r="TJM53" i="1" s="1"/>
  <c r="TJN53" i="1" s="1"/>
  <c r="TJO53" i="1" s="1"/>
  <c r="TJP53" i="1" s="1"/>
  <c r="TJQ53" i="1" s="1"/>
  <c r="TJR53" i="1" s="1"/>
  <c r="TJS53" i="1" s="1"/>
  <c r="TJT53" i="1" s="1"/>
  <c r="TJU53" i="1" s="1"/>
  <c r="TJV53" i="1" s="1"/>
  <c r="TJW53" i="1" s="1"/>
  <c r="TJX53" i="1" s="1"/>
  <c r="TJY53" i="1" s="1"/>
  <c r="TJZ53" i="1" s="1"/>
  <c r="TKA53" i="1" s="1"/>
  <c r="TKB53" i="1" s="1"/>
  <c r="TKC53" i="1" s="1"/>
  <c r="TKD53" i="1" s="1"/>
  <c r="TKE53" i="1" s="1"/>
  <c r="TKF53" i="1" s="1"/>
  <c r="TKG53" i="1" s="1"/>
  <c r="TKH53" i="1" s="1"/>
  <c r="TKI53" i="1" s="1"/>
  <c r="TKJ53" i="1" s="1"/>
  <c r="TKK53" i="1" s="1"/>
  <c r="TKL53" i="1" s="1"/>
  <c r="TKM53" i="1" s="1"/>
  <c r="TKN53" i="1" s="1"/>
  <c r="TKO53" i="1" s="1"/>
  <c r="TKP53" i="1" s="1"/>
  <c r="TKQ53" i="1" s="1"/>
  <c r="TKR53" i="1" s="1"/>
  <c r="TKS53" i="1" s="1"/>
  <c r="TKT53" i="1" s="1"/>
  <c r="TKU53" i="1" s="1"/>
  <c r="TKV53" i="1" s="1"/>
  <c r="TKW53" i="1" s="1"/>
  <c r="TKX53" i="1" s="1"/>
  <c r="TKY53" i="1" s="1"/>
  <c r="TKZ53" i="1" s="1"/>
  <c r="TLA53" i="1" s="1"/>
  <c r="TLB53" i="1" s="1"/>
  <c r="TLC53" i="1" s="1"/>
  <c r="TLD53" i="1" s="1"/>
  <c r="TLE53" i="1" s="1"/>
  <c r="TLF53" i="1" s="1"/>
  <c r="TLG53" i="1" s="1"/>
  <c r="TLH53" i="1" s="1"/>
  <c r="TLI53" i="1" s="1"/>
  <c r="TLJ53" i="1" s="1"/>
  <c r="TLK53" i="1" s="1"/>
  <c r="TLL53" i="1" s="1"/>
  <c r="TLM53" i="1" s="1"/>
  <c r="TLN53" i="1" s="1"/>
  <c r="TLO53" i="1" s="1"/>
  <c r="TLP53" i="1" s="1"/>
  <c r="TLQ53" i="1" s="1"/>
  <c r="TLR53" i="1" s="1"/>
  <c r="TLS53" i="1" s="1"/>
  <c r="TLT53" i="1" s="1"/>
  <c r="TLU53" i="1" s="1"/>
  <c r="TLV53" i="1" s="1"/>
  <c r="TLW53" i="1" s="1"/>
  <c r="TLX53" i="1" s="1"/>
  <c r="TLY53" i="1" s="1"/>
  <c r="TLZ53" i="1" s="1"/>
  <c r="TMA53" i="1" s="1"/>
  <c r="TMB53" i="1" s="1"/>
  <c r="TMC53" i="1" s="1"/>
  <c r="TMD53" i="1" s="1"/>
  <c r="TME53" i="1" s="1"/>
  <c r="TMF53" i="1" s="1"/>
  <c r="TMG53" i="1" s="1"/>
  <c r="TMH53" i="1" s="1"/>
  <c r="TMI53" i="1" s="1"/>
  <c r="TMJ53" i="1" s="1"/>
  <c r="TMK53" i="1" s="1"/>
  <c r="TML53" i="1" s="1"/>
  <c r="TMM53" i="1" s="1"/>
  <c r="TMN53" i="1" s="1"/>
  <c r="TMO53" i="1" s="1"/>
  <c r="TMP53" i="1" s="1"/>
  <c r="TMQ53" i="1" s="1"/>
  <c r="TMR53" i="1" s="1"/>
  <c r="TMS53" i="1" s="1"/>
  <c r="TMT53" i="1" s="1"/>
  <c r="TMU53" i="1" s="1"/>
  <c r="TMV53" i="1" s="1"/>
  <c r="TMW53" i="1" s="1"/>
  <c r="TMX53" i="1" s="1"/>
  <c r="TMY53" i="1" s="1"/>
  <c r="TMZ53" i="1" s="1"/>
  <c r="TNA53" i="1" s="1"/>
  <c r="TNB53" i="1" s="1"/>
  <c r="TNC53" i="1" s="1"/>
  <c r="TND53" i="1" s="1"/>
  <c r="TNE53" i="1" s="1"/>
  <c r="TNF53" i="1" s="1"/>
  <c r="TNG53" i="1" s="1"/>
  <c r="TNH53" i="1" s="1"/>
  <c r="TNI53" i="1" s="1"/>
  <c r="TNJ53" i="1" s="1"/>
  <c r="TNK53" i="1" s="1"/>
  <c r="TNL53" i="1" s="1"/>
  <c r="TNM53" i="1" s="1"/>
  <c r="TNN53" i="1" s="1"/>
  <c r="TNO53" i="1" s="1"/>
  <c r="TNP53" i="1" s="1"/>
  <c r="TNQ53" i="1" s="1"/>
  <c r="TNR53" i="1" s="1"/>
  <c r="TNS53" i="1" s="1"/>
  <c r="TNT53" i="1" s="1"/>
  <c r="TNU53" i="1" s="1"/>
  <c r="TNV53" i="1" s="1"/>
  <c r="TNW53" i="1" s="1"/>
  <c r="TNX53" i="1" s="1"/>
  <c r="TNY53" i="1" s="1"/>
  <c r="TNZ53" i="1" s="1"/>
  <c r="TOA53" i="1" s="1"/>
  <c r="TOB53" i="1" s="1"/>
  <c r="TOC53" i="1" s="1"/>
  <c r="TOD53" i="1" s="1"/>
  <c r="TOE53" i="1" s="1"/>
  <c r="TOF53" i="1" s="1"/>
  <c r="TOG53" i="1" s="1"/>
  <c r="TOH53" i="1" s="1"/>
  <c r="TOI53" i="1" s="1"/>
  <c r="TOJ53" i="1" s="1"/>
  <c r="TOK53" i="1" s="1"/>
  <c r="TOL53" i="1" s="1"/>
  <c r="TOM53" i="1" s="1"/>
  <c r="TON53" i="1" s="1"/>
  <c r="TOO53" i="1" s="1"/>
  <c r="TOP53" i="1" s="1"/>
  <c r="TOQ53" i="1" s="1"/>
  <c r="TOR53" i="1" s="1"/>
  <c r="TOS53" i="1" s="1"/>
  <c r="TOT53" i="1" s="1"/>
  <c r="TOU53" i="1" s="1"/>
  <c r="TOV53" i="1" s="1"/>
  <c r="TOW53" i="1" s="1"/>
  <c r="TOX53" i="1" s="1"/>
  <c r="TOY53" i="1" s="1"/>
  <c r="TOZ53" i="1" s="1"/>
  <c r="TPA53" i="1" s="1"/>
  <c r="TPB53" i="1" s="1"/>
  <c r="TPC53" i="1" s="1"/>
  <c r="TPD53" i="1" s="1"/>
  <c r="TPE53" i="1" s="1"/>
  <c r="TPF53" i="1" s="1"/>
  <c r="TPG53" i="1" s="1"/>
  <c r="TPH53" i="1" s="1"/>
  <c r="TPI53" i="1" s="1"/>
  <c r="TPJ53" i="1" s="1"/>
  <c r="TPK53" i="1" s="1"/>
  <c r="TPL53" i="1" s="1"/>
  <c r="TPM53" i="1" s="1"/>
  <c r="TPN53" i="1" s="1"/>
  <c r="TPO53" i="1" s="1"/>
  <c r="TPP53" i="1" s="1"/>
  <c r="TPQ53" i="1" s="1"/>
  <c r="TPR53" i="1" s="1"/>
  <c r="TPS53" i="1" s="1"/>
  <c r="TPT53" i="1" s="1"/>
  <c r="TPU53" i="1" s="1"/>
  <c r="TPV53" i="1" s="1"/>
  <c r="TPW53" i="1" s="1"/>
  <c r="TPX53" i="1" s="1"/>
  <c r="TPY53" i="1" s="1"/>
  <c r="TPZ53" i="1" s="1"/>
  <c r="TQA53" i="1" s="1"/>
  <c r="TQB53" i="1" s="1"/>
  <c r="TQC53" i="1" s="1"/>
  <c r="TQD53" i="1" s="1"/>
  <c r="TQE53" i="1" s="1"/>
  <c r="TQF53" i="1" s="1"/>
  <c r="TQG53" i="1" s="1"/>
  <c r="TQH53" i="1" s="1"/>
  <c r="TQI53" i="1" s="1"/>
  <c r="TQJ53" i="1" s="1"/>
  <c r="TQK53" i="1" s="1"/>
  <c r="TQL53" i="1" s="1"/>
  <c r="TQM53" i="1" s="1"/>
  <c r="TQN53" i="1" s="1"/>
  <c r="TQO53" i="1" s="1"/>
  <c r="TQP53" i="1" s="1"/>
  <c r="TQQ53" i="1" s="1"/>
  <c r="TQR53" i="1" s="1"/>
  <c r="TQS53" i="1" s="1"/>
  <c r="TQT53" i="1" s="1"/>
  <c r="TQU53" i="1" s="1"/>
  <c r="TQV53" i="1" s="1"/>
  <c r="TQW53" i="1" s="1"/>
  <c r="TQX53" i="1" s="1"/>
  <c r="TQY53" i="1" s="1"/>
  <c r="TQZ53" i="1" s="1"/>
  <c r="TRA53" i="1" s="1"/>
  <c r="TRB53" i="1" s="1"/>
  <c r="TRC53" i="1" s="1"/>
  <c r="TRD53" i="1" s="1"/>
  <c r="TRE53" i="1" s="1"/>
  <c r="TRF53" i="1" s="1"/>
  <c r="TRG53" i="1" s="1"/>
  <c r="TRH53" i="1" s="1"/>
  <c r="TRI53" i="1" s="1"/>
  <c r="TRJ53" i="1" s="1"/>
  <c r="TRK53" i="1" s="1"/>
  <c r="TRL53" i="1" s="1"/>
  <c r="TRM53" i="1" s="1"/>
  <c r="TRN53" i="1" s="1"/>
  <c r="TRO53" i="1" s="1"/>
  <c r="TRP53" i="1" s="1"/>
  <c r="TRQ53" i="1" s="1"/>
  <c r="TRR53" i="1" s="1"/>
  <c r="TRS53" i="1" s="1"/>
  <c r="TRT53" i="1" s="1"/>
  <c r="TRU53" i="1" s="1"/>
  <c r="TRV53" i="1" s="1"/>
  <c r="TRW53" i="1" s="1"/>
  <c r="TRX53" i="1" s="1"/>
  <c r="TRY53" i="1" s="1"/>
  <c r="TRZ53" i="1" s="1"/>
  <c r="TSA53" i="1" s="1"/>
  <c r="TSB53" i="1" s="1"/>
  <c r="TSC53" i="1" s="1"/>
  <c r="TSD53" i="1" s="1"/>
  <c r="TSE53" i="1" s="1"/>
  <c r="TSF53" i="1" s="1"/>
  <c r="TSG53" i="1" s="1"/>
  <c r="TSH53" i="1" s="1"/>
  <c r="TSI53" i="1" s="1"/>
  <c r="TSJ53" i="1" s="1"/>
  <c r="TSK53" i="1" s="1"/>
  <c r="TSL53" i="1" s="1"/>
  <c r="TSM53" i="1" s="1"/>
  <c r="TSN53" i="1" s="1"/>
  <c r="TSO53" i="1" s="1"/>
  <c r="TSP53" i="1" s="1"/>
  <c r="TSQ53" i="1" s="1"/>
  <c r="TSR53" i="1" s="1"/>
  <c r="TSS53" i="1" s="1"/>
  <c r="TST53" i="1" s="1"/>
  <c r="TSU53" i="1" s="1"/>
  <c r="TSV53" i="1" s="1"/>
  <c r="TSW53" i="1" s="1"/>
  <c r="TSX53" i="1" s="1"/>
  <c r="TSY53" i="1" s="1"/>
  <c r="TSZ53" i="1" s="1"/>
  <c r="TTA53" i="1" s="1"/>
  <c r="TTB53" i="1" s="1"/>
  <c r="TTC53" i="1" s="1"/>
  <c r="TTD53" i="1" s="1"/>
  <c r="TTE53" i="1" s="1"/>
  <c r="TTF53" i="1" s="1"/>
  <c r="TTG53" i="1" s="1"/>
  <c r="TTH53" i="1" s="1"/>
  <c r="TTI53" i="1" s="1"/>
  <c r="TTJ53" i="1" s="1"/>
  <c r="TTK53" i="1" s="1"/>
  <c r="TTL53" i="1" s="1"/>
  <c r="TTM53" i="1" s="1"/>
  <c r="TTN53" i="1" s="1"/>
  <c r="TTO53" i="1" s="1"/>
  <c r="TTP53" i="1" s="1"/>
  <c r="TTQ53" i="1" s="1"/>
  <c r="TTR53" i="1" s="1"/>
  <c r="TTS53" i="1" s="1"/>
  <c r="TTT53" i="1" s="1"/>
  <c r="TTU53" i="1" s="1"/>
  <c r="TTV53" i="1" s="1"/>
  <c r="TTW53" i="1" s="1"/>
  <c r="TTX53" i="1" s="1"/>
  <c r="TTY53" i="1" s="1"/>
  <c r="TTZ53" i="1" s="1"/>
  <c r="TUA53" i="1" s="1"/>
  <c r="TUB53" i="1" s="1"/>
  <c r="TUC53" i="1" s="1"/>
  <c r="TUD53" i="1" s="1"/>
  <c r="TUE53" i="1" s="1"/>
  <c r="TUF53" i="1" s="1"/>
  <c r="TUG53" i="1" s="1"/>
  <c r="TUH53" i="1" s="1"/>
  <c r="TUI53" i="1" s="1"/>
  <c r="TUJ53" i="1" s="1"/>
  <c r="TUK53" i="1" s="1"/>
  <c r="TUL53" i="1" s="1"/>
  <c r="TUM53" i="1" s="1"/>
  <c r="TUN53" i="1" s="1"/>
  <c r="TUO53" i="1" s="1"/>
  <c r="TUP53" i="1" s="1"/>
  <c r="TUQ53" i="1" s="1"/>
  <c r="TUR53" i="1" s="1"/>
  <c r="TUS53" i="1" s="1"/>
  <c r="TUT53" i="1" s="1"/>
  <c r="TUU53" i="1" s="1"/>
  <c r="TUV53" i="1" s="1"/>
  <c r="TUW53" i="1" s="1"/>
  <c r="TUX53" i="1" s="1"/>
  <c r="TUY53" i="1" s="1"/>
  <c r="TUZ53" i="1" s="1"/>
  <c r="TVA53" i="1" s="1"/>
  <c r="TVB53" i="1" s="1"/>
  <c r="TVC53" i="1" s="1"/>
  <c r="TVD53" i="1" s="1"/>
  <c r="TVE53" i="1" s="1"/>
  <c r="TVF53" i="1" s="1"/>
  <c r="TVG53" i="1" s="1"/>
  <c r="TVH53" i="1" s="1"/>
  <c r="TVI53" i="1" s="1"/>
  <c r="TVJ53" i="1" s="1"/>
  <c r="TVK53" i="1" s="1"/>
  <c r="TVL53" i="1" s="1"/>
  <c r="TVM53" i="1" s="1"/>
  <c r="TVN53" i="1" s="1"/>
  <c r="TVO53" i="1" s="1"/>
  <c r="TVP53" i="1" s="1"/>
  <c r="TVQ53" i="1" s="1"/>
  <c r="TVR53" i="1" s="1"/>
  <c r="TVS53" i="1" s="1"/>
  <c r="TVT53" i="1" s="1"/>
  <c r="TVU53" i="1" s="1"/>
  <c r="TVV53" i="1" s="1"/>
  <c r="TVW53" i="1" s="1"/>
  <c r="TVX53" i="1" s="1"/>
  <c r="TVY53" i="1" s="1"/>
  <c r="TVZ53" i="1" s="1"/>
  <c r="TWA53" i="1" s="1"/>
  <c r="TWB53" i="1" s="1"/>
  <c r="TWC53" i="1" s="1"/>
  <c r="TWD53" i="1" s="1"/>
  <c r="TWE53" i="1" s="1"/>
  <c r="TWF53" i="1" s="1"/>
  <c r="TWG53" i="1" s="1"/>
  <c r="TWH53" i="1" s="1"/>
  <c r="TWI53" i="1" s="1"/>
  <c r="TWJ53" i="1" s="1"/>
  <c r="TWK53" i="1" s="1"/>
  <c r="TWL53" i="1" s="1"/>
  <c r="TWM53" i="1" s="1"/>
  <c r="TWN53" i="1" s="1"/>
  <c r="TWO53" i="1" s="1"/>
  <c r="TWP53" i="1" s="1"/>
  <c r="TWQ53" i="1" s="1"/>
  <c r="TWR53" i="1" s="1"/>
  <c r="TWS53" i="1" s="1"/>
  <c r="TWT53" i="1" s="1"/>
  <c r="TWU53" i="1" s="1"/>
  <c r="TWV53" i="1" s="1"/>
  <c r="TWW53" i="1" s="1"/>
  <c r="TWX53" i="1" s="1"/>
  <c r="TWY53" i="1" s="1"/>
  <c r="TWZ53" i="1" s="1"/>
  <c r="TXA53" i="1" s="1"/>
  <c r="TXB53" i="1" s="1"/>
  <c r="TXC53" i="1" s="1"/>
  <c r="TXD53" i="1" s="1"/>
  <c r="TXE53" i="1" s="1"/>
  <c r="TXF53" i="1" s="1"/>
  <c r="TXG53" i="1" s="1"/>
  <c r="TXH53" i="1" s="1"/>
  <c r="TXI53" i="1" s="1"/>
  <c r="TXJ53" i="1" s="1"/>
  <c r="TXK53" i="1" s="1"/>
  <c r="TXL53" i="1" s="1"/>
  <c r="TXM53" i="1" s="1"/>
  <c r="TXN53" i="1" s="1"/>
  <c r="TXO53" i="1" s="1"/>
  <c r="TXP53" i="1" s="1"/>
  <c r="TXQ53" i="1" s="1"/>
  <c r="TXR53" i="1" s="1"/>
  <c r="TXS53" i="1" s="1"/>
  <c r="TXT53" i="1" s="1"/>
  <c r="TXU53" i="1" s="1"/>
  <c r="TXV53" i="1" s="1"/>
  <c r="TXW53" i="1" s="1"/>
  <c r="TXX53" i="1" s="1"/>
  <c r="TXY53" i="1" s="1"/>
  <c r="TXZ53" i="1" s="1"/>
  <c r="TYA53" i="1" s="1"/>
  <c r="TYB53" i="1" s="1"/>
  <c r="TYC53" i="1" s="1"/>
  <c r="TYD53" i="1" s="1"/>
  <c r="TYE53" i="1" s="1"/>
  <c r="TYF53" i="1" s="1"/>
  <c r="TYG53" i="1" s="1"/>
  <c r="TYH53" i="1" s="1"/>
  <c r="TYI53" i="1" s="1"/>
  <c r="TYJ53" i="1" s="1"/>
  <c r="TYK53" i="1" s="1"/>
  <c r="TYL53" i="1" s="1"/>
  <c r="TYM53" i="1" s="1"/>
  <c r="TYN53" i="1" s="1"/>
  <c r="TYO53" i="1" s="1"/>
  <c r="TYP53" i="1" s="1"/>
  <c r="TYQ53" i="1" s="1"/>
  <c r="TYR53" i="1" s="1"/>
  <c r="TYS53" i="1" s="1"/>
  <c r="TYT53" i="1" s="1"/>
  <c r="TYU53" i="1" s="1"/>
  <c r="TYV53" i="1" s="1"/>
  <c r="TYW53" i="1" s="1"/>
  <c r="TYX53" i="1" s="1"/>
  <c r="TYY53" i="1" s="1"/>
  <c r="TYZ53" i="1" s="1"/>
  <c r="TZA53" i="1" s="1"/>
  <c r="TZB53" i="1" s="1"/>
  <c r="TZC53" i="1" s="1"/>
  <c r="TZD53" i="1" s="1"/>
  <c r="TZE53" i="1" s="1"/>
  <c r="TZF53" i="1" s="1"/>
  <c r="TZG53" i="1" s="1"/>
  <c r="TZH53" i="1" s="1"/>
  <c r="TZI53" i="1" s="1"/>
  <c r="TZJ53" i="1" s="1"/>
  <c r="TZK53" i="1" s="1"/>
  <c r="TZL53" i="1" s="1"/>
  <c r="TZM53" i="1" s="1"/>
  <c r="TZN53" i="1" s="1"/>
  <c r="TZO53" i="1" s="1"/>
  <c r="TZP53" i="1" s="1"/>
  <c r="TZQ53" i="1" s="1"/>
  <c r="TZR53" i="1" s="1"/>
  <c r="TZS53" i="1" s="1"/>
  <c r="TZT53" i="1" s="1"/>
  <c r="TZU53" i="1" s="1"/>
  <c r="TZV53" i="1" s="1"/>
  <c r="TZW53" i="1" s="1"/>
  <c r="TZX53" i="1" s="1"/>
  <c r="TZY53" i="1" s="1"/>
  <c r="TZZ53" i="1" s="1"/>
  <c r="UAA53" i="1" s="1"/>
  <c r="UAB53" i="1" s="1"/>
  <c r="UAC53" i="1" s="1"/>
  <c r="UAD53" i="1" s="1"/>
  <c r="UAE53" i="1" s="1"/>
  <c r="UAF53" i="1" s="1"/>
  <c r="UAG53" i="1" s="1"/>
  <c r="UAH53" i="1" s="1"/>
  <c r="UAI53" i="1" s="1"/>
  <c r="UAJ53" i="1" s="1"/>
  <c r="UAK53" i="1" s="1"/>
  <c r="UAL53" i="1" s="1"/>
  <c r="UAM53" i="1" s="1"/>
  <c r="UAN53" i="1" s="1"/>
  <c r="UAO53" i="1" s="1"/>
  <c r="UAP53" i="1" s="1"/>
  <c r="UAQ53" i="1" s="1"/>
  <c r="UAR53" i="1" s="1"/>
  <c r="UAS53" i="1" s="1"/>
  <c r="UAT53" i="1" s="1"/>
  <c r="UAU53" i="1" s="1"/>
  <c r="UAV53" i="1" s="1"/>
  <c r="UAW53" i="1" s="1"/>
  <c r="UAX53" i="1" s="1"/>
  <c r="UAY53" i="1" s="1"/>
  <c r="UAZ53" i="1" s="1"/>
  <c r="UBA53" i="1" s="1"/>
  <c r="UBB53" i="1" s="1"/>
  <c r="UBC53" i="1" s="1"/>
  <c r="UBD53" i="1" s="1"/>
  <c r="UBE53" i="1" s="1"/>
  <c r="UBF53" i="1" s="1"/>
  <c r="UBG53" i="1" s="1"/>
  <c r="UBH53" i="1" s="1"/>
  <c r="UBI53" i="1" s="1"/>
  <c r="UBJ53" i="1" s="1"/>
  <c r="UBK53" i="1" s="1"/>
  <c r="UBL53" i="1" s="1"/>
  <c r="UBM53" i="1" s="1"/>
  <c r="UBN53" i="1" s="1"/>
  <c r="UBO53" i="1" s="1"/>
  <c r="UBP53" i="1" s="1"/>
  <c r="UBQ53" i="1" s="1"/>
  <c r="UBR53" i="1" s="1"/>
  <c r="UBS53" i="1" s="1"/>
  <c r="UBT53" i="1" s="1"/>
  <c r="UBU53" i="1" s="1"/>
  <c r="UBV53" i="1" s="1"/>
  <c r="UBW53" i="1" s="1"/>
  <c r="UBX53" i="1" s="1"/>
  <c r="UBY53" i="1" s="1"/>
  <c r="UBZ53" i="1" s="1"/>
  <c r="UCA53" i="1" s="1"/>
  <c r="UCB53" i="1" s="1"/>
  <c r="UCC53" i="1" s="1"/>
  <c r="UCD53" i="1" s="1"/>
  <c r="UCE53" i="1" s="1"/>
  <c r="UCF53" i="1" s="1"/>
  <c r="UCG53" i="1" s="1"/>
  <c r="UCH53" i="1" s="1"/>
  <c r="UCI53" i="1" s="1"/>
  <c r="UCJ53" i="1" s="1"/>
  <c r="UCK53" i="1" s="1"/>
  <c r="UCL53" i="1" s="1"/>
  <c r="UCM53" i="1" s="1"/>
  <c r="UCN53" i="1" s="1"/>
  <c r="UCO53" i="1" s="1"/>
  <c r="UCP53" i="1" s="1"/>
  <c r="UCQ53" i="1" s="1"/>
  <c r="UCR53" i="1" s="1"/>
  <c r="UCS53" i="1" s="1"/>
  <c r="UCT53" i="1" s="1"/>
  <c r="UCU53" i="1" s="1"/>
  <c r="UCV53" i="1" s="1"/>
  <c r="UCW53" i="1" s="1"/>
  <c r="UCX53" i="1" s="1"/>
  <c r="UCY53" i="1" s="1"/>
  <c r="UCZ53" i="1" s="1"/>
  <c r="UDA53" i="1" s="1"/>
  <c r="UDB53" i="1" s="1"/>
  <c r="UDC53" i="1" s="1"/>
  <c r="UDD53" i="1" s="1"/>
  <c r="UDE53" i="1" s="1"/>
  <c r="UDF53" i="1" s="1"/>
  <c r="UDG53" i="1" s="1"/>
  <c r="UDH53" i="1" s="1"/>
  <c r="UDI53" i="1" s="1"/>
  <c r="UDJ53" i="1" s="1"/>
  <c r="UDK53" i="1" s="1"/>
  <c r="UDL53" i="1" s="1"/>
  <c r="UDM53" i="1" s="1"/>
  <c r="UDN53" i="1" s="1"/>
  <c r="UDO53" i="1" s="1"/>
  <c r="UDP53" i="1" s="1"/>
  <c r="UDQ53" i="1" s="1"/>
  <c r="UDR53" i="1" s="1"/>
  <c r="UDS53" i="1" s="1"/>
  <c r="UDT53" i="1" s="1"/>
  <c r="UDU53" i="1" s="1"/>
  <c r="UDV53" i="1" s="1"/>
  <c r="UDW53" i="1" s="1"/>
  <c r="UDX53" i="1" s="1"/>
  <c r="UDY53" i="1" s="1"/>
  <c r="UDZ53" i="1" s="1"/>
  <c r="UEA53" i="1" s="1"/>
  <c r="UEB53" i="1" s="1"/>
  <c r="UEC53" i="1" s="1"/>
  <c r="UED53" i="1" s="1"/>
  <c r="UEE53" i="1" s="1"/>
  <c r="UEF53" i="1" s="1"/>
  <c r="UEG53" i="1" s="1"/>
  <c r="UEH53" i="1" s="1"/>
  <c r="UEI53" i="1" s="1"/>
  <c r="UEJ53" i="1" s="1"/>
  <c r="UEK53" i="1" s="1"/>
  <c r="UEL53" i="1" s="1"/>
  <c r="UEM53" i="1" s="1"/>
  <c r="UEN53" i="1" s="1"/>
  <c r="UEO53" i="1" s="1"/>
  <c r="UEP53" i="1" s="1"/>
  <c r="UEQ53" i="1" s="1"/>
  <c r="UER53" i="1" s="1"/>
  <c r="UES53" i="1" s="1"/>
  <c r="UET53" i="1" s="1"/>
  <c r="UEU53" i="1" s="1"/>
  <c r="UEV53" i="1" s="1"/>
  <c r="UEW53" i="1" s="1"/>
  <c r="UEX53" i="1" s="1"/>
  <c r="UEY53" i="1" s="1"/>
  <c r="UEZ53" i="1" s="1"/>
  <c r="UFA53" i="1" s="1"/>
  <c r="UFB53" i="1" s="1"/>
  <c r="UFC53" i="1" s="1"/>
  <c r="UFD53" i="1" s="1"/>
  <c r="UFE53" i="1" s="1"/>
  <c r="UFF53" i="1" s="1"/>
  <c r="UFG53" i="1" s="1"/>
  <c r="UFH53" i="1" s="1"/>
  <c r="UFI53" i="1" s="1"/>
  <c r="UFJ53" i="1" s="1"/>
  <c r="UFK53" i="1" s="1"/>
  <c r="UFL53" i="1" s="1"/>
  <c r="UFM53" i="1" s="1"/>
  <c r="UFN53" i="1" s="1"/>
  <c r="UFO53" i="1" s="1"/>
  <c r="UFP53" i="1" s="1"/>
  <c r="UFQ53" i="1" s="1"/>
  <c r="UFR53" i="1" s="1"/>
  <c r="UFS53" i="1" s="1"/>
  <c r="UFT53" i="1" s="1"/>
  <c r="UFU53" i="1" s="1"/>
  <c r="UFV53" i="1" s="1"/>
  <c r="UFW53" i="1" s="1"/>
  <c r="UFX53" i="1" s="1"/>
  <c r="UFY53" i="1" s="1"/>
  <c r="UFZ53" i="1" s="1"/>
  <c r="UGA53" i="1" s="1"/>
  <c r="UGB53" i="1" s="1"/>
  <c r="UGC53" i="1" s="1"/>
  <c r="UGD53" i="1" s="1"/>
  <c r="UGE53" i="1" s="1"/>
  <c r="UGF53" i="1" s="1"/>
  <c r="UGG53" i="1" s="1"/>
  <c r="UGH53" i="1" s="1"/>
  <c r="UGI53" i="1" s="1"/>
  <c r="UGJ53" i="1" s="1"/>
  <c r="UGK53" i="1" s="1"/>
  <c r="UGL53" i="1" s="1"/>
  <c r="UGM53" i="1" s="1"/>
  <c r="UGN53" i="1" s="1"/>
  <c r="UGO53" i="1" s="1"/>
  <c r="UGP53" i="1" s="1"/>
  <c r="UGQ53" i="1" s="1"/>
  <c r="UGR53" i="1" s="1"/>
  <c r="UGS53" i="1" s="1"/>
  <c r="UGT53" i="1" s="1"/>
  <c r="UGU53" i="1" s="1"/>
  <c r="UGV53" i="1" s="1"/>
  <c r="UGW53" i="1" s="1"/>
  <c r="UGX53" i="1" s="1"/>
  <c r="UGY53" i="1" s="1"/>
  <c r="UGZ53" i="1" s="1"/>
  <c r="UHA53" i="1" s="1"/>
  <c r="UHB53" i="1" s="1"/>
  <c r="UHC53" i="1" s="1"/>
  <c r="UHD53" i="1" s="1"/>
  <c r="UHE53" i="1" s="1"/>
  <c r="UHF53" i="1" s="1"/>
  <c r="UHG53" i="1" s="1"/>
  <c r="UHH53" i="1" s="1"/>
  <c r="UHI53" i="1" s="1"/>
  <c r="UHJ53" i="1" s="1"/>
  <c r="UHK53" i="1" s="1"/>
  <c r="UHL53" i="1" s="1"/>
  <c r="UHM53" i="1" s="1"/>
  <c r="UHN53" i="1" s="1"/>
  <c r="UHO53" i="1" s="1"/>
  <c r="UHP53" i="1" s="1"/>
  <c r="UHQ53" i="1" s="1"/>
  <c r="UHR53" i="1" s="1"/>
  <c r="UHS53" i="1" s="1"/>
  <c r="UHT53" i="1" s="1"/>
  <c r="UHU53" i="1" s="1"/>
  <c r="UHV53" i="1" s="1"/>
  <c r="UHW53" i="1" s="1"/>
  <c r="UHX53" i="1" s="1"/>
  <c r="UHY53" i="1" s="1"/>
  <c r="UHZ53" i="1" s="1"/>
  <c r="UIA53" i="1" s="1"/>
  <c r="UIB53" i="1" s="1"/>
  <c r="UIC53" i="1" s="1"/>
  <c r="UID53" i="1" s="1"/>
  <c r="UIE53" i="1" s="1"/>
  <c r="UIF53" i="1" s="1"/>
  <c r="UIG53" i="1" s="1"/>
  <c r="UIH53" i="1" s="1"/>
  <c r="UII53" i="1" s="1"/>
  <c r="UIJ53" i="1" s="1"/>
  <c r="UIK53" i="1" s="1"/>
  <c r="UIL53" i="1" s="1"/>
  <c r="UIM53" i="1" s="1"/>
  <c r="UIN53" i="1" s="1"/>
  <c r="UIO53" i="1" s="1"/>
  <c r="UIP53" i="1" s="1"/>
  <c r="UIQ53" i="1" s="1"/>
  <c r="UIR53" i="1" s="1"/>
  <c r="UIS53" i="1" s="1"/>
  <c r="UIT53" i="1" s="1"/>
  <c r="UIU53" i="1" s="1"/>
  <c r="UIV53" i="1" s="1"/>
  <c r="UIW53" i="1" s="1"/>
  <c r="UIX53" i="1" s="1"/>
  <c r="UIY53" i="1" s="1"/>
  <c r="UIZ53" i="1" s="1"/>
  <c r="UJA53" i="1" s="1"/>
  <c r="UJB53" i="1" s="1"/>
  <c r="UJC53" i="1" s="1"/>
  <c r="UJD53" i="1" s="1"/>
  <c r="UJE53" i="1" s="1"/>
  <c r="UJF53" i="1" s="1"/>
  <c r="UJG53" i="1" s="1"/>
  <c r="UJH53" i="1" s="1"/>
  <c r="UJI53" i="1" s="1"/>
  <c r="UJJ53" i="1" s="1"/>
  <c r="UJK53" i="1" s="1"/>
  <c r="UJL53" i="1" s="1"/>
  <c r="UJM53" i="1" s="1"/>
  <c r="UJN53" i="1" s="1"/>
  <c r="UJO53" i="1" s="1"/>
  <c r="UJP53" i="1" s="1"/>
  <c r="UJQ53" i="1" s="1"/>
  <c r="UJR53" i="1" s="1"/>
  <c r="UJS53" i="1" s="1"/>
  <c r="UJT53" i="1" s="1"/>
  <c r="UJU53" i="1" s="1"/>
  <c r="UJV53" i="1" s="1"/>
  <c r="UJW53" i="1" s="1"/>
  <c r="UJX53" i="1" s="1"/>
  <c r="UJY53" i="1" s="1"/>
  <c r="UJZ53" i="1" s="1"/>
  <c r="UKA53" i="1" s="1"/>
  <c r="UKB53" i="1" s="1"/>
  <c r="UKC53" i="1" s="1"/>
  <c r="UKD53" i="1" s="1"/>
  <c r="UKE53" i="1" s="1"/>
  <c r="UKF53" i="1" s="1"/>
  <c r="UKG53" i="1" s="1"/>
  <c r="UKH53" i="1" s="1"/>
  <c r="UKI53" i="1" s="1"/>
  <c r="UKJ53" i="1" s="1"/>
  <c r="UKK53" i="1" s="1"/>
  <c r="UKL53" i="1" s="1"/>
  <c r="UKM53" i="1" s="1"/>
  <c r="UKN53" i="1" s="1"/>
  <c r="UKO53" i="1" s="1"/>
  <c r="UKP53" i="1" s="1"/>
  <c r="UKQ53" i="1" s="1"/>
  <c r="UKR53" i="1" s="1"/>
  <c r="UKS53" i="1" s="1"/>
  <c r="UKT53" i="1" s="1"/>
  <c r="UKU53" i="1" s="1"/>
  <c r="UKV53" i="1" s="1"/>
  <c r="UKW53" i="1" s="1"/>
  <c r="UKX53" i="1" s="1"/>
  <c r="UKY53" i="1" s="1"/>
  <c r="UKZ53" i="1" s="1"/>
  <c r="ULA53" i="1" s="1"/>
  <c r="ULB53" i="1" s="1"/>
  <c r="ULC53" i="1" s="1"/>
  <c r="ULD53" i="1" s="1"/>
  <c r="ULE53" i="1" s="1"/>
  <c r="ULF53" i="1" s="1"/>
  <c r="ULG53" i="1" s="1"/>
  <c r="ULH53" i="1" s="1"/>
  <c r="ULI53" i="1" s="1"/>
  <c r="ULJ53" i="1" s="1"/>
  <c r="ULK53" i="1" s="1"/>
  <c r="ULL53" i="1" s="1"/>
  <c r="ULM53" i="1" s="1"/>
  <c r="ULN53" i="1" s="1"/>
  <c r="ULO53" i="1" s="1"/>
  <c r="ULP53" i="1" s="1"/>
  <c r="ULQ53" i="1" s="1"/>
  <c r="ULR53" i="1" s="1"/>
  <c r="ULS53" i="1" s="1"/>
  <c r="ULT53" i="1" s="1"/>
  <c r="ULU53" i="1" s="1"/>
  <c r="ULV53" i="1" s="1"/>
  <c r="ULW53" i="1" s="1"/>
  <c r="ULX53" i="1" s="1"/>
  <c r="ULY53" i="1" s="1"/>
  <c r="ULZ53" i="1" s="1"/>
  <c r="UMA53" i="1" s="1"/>
  <c r="UMB53" i="1" s="1"/>
  <c r="UMC53" i="1" s="1"/>
  <c r="UMD53" i="1" s="1"/>
  <c r="UME53" i="1" s="1"/>
  <c r="UMF53" i="1" s="1"/>
  <c r="UMG53" i="1" s="1"/>
  <c r="UMH53" i="1" s="1"/>
  <c r="UMI53" i="1" s="1"/>
  <c r="UMJ53" i="1" s="1"/>
  <c r="UMK53" i="1" s="1"/>
  <c r="UML53" i="1" s="1"/>
  <c r="UMM53" i="1" s="1"/>
  <c r="UMN53" i="1" s="1"/>
  <c r="UMO53" i="1" s="1"/>
  <c r="UMP53" i="1" s="1"/>
  <c r="UMQ53" i="1" s="1"/>
  <c r="UMR53" i="1" s="1"/>
  <c r="UMS53" i="1" s="1"/>
  <c r="UMT53" i="1" s="1"/>
  <c r="UMU53" i="1" s="1"/>
  <c r="UMV53" i="1" s="1"/>
  <c r="UMW53" i="1" s="1"/>
  <c r="UMX53" i="1" s="1"/>
  <c r="UMY53" i="1" s="1"/>
  <c r="UMZ53" i="1" s="1"/>
  <c r="UNA53" i="1" s="1"/>
  <c r="UNB53" i="1" s="1"/>
  <c r="UNC53" i="1" s="1"/>
  <c r="UND53" i="1" s="1"/>
  <c r="UNE53" i="1" s="1"/>
  <c r="UNF53" i="1" s="1"/>
  <c r="UNG53" i="1" s="1"/>
  <c r="UNH53" i="1" s="1"/>
  <c r="UNI53" i="1" s="1"/>
  <c r="UNJ53" i="1" s="1"/>
  <c r="UNK53" i="1" s="1"/>
  <c r="UNL53" i="1" s="1"/>
  <c r="UNM53" i="1" s="1"/>
  <c r="UNN53" i="1" s="1"/>
  <c r="UNO53" i="1" s="1"/>
  <c r="UNP53" i="1" s="1"/>
  <c r="UNQ53" i="1" s="1"/>
  <c r="UNR53" i="1" s="1"/>
  <c r="UNS53" i="1" s="1"/>
  <c r="UNT53" i="1" s="1"/>
  <c r="UNU53" i="1" s="1"/>
  <c r="UNV53" i="1" s="1"/>
  <c r="UNW53" i="1" s="1"/>
  <c r="UNX53" i="1" s="1"/>
  <c r="UNY53" i="1" s="1"/>
  <c r="UNZ53" i="1" s="1"/>
  <c r="UOA53" i="1" s="1"/>
  <c r="UOB53" i="1" s="1"/>
  <c r="UOC53" i="1" s="1"/>
  <c r="UOD53" i="1" s="1"/>
  <c r="UOE53" i="1" s="1"/>
  <c r="UOF53" i="1" s="1"/>
  <c r="UOG53" i="1" s="1"/>
  <c r="UOH53" i="1" s="1"/>
  <c r="UOI53" i="1" s="1"/>
  <c r="UOJ53" i="1" s="1"/>
  <c r="UOK53" i="1" s="1"/>
  <c r="UOL53" i="1" s="1"/>
  <c r="UOM53" i="1" s="1"/>
  <c r="UON53" i="1" s="1"/>
  <c r="UOO53" i="1" s="1"/>
  <c r="UOP53" i="1" s="1"/>
  <c r="UOQ53" i="1" s="1"/>
  <c r="UOR53" i="1" s="1"/>
  <c r="UOS53" i="1" s="1"/>
  <c r="UOT53" i="1" s="1"/>
  <c r="UOU53" i="1" s="1"/>
  <c r="UOV53" i="1" s="1"/>
  <c r="UOW53" i="1" s="1"/>
  <c r="UOX53" i="1" s="1"/>
  <c r="UOY53" i="1" s="1"/>
  <c r="UOZ53" i="1" s="1"/>
  <c r="UPA53" i="1" s="1"/>
  <c r="UPB53" i="1" s="1"/>
  <c r="UPC53" i="1" s="1"/>
  <c r="UPD53" i="1" s="1"/>
  <c r="UPE53" i="1" s="1"/>
  <c r="UPF53" i="1" s="1"/>
  <c r="UPG53" i="1" s="1"/>
  <c r="UPH53" i="1" s="1"/>
  <c r="UPI53" i="1" s="1"/>
  <c r="UPJ53" i="1" s="1"/>
  <c r="UPK53" i="1" s="1"/>
  <c r="UPL53" i="1" s="1"/>
  <c r="UPM53" i="1" s="1"/>
  <c r="UPN53" i="1" s="1"/>
  <c r="UPO53" i="1" s="1"/>
  <c r="UPP53" i="1" s="1"/>
  <c r="UPQ53" i="1" s="1"/>
  <c r="UPR53" i="1" s="1"/>
  <c r="UPS53" i="1" s="1"/>
  <c r="UPT53" i="1" s="1"/>
  <c r="UPU53" i="1" s="1"/>
  <c r="UPV53" i="1" s="1"/>
  <c r="UPW53" i="1" s="1"/>
  <c r="UPX53" i="1" s="1"/>
  <c r="UPY53" i="1" s="1"/>
  <c r="UPZ53" i="1" s="1"/>
  <c r="UQA53" i="1" s="1"/>
  <c r="UQB53" i="1" s="1"/>
  <c r="UQC53" i="1" s="1"/>
  <c r="UQD53" i="1" s="1"/>
  <c r="UQE53" i="1" s="1"/>
  <c r="UQF53" i="1" s="1"/>
  <c r="UQG53" i="1" s="1"/>
  <c r="UQH53" i="1" s="1"/>
  <c r="UQI53" i="1" s="1"/>
  <c r="UQJ53" i="1" s="1"/>
  <c r="UQK53" i="1" s="1"/>
  <c r="UQL53" i="1" s="1"/>
  <c r="UQM53" i="1" s="1"/>
  <c r="UQN53" i="1" s="1"/>
  <c r="UQO53" i="1" s="1"/>
  <c r="UQP53" i="1" s="1"/>
  <c r="UQQ53" i="1" s="1"/>
  <c r="UQR53" i="1" s="1"/>
  <c r="UQS53" i="1" s="1"/>
  <c r="UQT53" i="1" s="1"/>
  <c r="UQU53" i="1" s="1"/>
  <c r="UQV53" i="1" s="1"/>
  <c r="UQW53" i="1" s="1"/>
  <c r="UQX53" i="1" s="1"/>
  <c r="UQY53" i="1" s="1"/>
  <c r="UQZ53" i="1" s="1"/>
  <c r="URA53" i="1" s="1"/>
  <c r="URB53" i="1" s="1"/>
  <c r="URC53" i="1" s="1"/>
  <c r="URD53" i="1" s="1"/>
  <c r="URE53" i="1" s="1"/>
  <c r="URF53" i="1" s="1"/>
  <c r="URG53" i="1" s="1"/>
  <c r="URH53" i="1" s="1"/>
  <c r="URI53" i="1" s="1"/>
  <c r="URJ53" i="1" s="1"/>
  <c r="URK53" i="1" s="1"/>
  <c r="URL53" i="1" s="1"/>
  <c r="URM53" i="1" s="1"/>
  <c r="URN53" i="1" s="1"/>
  <c r="URO53" i="1" s="1"/>
  <c r="URP53" i="1" s="1"/>
  <c r="URQ53" i="1" s="1"/>
  <c r="URR53" i="1" s="1"/>
  <c r="URS53" i="1" s="1"/>
  <c r="URT53" i="1" s="1"/>
  <c r="URU53" i="1" s="1"/>
  <c r="URV53" i="1" s="1"/>
  <c r="URW53" i="1" s="1"/>
  <c r="URX53" i="1" s="1"/>
  <c r="URY53" i="1" s="1"/>
  <c r="URZ53" i="1" s="1"/>
  <c r="USA53" i="1" s="1"/>
  <c r="USB53" i="1" s="1"/>
  <c r="USC53" i="1" s="1"/>
  <c r="USD53" i="1" s="1"/>
  <c r="USE53" i="1" s="1"/>
  <c r="USF53" i="1" s="1"/>
  <c r="USG53" i="1" s="1"/>
  <c r="USH53" i="1" s="1"/>
  <c r="USI53" i="1" s="1"/>
  <c r="USJ53" i="1" s="1"/>
  <c r="USK53" i="1" s="1"/>
  <c r="USL53" i="1" s="1"/>
  <c r="USM53" i="1" s="1"/>
  <c r="USN53" i="1" s="1"/>
  <c r="USO53" i="1" s="1"/>
  <c r="USP53" i="1" s="1"/>
  <c r="USQ53" i="1" s="1"/>
  <c r="USR53" i="1" s="1"/>
  <c r="USS53" i="1" s="1"/>
  <c r="UST53" i="1" s="1"/>
  <c r="USU53" i="1" s="1"/>
  <c r="USV53" i="1" s="1"/>
  <c r="USW53" i="1" s="1"/>
  <c r="USX53" i="1" s="1"/>
  <c r="USY53" i="1" s="1"/>
  <c r="USZ53" i="1" s="1"/>
  <c r="UTA53" i="1" s="1"/>
  <c r="UTB53" i="1" s="1"/>
  <c r="UTC53" i="1" s="1"/>
  <c r="UTD53" i="1" s="1"/>
  <c r="UTE53" i="1" s="1"/>
  <c r="UTF53" i="1" s="1"/>
  <c r="UTG53" i="1" s="1"/>
  <c r="UTH53" i="1" s="1"/>
  <c r="UTI53" i="1" s="1"/>
  <c r="UTJ53" i="1" s="1"/>
  <c r="UTK53" i="1" s="1"/>
  <c r="UTL53" i="1" s="1"/>
  <c r="UTM53" i="1" s="1"/>
  <c r="UTN53" i="1" s="1"/>
  <c r="UTO53" i="1" s="1"/>
  <c r="UTP53" i="1" s="1"/>
  <c r="UTQ53" i="1" s="1"/>
  <c r="UTR53" i="1" s="1"/>
  <c r="UTS53" i="1" s="1"/>
  <c r="UTT53" i="1" s="1"/>
  <c r="UTU53" i="1" s="1"/>
  <c r="UTV53" i="1" s="1"/>
  <c r="UTW53" i="1" s="1"/>
  <c r="UTX53" i="1" s="1"/>
  <c r="UTY53" i="1" s="1"/>
  <c r="UTZ53" i="1" s="1"/>
  <c r="UUA53" i="1" s="1"/>
  <c r="UUB53" i="1" s="1"/>
  <c r="UUC53" i="1" s="1"/>
  <c r="UUD53" i="1" s="1"/>
  <c r="UUE53" i="1" s="1"/>
  <c r="UUF53" i="1" s="1"/>
  <c r="UUG53" i="1" s="1"/>
  <c r="UUH53" i="1" s="1"/>
  <c r="UUI53" i="1" s="1"/>
  <c r="UUJ53" i="1" s="1"/>
  <c r="UUK53" i="1" s="1"/>
  <c r="UUL53" i="1" s="1"/>
  <c r="UUM53" i="1" s="1"/>
  <c r="UUN53" i="1" s="1"/>
  <c r="UUO53" i="1" s="1"/>
  <c r="UUP53" i="1" s="1"/>
  <c r="UUQ53" i="1" s="1"/>
  <c r="UUR53" i="1" s="1"/>
  <c r="UUS53" i="1" s="1"/>
  <c r="UUT53" i="1" s="1"/>
  <c r="UUU53" i="1" s="1"/>
  <c r="UUV53" i="1" s="1"/>
  <c r="UUW53" i="1" s="1"/>
  <c r="UUX53" i="1" s="1"/>
  <c r="UUY53" i="1" s="1"/>
  <c r="UUZ53" i="1" s="1"/>
  <c r="UVA53" i="1" s="1"/>
  <c r="UVB53" i="1" s="1"/>
  <c r="UVC53" i="1" s="1"/>
  <c r="UVD53" i="1" s="1"/>
  <c r="UVE53" i="1" s="1"/>
  <c r="UVF53" i="1" s="1"/>
  <c r="UVG53" i="1" s="1"/>
  <c r="UVH53" i="1" s="1"/>
  <c r="UVI53" i="1" s="1"/>
  <c r="UVJ53" i="1" s="1"/>
  <c r="UVK53" i="1" s="1"/>
  <c r="UVL53" i="1" s="1"/>
  <c r="UVM53" i="1" s="1"/>
  <c r="UVN53" i="1" s="1"/>
  <c r="UVO53" i="1" s="1"/>
  <c r="UVP53" i="1" s="1"/>
  <c r="UVQ53" i="1" s="1"/>
  <c r="UVR53" i="1" s="1"/>
  <c r="UVS53" i="1" s="1"/>
  <c r="UVT53" i="1" s="1"/>
  <c r="UVU53" i="1" s="1"/>
  <c r="UVV53" i="1" s="1"/>
  <c r="UVW53" i="1" s="1"/>
  <c r="UVX53" i="1" s="1"/>
  <c r="UVY53" i="1" s="1"/>
  <c r="UVZ53" i="1" s="1"/>
  <c r="UWA53" i="1" s="1"/>
  <c r="UWB53" i="1" s="1"/>
  <c r="UWC53" i="1" s="1"/>
  <c r="UWD53" i="1" s="1"/>
  <c r="UWE53" i="1" s="1"/>
  <c r="UWF53" i="1" s="1"/>
  <c r="UWG53" i="1" s="1"/>
  <c r="UWH53" i="1" s="1"/>
  <c r="UWI53" i="1" s="1"/>
  <c r="UWJ53" i="1" s="1"/>
  <c r="UWK53" i="1" s="1"/>
  <c r="UWL53" i="1" s="1"/>
  <c r="UWM53" i="1" s="1"/>
  <c r="UWN53" i="1" s="1"/>
  <c r="UWO53" i="1" s="1"/>
  <c r="UWP53" i="1" s="1"/>
  <c r="UWQ53" i="1" s="1"/>
  <c r="UWR53" i="1" s="1"/>
  <c r="UWS53" i="1" s="1"/>
  <c r="UWT53" i="1" s="1"/>
  <c r="UWU53" i="1" s="1"/>
  <c r="UWV53" i="1" s="1"/>
  <c r="UWW53" i="1" s="1"/>
  <c r="UWX53" i="1" s="1"/>
  <c r="UWY53" i="1" s="1"/>
  <c r="UWZ53" i="1" s="1"/>
  <c r="UXA53" i="1" s="1"/>
  <c r="UXB53" i="1" s="1"/>
  <c r="UXC53" i="1" s="1"/>
  <c r="UXD53" i="1" s="1"/>
  <c r="UXE53" i="1" s="1"/>
  <c r="UXF53" i="1" s="1"/>
  <c r="UXG53" i="1" s="1"/>
  <c r="UXH53" i="1" s="1"/>
  <c r="UXI53" i="1" s="1"/>
  <c r="UXJ53" i="1" s="1"/>
  <c r="UXK53" i="1" s="1"/>
  <c r="UXL53" i="1" s="1"/>
  <c r="UXM53" i="1" s="1"/>
  <c r="UXN53" i="1" s="1"/>
  <c r="UXO53" i="1" s="1"/>
  <c r="UXP53" i="1" s="1"/>
  <c r="UXQ53" i="1" s="1"/>
  <c r="UXR53" i="1" s="1"/>
  <c r="UXS53" i="1" s="1"/>
  <c r="UXT53" i="1" s="1"/>
  <c r="UXU53" i="1" s="1"/>
  <c r="UXV53" i="1" s="1"/>
  <c r="UXW53" i="1" s="1"/>
  <c r="UXX53" i="1" s="1"/>
  <c r="UXY53" i="1" s="1"/>
  <c r="UXZ53" i="1" s="1"/>
  <c r="UYA53" i="1" s="1"/>
  <c r="UYB53" i="1" s="1"/>
  <c r="UYC53" i="1" s="1"/>
  <c r="UYD53" i="1" s="1"/>
  <c r="UYE53" i="1" s="1"/>
  <c r="UYF53" i="1" s="1"/>
  <c r="UYG53" i="1" s="1"/>
  <c r="UYH53" i="1" s="1"/>
  <c r="UYI53" i="1" s="1"/>
  <c r="UYJ53" i="1" s="1"/>
  <c r="UYK53" i="1" s="1"/>
  <c r="UYL53" i="1" s="1"/>
  <c r="UYM53" i="1" s="1"/>
  <c r="UYN53" i="1" s="1"/>
  <c r="UYO53" i="1" s="1"/>
  <c r="UYP53" i="1" s="1"/>
  <c r="UYQ53" i="1" s="1"/>
  <c r="UYR53" i="1" s="1"/>
  <c r="UYS53" i="1" s="1"/>
  <c r="UYT53" i="1" s="1"/>
  <c r="UYU53" i="1" s="1"/>
  <c r="UYV53" i="1" s="1"/>
  <c r="UYW53" i="1" s="1"/>
  <c r="UYX53" i="1" s="1"/>
  <c r="UYY53" i="1" s="1"/>
  <c r="UYZ53" i="1" s="1"/>
  <c r="UZA53" i="1" s="1"/>
  <c r="UZB53" i="1" s="1"/>
  <c r="UZC53" i="1" s="1"/>
  <c r="UZD53" i="1" s="1"/>
  <c r="UZE53" i="1" s="1"/>
  <c r="UZF53" i="1" s="1"/>
  <c r="UZG53" i="1" s="1"/>
  <c r="UZH53" i="1" s="1"/>
  <c r="UZI53" i="1" s="1"/>
  <c r="UZJ53" i="1" s="1"/>
  <c r="UZK53" i="1" s="1"/>
  <c r="UZL53" i="1" s="1"/>
  <c r="UZM53" i="1" s="1"/>
  <c r="UZN53" i="1" s="1"/>
  <c r="UZO53" i="1" s="1"/>
  <c r="UZP53" i="1" s="1"/>
  <c r="UZQ53" i="1" s="1"/>
  <c r="UZR53" i="1" s="1"/>
  <c r="UZS53" i="1" s="1"/>
  <c r="UZT53" i="1" s="1"/>
  <c r="UZU53" i="1" s="1"/>
  <c r="UZV53" i="1" s="1"/>
  <c r="UZW53" i="1" s="1"/>
  <c r="UZX53" i="1" s="1"/>
  <c r="UZY53" i="1" s="1"/>
  <c r="UZZ53" i="1" s="1"/>
  <c r="VAA53" i="1" s="1"/>
  <c r="VAB53" i="1" s="1"/>
  <c r="VAC53" i="1" s="1"/>
  <c r="VAD53" i="1" s="1"/>
  <c r="VAE53" i="1" s="1"/>
  <c r="VAF53" i="1" s="1"/>
  <c r="VAG53" i="1" s="1"/>
  <c r="VAH53" i="1" s="1"/>
  <c r="VAI53" i="1" s="1"/>
  <c r="VAJ53" i="1" s="1"/>
  <c r="VAK53" i="1" s="1"/>
  <c r="VAL53" i="1" s="1"/>
  <c r="VAM53" i="1" s="1"/>
  <c r="VAN53" i="1" s="1"/>
  <c r="VAO53" i="1" s="1"/>
  <c r="VAP53" i="1" s="1"/>
  <c r="VAQ53" i="1" s="1"/>
  <c r="VAR53" i="1" s="1"/>
  <c r="VAS53" i="1" s="1"/>
  <c r="VAT53" i="1" s="1"/>
  <c r="VAU53" i="1" s="1"/>
  <c r="VAV53" i="1" s="1"/>
  <c r="VAW53" i="1" s="1"/>
  <c r="VAX53" i="1" s="1"/>
  <c r="VAY53" i="1" s="1"/>
  <c r="VAZ53" i="1" s="1"/>
  <c r="VBA53" i="1" s="1"/>
  <c r="VBB53" i="1" s="1"/>
  <c r="VBC53" i="1" s="1"/>
  <c r="VBD53" i="1" s="1"/>
  <c r="VBE53" i="1" s="1"/>
  <c r="VBF53" i="1" s="1"/>
  <c r="VBG53" i="1" s="1"/>
  <c r="VBH53" i="1" s="1"/>
  <c r="VBI53" i="1" s="1"/>
  <c r="VBJ53" i="1" s="1"/>
  <c r="VBK53" i="1" s="1"/>
  <c r="VBL53" i="1" s="1"/>
  <c r="VBM53" i="1" s="1"/>
  <c r="VBN53" i="1" s="1"/>
  <c r="VBO53" i="1" s="1"/>
  <c r="VBP53" i="1" s="1"/>
  <c r="VBQ53" i="1" s="1"/>
  <c r="VBR53" i="1" s="1"/>
  <c r="VBS53" i="1" s="1"/>
  <c r="VBT53" i="1" s="1"/>
  <c r="VBU53" i="1" s="1"/>
  <c r="VBV53" i="1" s="1"/>
  <c r="VBW53" i="1" s="1"/>
  <c r="VBX53" i="1" s="1"/>
  <c r="VBY53" i="1" s="1"/>
  <c r="VBZ53" i="1" s="1"/>
  <c r="VCA53" i="1" s="1"/>
  <c r="VCB53" i="1" s="1"/>
  <c r="VCC53" i="1" s="1"/>
  <c r="VCD53" i="1" s="1"/>
  <c r="VCE53" i="1" s="1"/>
  <c r="VCF53" i="1" s="1"/>
  <c r="VCG53" i="1" s="1"/>
  <c r="VCH53" i="1" s="1"/>
  <c r="VCI53" i="1" s="1"/>
  <c r="VCJ53" i="1" s="1"/>
  <c r="VCK53" i="1" s="1"/>
  <c r="VCL53" i="1" s="1"/>
  <c r="VCM53" i="1" s="1"/>
  <c r="VCN53" i="1" s="1"/>
  <c r="VCO53" i="1" s="1"/>
  <c r="VCP53" i="1" s="1"/>
  <c r="VCQ53" i="1" s="1"/>
  <c r="VCR53" i="1" s="1"/>
  <c r="VCS53" i="1" s="1"/>
  <c r="VCT53" i="1" s="1"/>
  <c r="VCU53" i="1" s="1"/>
  <c r="VCV53" i="1" s="1"/>
  <c r="VCW53" i="1" s="1"/>
  <c r="VCX53" i="1" s="1"/>
  <c r="VCY53" i="1" s="1"/>
  <c r="VCZ53" i="1" s="1"/>
  <c r="VDA53" i="1" s="1"/>
  <c r="VDB53" i="1" s="1"/>
  <c r="VDC53" i="1" s="1"/>
  <c r="VDD53" i="1" s="1"/>
  <c r="VDE53" i="1" s="1"/>
  <c r="VDF53" i="1" s="1"/>
  <c r="VDG53" i="1" s="1"/>
  <c r="VDH53" i="1" s="1"/>
  <c r="VDI53" i="1" s="1"/>
  <c r="VDJ53" i="1" s="1"/>
  <c r="VDK53" i="1" s="1"/>
  <c r="VDL53" i="1" s="1"/>
  <c r="VDM53" i="1" s="1"/>
  <c r="VDN53" i="1" s="1"/>
  <c r="VDO53" i="1" s="1"/>
  <c r="VDP53" i="1" s="1"/>
  <c r="VDQ53" i="1" s="1"/>
  <c r="VDR53" i="1" s="1"/>
  <c r="VDS53" i="1" s="1"/>
  <c r="VDT53" i="1" s="1"/>
  <c r="VDU53" i="1" s="1"/>
  <c r="VDV53" i="1" s="1"/>
  <c r="VDW53" i="1" s="1"/>
  <c r="VDX53" i="1" s="1"/>
  <c r="VDY53" i="1" s="1"/>
  <c r="VDZ53" i="1" s="1"/>
  <c r="VEA53" i="1" s="1"/>
  <c r="VEB53" i="1" s="1"/>
  <c r="VEC53" i="1" s="1"/>
  <c r="VED53" i="1" s="1"/>
  <c r="VEE53" i="1" s="1"/>
  <c r="VEF53" i="1" s="1"/>
  <c r="VEG53" i="1" s="1"/>
  <c r="VEH53" i="1" s="1"/>
  <c r="VEI53" i="1" s="1"/>
  <c r="VEJ53" i="1" s="1"/>
  <c r="VEK53" i="1" s="1"/>
  <c r="VEL53" i="1" s="1"/>
  <c r="VEM53" i="1" s="1"/>
  <c r="VEN53" i="1" s="1"/>
  <c r="VEO53" i="1" s="1"/>
  <c r="VEP53" i="1" s="1"/>
  <c r="VEQ53" i="1" s="1"/>
  <c r="VER53" i="1" s="1"/>
  <c r="VES53" i="1" s="1"/>
  <c r="VET53" i="1" s="1"/>
  <c r="VEU53" i="1" s="1"/>
  <c r="VEV53" i="1" s="1"/>
  <c r="VEW53" i="1" s="1"/>
  <c r="VEX53" i="1" s="1"/>
  <c r="VEY53" i="1" s="1"/>
  <c r="VEZ53" i="1" s="1"/>
  <c r="VFA53" i="1" s="1"/>
  <c r="VFB53" i="1" s="1"/>
  <c r="VFC53" i="1" s="1"/>
  <c r="VFD53" i="1" s="1"/>
  <c r="VFE53" i="1" s="1"/>
  <c r="VFF53" i="1" s="1"/>
  <c r="VFG53" i="1" s="1"/>
  <c r="VFH53" i="1" s="1"/>
  <c r="VFI53" i="1" s="1"/>
  <c r="VFJ53" i="1" s="1"/>
  <c r="VFK53" i="1" s="1"/>
  <c r="VFL53" i="1" s="1"/>
  <c r="VFM53" i="1" s="1"/>
  <c r="VFN53" i="1" s="1"/>
  <c r="VFO53" i="1" s="1"/>
  <c r="VFP53" i="1" s="1"/>
  <c r="VFQ53" i="1" s="1"/>
  <c r="VFR53" i="1" s="1"/>
  <c r="VFS53" i="1" s="1"/>
  <c r="VFT53" i="1" s="1"/>
  <c r="VFU53" i="1" s="1"/>
  <c r="VFV53" i="1" s="1"/>
  <c r="VFW53" i="1" s="1"/>
  <c r="VFX53" i="1" s="1"/>
  <c r="VFY53" i="1" s="1"/>
  <c r="VFZ53" i="1" s="1"/>
  <c r="VGA53" i="1" s="1"/>
  <c r="VGB53" i="1" s="1"/>
  <c r="VGC53" i="1" s="1"/>
  <c r="VGD53" i="1" s="1"/>
  <c r="VGE53" i="1" s="1"/>
  <c r="VGF53" i="1" s="1"/>
  <c r="VGG53" i="1" s="1"/>
  <c r="VGH53" i="1" s="1"/>
  <c r="VGI53" i="1" s="1"/>
  <c r="VGJ53" i="1" s="1"/>
  <c r="VGK53" i="1" s="1"/>
  <c r="VGL53" i="1" s="1"/>
  <c r="VGM53" i="1" s="1"/>
  <c r="VGN53" i="1" s="1"/>
  <c r="VGO53" i="1" s="1"/>
  <c r="VGP53" i="1" s="1"/>
  <c r="VGQ53" i="1" s="1"/>
  <c r="VGR53" i="1" s="1"/>
  <c r="VGS53" i="1" s="1"/>
  <c r="VGT53" i="1" s="1"/>
  <c r="VGU53" i="1" s="1"/>
  <c r="VGV53" i="1" s="1"/>
  <c r="VGW53" i="1" s="1"/>
  <c r="VGX53" i="1" s="1"/>
  <c r="VGY53" i="1" s="1"/>
  <c r="VGZ53" i="1" s="1"/>
  <c r="VHA53" i="1" s="1"/>
  <c r="VHB53" i="1" s="1"/>
  <c r="VHC53" i="1" s="1"/>
  <c r="VHD53" i="1" s="1"/>
  <c r="VHE53" i="1" s="1"/>
  <c r="VHF53" i="1" s="1"/>
  <c r="VHG53" i="1" s="1"/>
  <c r="VHH53" i="1" s="1"/>
  <c r="VHI53" i="1" s="1"/>
  <c r="VHJ53" i="1" s="1"/>
  <c r="VHK53" i="1" s="1"/>
  <c r="VHL53" i="1" s="1"/>
  <c r="VHM53" i="1" s="1"/>
  <c r="VHN53" i="1" s="1"/>
  <c r="VHO53" i="1" s="1"/>
  <c r="VHP53" i="1" s="1"/>
  <c r="VHQ53" i="1" s="1"/>
  <c r="VHR53" i="1" s="1"/>
  <c r="VHS53" i="1" s="1"/>
  <c r="VHT53" i="1" s="1"/>
  <c r="VHU53" i="1" s="1"/>
  <c r="VHV53" i="1" s="1"/>
  <c r="VHW53" i="1" s="1"/>
  <c r="VHX53" i="1" s="1"/>
  <c r="VHY53" i="1" s="1"/>
  <c r="VHZ53" i="1" s="1"/>
  <c r="VIA53" i="1" s="1"/>
  <c r="VIB53" i="1" s="1"/>
  <c r="VIC53" i="1" s="1"/>
  <c r="VID53" i="1" s="1"/>
  <c r="VIE53" i="1" s="1"/>
  <c r="VIF53" i="1" s="1"/>
  <c r="VIG53" i="1" s="1"/>
  <c r="VIH53" i="1" s="1"/>
  <c r="VII53" i="1" s="1"/>
  <c r="VIJ53" i="1" s="1"/>
  <c r="VIK53" i="1" s="1"/>
  <c r="VIL53" i="1" s="1"/>
  <c r="VIM53" i="1" s="1"/>
  <c r="VIN53" i="1" s="1"/>
  <c r="VIO53" i="1" s="1"/>
  <c r="VIP53" i="1" s="1"/>
  <c r="VIQ53" i="1" s="1"/>
  <c r="VIR53" i="1" s="1"/>
  <c r="VIS53" i="1" s="1"/>
  <c r="VIT53" i="1" s="1"/>
  <c r="VIU53" i="1" s="1"/>
  <c r="VIV53" i="1" s="1"/>
  <c r="VIW53" i="1" s="1"/>
  <c r="VIX53" i="1" s="1"/>
  <c r="VIY53" i="1" s="1"/>
  <c r="VIZ53" i="1" s="1"/>
  <c r="VJA53" i="1" s="1"/>
  <c r="VJB53" i="1" s="1"/>
  <c r="VJC53" i="1" s="1"/>
  <c r="VJD53" i="1" s="1"/>
  <c r="VJE53" i="1" s="1"/>
  <c r="VJF53" i="1" s="1"/>
  <c r="VJG53" i="1" s="1"/>
  <c r="VJH53" i="1" s="1"/>
  <c r="VJI53" i="1" s="1"/>
  <c r="VJJ53" i="1" s="1"/>
  <c r="VJK53" i="1" s="1"/>
  <c r="VJL53" i="1" s="1"/>
  <c r="VJM53" i="1" s="1"/>
  <c r="VJN53" i="1" s="1"/>
  <c r="VJO53" i="1" s="1"/>
  <c r="VJP53" i="1" s="1"/>
  <c r="VJQ53" i="1" s="1"/>
  <c r="VJR53" i="1" s="1"/>
  <c r="VJS53" i="1" s="1"/>
  <c r="VJT53" i="1" s="1"/>
  <c r="VJU53" i="1" s="1"/>
  <c r="VJV53" i="1" s="1"/>
  <c r="VJW53" i="1" s="1"/>
  <c r="VJX53" i="1" s="1"/>
  <c r="VJY53" i="1" s="1"/>
  <c r="VJZ53" i="1" s="1"/>
  <c r="VKA53" i="1" s="1"/>
  <c r="VKB53" i="1" s="1"/>
  <c r="VKC53" i="1" s="1"/>
  <c r="VKD53" i="1" s="1"/>
  <c r="VKE53" i="1" s="1"/>
  <c r="VKF53" i="1" s="1"/>
  <c r="VKG53" i="1" s="1"/>
  <c r="VKH53" i="1" s="1"/>
  <c r="VKI53" i="1" s="1"/>
  <c r="VKJ53" i="1" s="1"/>
  <c r="VKK53" i="1" s="1"/>
  <c r="VKL53" i="1" s="1"/>
  <c r="VKM53" i="1" s="1"/>
  <c r="VKN53" i="1" s="1"/>
  <c r="VKO53" i="1" s="1"/>
  <c r="VKP53" i="1" s="1"/>
  <c r="VKQ53" i="1" s="1"/>
  <c r="VKR53" i="1" s="1"/>
  <c r="VKS53" i="1" s="1"/>
  <c r="VKT53" i="1" s="1"/>
  <c r="VKU53" i="1" s="1"/>
  <c r="VKV53" i="1" s="1"/>
  <c r="VKW53" i="1" s="1"/>
  <c r="VKX53" i="1" s="1"/>
  <c r="VKY53" i="1" s="1"/>
  <c r="VKZ53" i="1" s="1"/>
  <c r="VLA53" i="1" s="1"/>
  <c r="VLB53" i="1" s="1"/>
  <c r="VLC53" i="1" s="1"/>
  <c r="VLD53" i="1" s="1"/>
  <c r="VLE53" i="1" s="1"/>
  <c r="VLF53" i="1" s="1"/>
  <c r="VLG53" i="1" s="1"/>
  <c r="VLH53" i="1" s="1"/>
  <c r="VLI53" i="1" s="1"/>
  <c r="VLJ53" i="1" s="1"/>
  <c r="VLK53" i="1" s="1"/>
  <c r="VLL53" i="1" s="1"/>
  <c r="VLM53" i="1" s="1"/>
  <c r="VLN53" i="1" s="1"/>
  <c r="VLO53" i="1" s="1"/>
  <c r="VLP53" i="1" s="1"/>
  <c r="VLQ53" i="1" s="1"/>
  <c r="VLR53" i="1" s="1"/>
  <c r="VLS53" i="1" s="1"/>
  <c r="VLT53" i="1" s="1"/>
  <c r="VLU53" i="1" s="1"/>
  <c r="VLV53" i="1" s="1"/>
  <c r="VLW53" i="1" s="1"/>
  <c r="VLX53" i="1" s="1"/>
  <c r="VLY53" i="1" s="1"/>
  <c r="VLZ53" i="1" s="1"/>
  <c r="VMA53" i="1" s="1"/>
  <c r="VMB53" i="1" s="1"/>
  <c r="VMC53" i="1" s="1"/>
  <c r="VMD53" i="1" s="1"/>
  <c r="VME53" i="1" s="1"/>
  <c r="VMF53" i="1" s="1"/>
  <c r="VMG53" i="1" s="1"/>
  <c r="VMH53" i="1" s="1"/>
  <c r="VMI53" i="1" s="1"/>
  <c r="VMJ53" i="1" s="1"/>
  <c r="VMK53" i="1" s="1"/>
  <c r="VML53" i="1" s="1"/>
  <c r="VMM53" i="1" s="1"/>
  <c r="VMN53" i="1" s="1"/>
  <c r="VMO53" i="1" s="1"/>
  <c r="VMP53" i="1" s="1"/>
  <c r="VMQ53" i="1" s="1"/>
  <c r="VMR53" i="1" s="1"/>
  <c r="VMS53" i="1" s="1"/>
  <c r="VMT53" i="1" s="1"/>
  <c r="VMU53" i="1" s="1"/>
  <c r="VMV53" i="1" s="1"/>
  <c r="VMW53" i="1" s="1"/>
  <c r="VMX53" i="1" s="1"/>
  <c r="VMY53" i="1" s="1"/>
  <c r="VMZ53" i="1" s="1"/>
  <c r="VNA53" i="1" s="1"/>
  <c r="VNB53" i="1" s="1"/>
  <c r="VNC53" i="1" s="1"/>
  <c r="VND53" i="1" s="1"/>
  <c r="VNE53" i="1" s="1"/>
  <c r="VNF53" i="1" s="1"/>
  <c r="VNG53" i="1" s="1"/>
  <c r="VNH53" i="1" s="1"/>
  <c r="VNI53" i="1" s="1"/>
  <c r="VNJ53" i="1" s="1"/>
  <c r="VNK53" i="1" s="1"/>
  <c r="VNL53" i="1" s="1"/>
  <c r="VNM53" i="1" s="1"/>
  <c r="VNN53" i="1" s="1"/>
  <c r="VNO53" i="1" s="1"/>
  <c r="VNP53" i="1" s="1"/>
  <c r="VNQ53" i="1" s="1"/>
  <c r="VNR53" i="1" s="1"/>
  <c r="VNS53" i="1" s="1"/>
  <c r="VNT53" i="1" s="1"/>
  <c r="VNU53" i="1" s="1"/>
  <c r="VNV53" i="1" s="1"/>
  <c r="VNW53" i="1" s="1"/>
  <c r="VNX53" i="1" s="1"/>
  <c r="VNY53" i="1" s="1"/>
  <c r="VNZ53" i="1" s="1"/>
  <c r="VOA53" i="1" s="1"/>
  <c r="VOB53" i="1" s="1"/>
  <c r="VOC53" i="1" s="1"/>
  <c r="VOD53" i="1" s="1"/>
  <c r="VOE53" i="1" s="1"/>
  <c r="VOF53" i="1" s="1"/>
  <c r="VOG53" i="1" s="1"/>
  <c r="VOH53" i="1" s="1"/>
  <c r="VOI53" i="1" s="1"/>
  <c r="VOJ53" i="1" s="1"/>
  <c r="VOK53" i="1" s="1"/>
  <c r="VOL53" i="1" s="1"/>
  <c r="VOM53" i="1" s="1"/>
  <c r="VON53" i="1" s="1"/>
  <c r="VOO53" i="1" s="1"/>
  <c r="VOP53" i="1" s="1"/>
  <c r="VOQ53" i="1" s="1"/>
  <c r="VOR53" i="1" s="1"/>
  <c r="VOS53" i="1" s="1"/>
  <c r="VOT53" i="1" s="1"/>
  <c r="VOU53" i="1" s="1"/>
  <c r="VOV53" i="1" s="1"/>
  <c r="VOW53" i="1" s="1"/>
  <c r="VOX53" i="1" s="1"/>
  <c r="VOY53" i="1" s="1"/>
  <c r="VOZ53" i="1" s="1"/>
  <c r="VPA53" i="1" s="1"/>
  <c r="VPB53" i="1" s="1"/>
  <c r="VPC53" i="1" s="1"/>
  <c r="VPD53" i="1" s="1"/>
  <c r="VPE53" i="1" s="1"/>
  <c r="VPF53" i="1" s="1"/>
  <c r="VPG53" i="1" s="1"/>
  <c r="VPH53" i="1" s="1"/>
  <c r="VPI53" i="1" s="1"/>
  <c r="VPJ53" i="1" s="1"/>
  <c r="VPK53" i="1" s="1"/>
  <c r="VPL53" i="1" s="1"/>
  <c r="VPM53" i="1" s="1"/>
  <c r="VPN53" i="1" s="1"/>
  <c r="VPO53" i="1" s="1"/>
  <c r="VPP53" i="1" s="1"/>
  <c r="VPQ53" i="1" s="1"/>
  <c r="VPR53" i="1" s="1"/>
  <c r="VPS53" i="1" s="1"/>
  <c r="VPT53" i="1" s="1"/>
  <c r="VPU53" i="1" s="1"/>
  <c r="VPV53" i="1" s="1"/>
  <c r="VPW53" i="1" s="1"/>
  <c r="VPX53" i="1" s="1"/>
  <c r="VPY53" i="1" s="1"/>
  <c r="VPZ53" i="1" s="1"/>
  <c r="VQA53" i="1" s="1"/>
  <c r="VQB53" i="1" s="1"/>
  <c r="VQC53" i="1" s="1"/>
  <c r="VQD53" i="1" s="1"/>
  <c r="VQE53" i="1" s="1"/>
  <c r="VQF53" i="1" s="1"/>
  <c r="VQG53" i="1" s="1"/>
  <c r="VQH53" i="1" s="1"/>
  <c r="VQI53" i="1" s="1"/>
  <c r="VQJ53" i="1" s="1"/>
  <c r="VQK53" i="1" s="1"/>
  <c r="VQL53" i="1" s="1"/>
  <c r="VQM53" i="1" s="1"/>
  <c r="VQN53" i="1" s="1"/>
  <c r="VQO53" i="1" s="1"/>
  <c r="VQP53" i="1" s="1"/>
  <c r="VQQ53" i="1" s="1"/>
  <c r="VQR53" i="1" s="1"/>
  <c r="VQS53" i="1" s="1"/>
  <c r="VQT53" i="1" s="1"/>
  <c r="VQU53" i="1" s="1"/>
  <c r="VQV53" i="1" s="1"/>
  <c r="VQW53" i="1" s="1"/>
  <c r="VQX53" i="1" s="1"/>
  <c r="VQY53" i="1" s="1"/>
  <c r="VQZ53" i="1" s="1"/>
  <c r="VRA53" i="1" s="1"/>
  <c r="VRB53" i="1" s="1"/>
  <c r="VRC53" i="1" s="1"/>
  <c r="VRD53" i="1" s="1"/>
  <c r="VRE53" i="1" s="1"/>
  <c r="VRF53" i="1" s="1"/>
  <c r="VRG53" i="1" s="1"/>
  <c r="VRH53" i="1" s="1"/>
  <c r="VRI53" i="1" s="1"/>
  <c r="VRJ53" i="1" s="1"/>
  <c r="VRK53" i="1" s="1"/>
  <c r="VRL53" i="1" s="1"/>
  <c r="VRM53" i="1" s="1"/>
  <c r="VRN53" i="1" s="1"/>
  <c r="VRO53" i="1" s="1"/>
  <c r="VRP53" i="1" s="1"/>
  <c r="VRQ53" i="1" s="1"/>
  <c r="VRR53" i="1" s="1"/>
  <c r="VRS53" i="1" s="1"/>
  <c r="VRT53" i="1" s="1"/>
  <c r="VRU53" i="1" s="1"/>
  <c r="VRV53" i="1" s="1"/>
  <c r="VRW53" i="1" s="1"/>
  <c r="VRX53" i="1" s="1"/>
  <c r="VRY53" i="1" s="1"/>
  <c r="VRZ53" i="1" s="1"/>
  <c r="VSA53" i="1" s="1"/>
  <c r="VSB53" i="1" s="1"/>
  <c r="VSC53" i="1" s="1"/>
  <c r="VSD53" i="1" s="1"/>
  <c r="VSE53" i="1" s="1"/>
  <c r="VSF53" i="1" s="1"/>
  <c r="VSG53" i="1" s="1"/>
  <c r="VSH53" i="1" s="1"/>
  <c r="VSI53" i="1" s="1"/>
  <c r="VSJ53" i="1" s="1"/>
  <c r="VSK53" i="1" s="1"/>
  <c r="VSL53" i="1" s="1"/>
  <c r="VSM53" i="1" s="1"/>
  <c r="VSN53" i="1" s="1"/>
  <c r="VSO53" i="1" s="1"/>
  <c r="VSP53" i="1" s="1"/>
  <c r="VSQ53" i="1" s="1"/>
  <c r="VSR53" i="1" s="1"/>
  <c r="VSS53" i="1" s="1"/>
  <c r="VST53" i="1" s="1"/>
  <c r="VSU53" i="1" s="1"/>
  <c r="VSV53" i="1" s="1"/>
  <c r="VSW53" i="1" s="1"/>
  <c r="VSX53" i="1" s="1"/>
  <c r="VSY53" i="1" s="1"/>
  <c r="VSZ53" i="1" s="1"/>
  <c r="VTA53" i="1" s="1"/>
  <c r="VTB53" i="1" s="1"/>
  <c r="VTC53" i="1" s="1"/>
  <c r="VTD53" i="1" s="1"/>
  <c r="VTE53" i="1" s="1"/>
  <c r="VTF53" i="1" s="1"/>
  <c r="VTG53" i="1" s="1"/>
  <c r="VTH53" i="1" s="1"/>
  <c r="VTI53" i="1" s="1"/>
  <c r="VTJ53" i="1" s="1"/>
  <c r="VTK53" i="1" s="1"/>
  <c r="VTL53" i="1" s="1"/>
  <c r="VTM53" i="1" s="1"/>
  <c r="VTN53" i="1" s="1"/>
  <c r="VTO53" i="1" s="1"/>
  <c r="VTP53" i="1" s="1"/>
  <c r="VTQ53" i="1" s="1"/>
  <c r="VTR53" i="1" s="1"/>
  <c r="VTS53" i="1" s="1"/>
  <c r="VTT53" i="1" s="1"/>
  <c r="VTU53" i="1" s="1"/>
  <c r="VTV53" i="1" s="1"/>
  <c r="VTW53" i="1" s="1"/>
  <c r="VTX53" i="1" s="1"/>
  <c r="VTY53" i="1" s="1"/>
  <c r="VTZ53" i="1" s="1"/>
  <c r="VUA53" i="1" s="1"/>
  <c r="VUB53" i="1" s="1"/>
  <c r="VUC53" i="1" s="1"/>
  <c r="VUD53" i="1" s="1"/>
  <c r="VUE53" i="1" s="1"/>
  <c r="VUF53" i="1" s="1"/>
  <c r="VUG53" i="1" s="1"/>
  <c r="VUH53" i="1" s="1"/>
  <c r="VUI53" i="1" s="1"/>
  <c r="VUJ53" i="1" s="1"/>
  <c r="VUK53" i="1" s="1"/>
  <c r="VUL53" i="1" s="1"/>
  <c r="VUM53" i="1" s="1"/>
  <c r="VUN53" i="1" s="1"/>
  <c r="VUO53" i="1" s="1"/>
  <c r="VUP53" i="1" s="1"/>
  <c r="VUQ53" i="1" s="1"/>
  <c r="VUR53" i="1" s="1"/>
  <c r="VUS53" i="1" s="1"/>
  <c r="VUT53" i="1" s="1"/>
  <c r="VUU53" i="1" s="1"/>
  <c r="VUV53" i="1" s="1"/>
  <c r="VUW53" i="1" s="1"/>
  <c r="VUX53" i="1" s="1"/>
  <c r="VUY53" i="1" s="1"/>
  <c r="VUZ53" i="1" s="1"/>
  <c r="VVA53" i="1" s="1"/>
  <c r="VVB53" i="1" s="1"/>
  <c r="VVC53" i="1" s="1"/>
  <c r="VVD53" i="1" s="1"/>
  <c r="VVE53" i="1" s="1"/>
  <c r="VVF53" i="1" s="1"/>
  <c r="VVG53" i="1" s="1"/>
  <c r="VVH53" i="1" s="1"/>
  <c r="VVI53" i="1" s="1"/>
  <c r="VVJ53" i="1" s="1"/>
  <c r="VVK53" i="1" s="1"/>
  <c r="VVL53" i="1" s="1"/>
  <c r="VVM53" i="1" s="1"/>
  <c r="VVN53" i="1" s="1"/>
  <c r="VVO53" i="1" s="1"/>
  <c r="VVP53" i="1" s="1"/>
  <c r="VVQ53" i="1" s="1"/>
  <c r="VVR53" i="1" s="1"/>
  <c r="VVS53" i="1" s="1"/>
  <c r="VVT53" i="1" s="1"/>
  <c r="VVU53" i="1" s="1"/>
  <c r="VVV53" i="1" s="1"/>
  <c r="VVW53" i="1" s="1"/>
  <c r="VVX53" i="1" s="1"/>
  <c r="VVY53" i="1" s="1"/>
  <c r="VVZ53" i="1" s="1"/>
  <c r="VWA53" i="1" s="1"/>
  <c r="VWB53" i="1" s="1"/>
  <c r="VWC53" i="1" s="1"/>
  <c r="VWD53" i="1" s="1"/>
  <c r="VWE53" i="1" s="1"/>
  <c r="VWF53" i="1" s="1"/>
  <c r="VWG53" i="1" s="1"/>
  <c r="VWH53" i="1" s="1"/>
  <c r="VWI53" i="1" s="1"/>
  <c r="VWJ53" i="1" s="1"/>
  <c r="VWK53" i="1" s="1"/>
  <c r="VWL53" i="1" s="1"/>
  <c r="VWM53" i="1" s="1"/>
  <c r="VWN53" i="1" s="1"/>
  <c r="VWO53" i="1" s="1"/>
  <c r="VWP53" i="1" s="1"/>
  <c r="VWQ53" i="1" s="1"/>
  <c r="VWR53" i="1" s="1"/>
  <c r="VWS53" i="1" s="1"/>
  <c r="VWT53" i="1" s="1"/>
  <c r="VWU53" i="1" s="1"/>
  <c r="VWV53" i="1" s="1"/>
  <c r="VWW53" i="1" s="1"/>
  <c r="VWX53" i="1" s="1"/>
  <c r="VWY53" i="1" s="1"/>
  <c r="VWZ53" i="1" s="1"/>
  <c r="VXA53" i="1" s="1"/>
  <c r="VXB53" i="1" s="1"/>
  <c r="VXC53" i="1" s="1"/>
  <c r="VXD53" i="1" s="1"/>
  <c r="VXE53" i="1" s="1"/>
  <c r="VXF53" i="1" s="1"/>
  <c r="VXG53" i="1" s="1"/>
  <c r="VXH53" i="1" s="1"/>
  <c r="VXI53" i="1" s="1"/>
  <c r="VXJ53" i="1" s="1"/>
  <c r="VXK53" i="1" s="1"/>
  <c r="VXL53" i="1" s="1"/>
  <c r="VXM53" i="1" s="1"/>
  <c r="VXN53" i="1" s="1"/>
  <c r="VXO53" i="1" s="1"/>
  <c r="VXP53" i="1" s="1"/>
  <c r="VXQ53" i="1" s="1"/>
  <c r="VXR53" i="1" s="1"/>
  <c r="VXS53" i="1" s="1"/>
  <c r="VXT53" i="1" s="1"/>
  <c r="VXU53" i="1" s="1"/>
  <c r="VXV53" i="1" s="1"/>
  <c r="VXW53" i="1" s="1"/>
  <c r="VXX53" i="1" s="1"/>
  <c r="VXY53" i="1" s="1"/>
  <c r="VXZ53" i="1" s="1"/>
  <c r="VYA53" i="1" s="1"/>
  <c r="VYB53" i="1" s="1"/>
  <c r="VYC53" i="1" s="1"/>
  <c r="VYD53" i="1" s="1"/>
  <c r="VYE53" i="1" s="1"/>
  <c r="VYF53" i="1" s="1"/>
  <c r="VYG53" i="1" s="1"/>
  <c r="VYH53" i="1" s="1"/>
  <c r="VYI53" i="1" s="1"/>
  <c r="VYJ53" i="1" s="1"/>
  <c r="VYK53" i="1" s="1"/>
  <c r="VYL53" i="1" s="1"/>
  <c r="VYM53" i="1" s="1"/>
  <c r="VYN53" i="1" s="1"/>
  <c r="VYO53" i="1" s="1"/>
  <c r="VYP53" i="1" s="1"/>
  <c r="VYQ53" i="1" s="1"/>
  <c r="VYR53" i="1" s="1"/>
  <c r="VYS53" i="1" s="1"/>
  <c r="VYT53" i="1" s="1"/>
  <c r="VYU53" i="1" s="1"/>
  <c r="VYV53" i="1" s="1"/>
  <c r="VYW53" i="1" s="1"/>
  <c r="VYX53" i="1" s="1"/>
  <c r="VYY53" i="1" s="1"/>
  <c r="VYZ53" i="1" s="1"/>
  <c r="VZA53" i="1" s="1"/>
  <c r="VZB53" i="1" s="1"/>
  <c r="VZC53" i="1" s="1"/>
  <c r="VZD53" i="1" s="1"/>
  <c r="VZE53" i="1" s="1"/>
  <c r="VZF53" i="1" s="1"/>
  <c r="VZG53" i="1" s="1"/>
  <c r="VZH53" i="1" s="1"/>
  <c r="VZI53" i="1" s="1"/>
  <c r="VZJ53" i="1" s="1"/>
  <c r="VZK53" i="1" s="1"/>
  <c r="VZL53" i="1" s="1"/>
  <c r="VZM53" i="1" s="1"/>
  <c r="VZN53" i="1" s="1"/>
  <c r="VZO53" i="1" s="1"/>
  <c r="VZP53" i="1" s="1"/>
  <c r="VZQ53" i="1" s="1"/>
  <c r="VZR53" i="1" s="1"/>
  <c r="VZS53" i="1" s="1"/>
  <c r="VZT53" i="1" s="1"/>
  <c r="VZU53" i="1" s="1"/>
  <c r="VZV53" i="1" s="1"/>
  <c r="VZW53" i="1" s="1"/>
  <c r="VZX53" i="1" s="1"/>
  <c r="VZY53" i="1" s="1"/>
  <c r="VZZ53" i="1" s="1"/>
  <c r="WAA53" i="1" s="1"/>
  <c r="WAB53" i="1" s="1"/>
  <c r="WAC53" i="1" s="1"/>
  <c r="WAD53" i="1" s="1"/>
  <c r="WAE53" i="1" s="1"/>
  <c r="WAF53" i="1" s="1"/>
  <c r="WAG53" i="1" s="1"/>
  <c r="WAH53" i="1" s="1"/>
  <c r="WAI53" i="1" s="1"/>
  <c r="WAJ53" i="1" s="1"/>
  <c r="WAK53" i="1" s="1"/>
  <c r="WAL53" i="1" s="1"/>
  <c r="WAM53" i="1" s="1"/>
  <c r="WAN53" i="1" s="1"/>
  <c r="WAO53" i="1" s="1"/>
  <c r="WAP53" i="1" s="1"/>
  <c r="WAQ53" i="1" s="1"/>
  <c r="WAR53" i="1" s="1"/>
  <c r="WAS53" i="1" s="1"/>
  <c r="WAT53" i="1" s="1"/>
  <c r="WAU53" i="1" s="1"/>
  <c r="WAV53" i="1" s="1"/>
  <c r="WAW53" i="1" s="1"/>
  <c r="WAX53" i="1" s="1"/>
  <c r="WAY53" i="1" s="1"/>
  <c r="WAZ53" i="1" s="1"/>
  <c r="WBA53" i="1" s="1"/>
  <c r="WBB53" i="1" s="1"/>
  <c r="WBC53" i="1" s="1"/>
  <c r="WBD53" i="1" s="1"/>
  <c r="WBE53" i="1" s="1"/>
  <c r="WBF53" i="1" s="1"/>
  <c r="WBG53" i="1" s="1"/>
  <c r="WBH53" i="1" s="1"/>
  <c r="WBI53" i="1" s="1"/>
  <c r="WBJ53" i="1" s="1"/>
  <c r="WBK53" i="1" s="1"/>
  <c r="WBL53" i="1" s="1"/>
  <c r="WBM53" i="1" s="1"/>
  <c r="WBN53" i="1" s="1"/>
  <c r="WBO53" i="1" s="1"/>
  <c r="WBP53" i="1" s="1"/>
  <c r="WBQ53" i="1" s="1"/>
  <c r="WBR53" i="1" s="1"/>
  <c r="WBS53" i="1" s="1"/>
  <c r="WBT53" i="1" s="1"/>
  <c r="WBU53" i="1" s="1"/>
  <c r="WBV53" i="1" s="1"/>
  <c r="WBW53" i="1" s="1"/>
  <c r="WBX53" i="1" s="1"/>
  <c r="WBY53" i="1" s="1"/>
  <c r="WBZ53" i="1" s="1"/>
  <c r="WCA53" i="1" s="1"/>
  <c r="WCB53" i="1" s="1"/>
  <c r="WCC53" i="1" s="1"/>
  <c r="WCD53" i="1" s="1"/>
  <c r="WCE53" i="1" s="1"/>
  <c r="WCF53" i="1" s="1"/>
  <c r="WCG53" i="1" s="1"/>
  <c r="WCH53" i="1" s="1"/>
  <c r="WCI53" i="1" s="1"/>
  <c r="WCJ53" i="1" s="1"/>
  <c r="WCK53" i="1" s="1"/>
  <c r="WCL53" i="1" s="1"/>
  <c r="WCM53" i="1" s="1"/>
  <c r="WCN53" i="1" s="1"/>
  <c r="WCO53" i="1" s="1"/>
  <c r="WCP53" i="1" s="1"/>
  <c r="WCQ53" i="1" s="1"/>
  <c r="WCR53" i="1" s="1"/>
  <c r="WCS53" i="1" s="1"/>
  <c r="WCT53" i="1" s="1"/>
  <c r="WCU53" i="1" s="1"/>
  <c r="WCV53" i="1" s="1"/>
  <c r="WCW53" i="1" s="1"/>
  <c r="WCX53" i="1" s="1"/>
  <c r="WCY53" i="1" s="1"/>
  <c r="WCZ53" i="1" s="1"/>
  <c r="WDA53" i="1" s="1"/>
  <c r="WDB53" i="1" s="1"/>
  <c r="WDC53" i="1" s="1"/>
  <c r="WDD53" i="1" s="1"/>
  <c r="WDE53" i="1" s="1"/>
  <c r="WDF53" i="1" s="1"/>
  <c r="WDG53" i="1" s="1"/>
  <c r="WDH53" i="1" s="1"/>
  <c r="WDI53" i="1" s="1"/>
  <c r="WDJ53" i="1" s="1"/>
  <c r="WDK53" i="1" s="1"/>
  <c r="WDL53" i="1" s="1"/>
  <c r="WDM53" i="1" s="1"/>
  <c r="WDN53" i="1" s="1"/>
  <c r="WDO53" i="1" s="1"/>
  <c r="WDP53" i="1" s="1"/>
  <c r="WDQ53" i="1" s="1"/>
  <c r="WDR53" i="1" s="1"/>
  <c r="WDS53" i="1" s="1"/>
  <c r="WDT53" i="1" s="1"/>
  <c r="WDU53" i="1" s="1"/>
  <c r="WDV53" i="1" s="1"/>
  <c r="WDW53" i="1" s="1"/>
  <c r="WDX53" i="1" s="1"/>
  <c r="WDY53" i="1" s="1"/>
  <c r="WDZ53" i="1" s="1"/>
  <c r="WEA53" i="1" s="1"/>
  <c r="WEB53" i="1" s="1"/>
  <c r="WEC53" i="1" s="1"/>
  <c r="WED53" i="1" s="1"/>
  <c r="WEE53" i="1" s="1"/>
  <c r="WEF53" i="1" s="1"/>
  <c r="WEG53" i="1" s="1"/>
  <c r="WEH53" i="1" s="1"/>
  <c r="WEI53" i="1" s="1"/>
  <c r="WEJ53" i="1" s="1"/>
  <c r="WEK53" i="1" s="1"/>
  <c r="WEL53" i="1" s="1"/>
  <c r="WEM53" i="1" s="1"/>
  <c r="WEN53" i="1" s="1"/>
  <c r="WEO53" i="1" s="1"/>
  <c r="WEP53" i="1" s="1"/>
  <c r="WEQ53" i="1" s="1"/>
  <c r="WER53" i="1" s="1"/>
  <c r="WES53" i="1" s="1"/>
  <c r="WET53" i="1" s="1"/>
  <c r="WEU53" i="1" s="1"/>
  <c r="WEV53" i="1" s="1"/>
  <c r="WEW53" i="1" s="1"/>
  <c r="WEX53" i="1" s="1"/>
  <c r="WEY53" i="1" s="1"/>
  <c r="WEZ53" i="1" s="1"/>
  <c r="WFA53" i="1" s="1"/>
  <c r="WFB53" i="1" s="1"/>
  <c r="WFC53" i="1" s="1"/>
  <c r="WFD53" i="1" s="1"/>
  <c r="WFE53" i="1" s="1"/>
  <c r="WFF53" i="1" s="1"/>
  <c r="WFG53" i="1" s="1"/>
  <c r="WFH53" i="1" s="1"/>
  <c r="WFI53" i="1" s="1"/>
  <c r="WFJ53" i="1" s="1"/>
  <c r="WFK53" i="1" s="1"/>
  <c r="WFL53" i="1" s="1"/>
  <c r="WFM53" i="1" s="1"/>
  <c r="WFN53" i="1" s="1"/>
  <c r="WFO53" i="1" s="1"/>
  <c r="WFP53" i="1" s="1"/>
  <c r="WFQ53" i="1" s="1"/>
  <c r="WFR53" i="1" s="1"/>
  <c r="WFS53" i="1" s="1"/>
  <c r="WFT53" i="1" s="1"/>
  <c r="WFU53" i="1" s="1"/>
  <c r="WFV53" i="1" s="1"/>
  <c r="WFW53" i="1" s="1"/>
  <c r="WFX53" i="1" s="1"/>
  <c r="WFY53" i="1" s="1"/>
  <c r="WFZ53" i="1" s="1"/>
  <c r="WGA53" i="1" s="1"/>
  <c r="WGB53" i="1" s="1"/>
  <c r="WGC53" i="1" s="1"/>
  <c r="WGD53" i="1" s="1"/>
  <c r="WGE53" i="1" s="1"/>
  <c r="WGF53" i="1" s="1"/>
  <c r="WGG53" i="1" s="1"/>
  <c r="WGH53" i="1" s="1"/>
  <c r="WGI53" i="1" s="1"/>
  <c r="WGJ53" i="1" s="1"/>
  <c r="WGK53" i="1" s="1"/>
  <c r="WGL53" i="1" s="1"/>
  <c r="WGM53" i="1" s="1"/>
  <c r="WGN53" i="1" s="1"/>
  <c r="WGO53" i="1" s="1"/>
  <c r="WGP53" i="1" s="1"/>
  <c r="WGQ53" i="1" s="1"/>
  <c r="WGR53" i="1" s="1"/>
  <c r="WGS53" i="1" s="1"/>
  <c r="WGT53" i="1" s="1"/>
  <c r="WGU53" i="1" s="1"/>
  <c r="WGV53" i="1" s="1"/>
  <c r="WGW53" i="1" s="1"/>
  <c r="WGX53" i="1" s="1"/>
  <c r="WGY53" i="1" s="1"/>
  <c r="WGZ53" i="1" s="1"/>
  <c r="WHA53" i="1" s="1"/>
  <c r="WHB53" i="1" s="1"/>
  <c r="WHC53" i="1" s="1"/>
  <c r="WHD53" i="1" s="1"/>
  <c r="WHE53" i="1" s="1"/>
  <c r="WHF53" i="1" s="1"/>
  <c r="WHG53" i="1" s="1"/>
  <c r="WHH53" i="1" s="1"/>
  <c r="WHI53" i="1" s="1"/>
  <c r="WHJ53" i="1" s="1"/>
  <c r="WHK53" i="1" s="1"/>
  <c r="WHL53" i="1" s="1"/>
  <c r="WHM53" i="1" s="1"/>
  <c r="WHN53" i="1" s="1"/>
  <c r="WHO53" i="1" s="1"/>
  <c r="WHP53" i="1" s="1"/>
  <c r="WHQ53" i="1" s="1"/>
  <c r="WHR53" i="1" s="1"/>
  <c r="WHS53" i="1" s="1"/>
  <c r="WHT53" i="1" s="1"/>
  <c r="WHU53" i="1" s="1"/>
  <c r="WHV53" i="1" s="1"/>
  <c r="WHW53" i="1" s="1"/>
  <c r="WHX53" i="1" s="1"/>
  <c r="WHY53" i="1" s="1"/>
  <c r="WHZ53" i="1" s="1"/>
  <c r="WIA53" i="1" s="1"/>
  <c r="WIB53" i="1" s="1"/>
  <c r="WIC53" i="1" s="1"/>
  <c r="WID53" i="1" s="1"/>
  <c r="WIE53" i="1" s="1"/>
  <c r="WIF53" i="1" s="1"/>
  <c r="WIG53" i="1" s="1"/>
  <c r="WIH53" i="1" s="1"/>
  <c r="WII53" i="1" s="1"/>
  <c r="WIJ53" i="1" s="1"/>
  <c r="WIK53" i="1" s="1"/>
  <c r="WIL53" i="1" s="1"/>
  <c r="WIM53" i="1" s="1"/>
  <c r="WIN53" i="1" s="1"/>
  <c r="WIO53" i="1" s="1"/>
  <c r="WIP53" i="1" s="1"/>
  <c r="WIQ53" i="1" s="1"/>
  <c r="WIR53" i="1" s="1"/>
  <c r="WIS53" i="1" s="1"/>
  <c r="WIT53" i="1" s="1"/>
  <c r="WIU53" i="1" s="1"/>
  <c r="WIV53" i="1" s="1"/>
  <c r="WIW53" i="1" s="1"/>
  <c r="WIX53" i="1" s="1"/>
  <c r="WIY53" i="1" s="1"/>
  <c r="WIZ53" i="1" s="1"/>
  <c r="WJA53" i="1" s="1"/>
  <c r="WJB53" i="1" s="1"/>
  <c r="WJC53" i="1" s="1"/>
  <c r="WJD53" i="1" s="1"/>
  <c r="WJE53" i="1" s="1"/>
  <c r="WJF53" i="1" s="1"/>
  <c r="WJG53" i="1" s="1"/>
  <c r="WJH53" i="1" s="1"/>
  <c r="WJI53" i="1" s="1"/>
  <c r="WJJ53" i="1" s="1"/>
  <c r="WJK53" i="1" s="1"/>
  <c r="WJL53" i="1" s="1"/>
  <c r="WJM53" i="1" s="1"/>
  <c r="WJN53" i="1" s="1"/>
  <c r="WJO53" i="1" s="1"/>
  <c r="WJP53" i="1" s="1"/>
  <c r="WJQ53" i="1" s="1"/>
  <c r="WJR53" i="1" s="1"/>
  <c r="WJS53" i="1" s="1"/>
  <c r="WJT53" i="1" s="1"/>
  <c r="WJU53" i="1" s="1"/>
  <c r="WJV53" i="1" s="1"/>
  <c r="WJW53" i="1" s="1"/>
  <c r="WJX53" i="1" s="1"/>
  <c r="WJY53" i="1" s="1"/>
  <c r="WJZ53" i="1" s="1"/>
  <c r="WKA53" i="1" s="1"/>
  <c r="WKB53" i="1" s="1"/>
  <c r="WKC53" i="1" s="1"/>
  <c r="WKD53" i="1" s="1"/>
  <c r="WKE53" i="1" s="1"/>
  <c r="WKF53" i="1" s="1"/>
  <c r="WKG53" i="1" s="1"/>
  <c r="WKH53" i="1" s="1"/>
  <c r="WKI53" i="1" s="1"/>
  <c r="WKJ53" i="1" s="1"/>
  <c r="WKK53" i="1" s="1"/>
  <c r="WKL53" i="1" s="1"/>
  <c r="WKM53" i="1" s="1"/>
  <c r="WKN53" i="1" s="1"/>
  <c r="WKO53" i="1" s="1"/>
  <c r="WKP53" i="1" s="1"/>
  <c r="WKQ53" i="1" s="1"/>
  <c r="WKR53" i="1" s="1"/>
  <c r="WKS53" i="1" s="1"/>
  <c r="WKT53" i="1" s="1"/>
  <c r="WKU53" i="1" s="1"/>
  <c r="WKV53" i="1" s="1"/>
  <c r="WKW53" i="1" s="1"/>
  <c r="WKX53" i="1" s="1"/>
  <c r="WKY53" i="1" s="1"/>
  <c r="WKZ53" i="1" s="1"/>
  <c r="WLA53" i="1" s="1"/>
  <c r="WLB53" i="1" s="1"/>
  <c r="WLC53" i="1" s="1"/>
  <c r="WLD53" i="1" s="1"/>
  <c r="WLE53" i="1" s="1"/>
  <c r="WLF53" i="1" s="1"/>
  <c r="WLG53" i="1" s="1"/>
  <c r="WLH53" i="1" s="1"/>
  <c r="WLI53" i="1" s="1"/>
  <c r="WLJ53" i="1" s="1"/>
  <c r="WLK53" i="1" s="1"/>
  <c r="WLL53" i="1" s="1"/>
  <c r="WLM53" i="1" s="1"/>
  <c r="WLN53" i="1" s="1"/>
  <c r="WLO53" i="1" s="1"/>
  <c r="WLP53" i="1" s="1"/>
  <c r="WLQ53" i="1" s="1"/>
  <c r="WLR53" i="1" s="1"/>
  <c r="WLS53" i="1" s="1"/>
  <c r="WLT53" i="1" s="1"/>
  <c r="WLU53" i="1" s="1"/>
  <c r="WLV53" i="1" s="1"/>
  <c r="WLW53" i="1" s="1"/>
  <c r="WLX53" i="1" s="1"/>
  <c r="WLY53" i="1" s="1"/>
  <c r="WLZ53" i="1" s="1"/>
  <c r="WMA53" i="1" s="1"/>
  <c r="WMB53" i="1" s="1"/>
  <c r="WMC53" i="1" s="1"/>
  <c r="WMD53" i="1" s="1"/>
  <c r="WME53" i="1" s="1"/>
  <c r="WMF53" i="1" s="1"/>
  <c r="WMG53" i="1" s="1"/>
  <c r="WMH53" i="1" s="1"/>
  <c r="WMI53" i="1" s="1"/>
  <c r="WMJ53" i="1" s="1"/>
  <c r="WMK53" i="1" s="1"/>
  <c r="WML53" i="1" s="1"/>
  <c r="WMM53" i="1" s="1"/>
  <c r="WMN53" i="1" s="1"/>
  <c r="WMO53" i="1" s="1"/>
  <c r="WMP53" i="1" s="1"/>
  <c r="WMQ53" i="1" s="1"/>
  <c r="WMR53" i="1" s="1"/>
  <c r="WMS53" i="1" s="1"/>
  <c r="WMT53" i="1" s="1"/>
  <c r="WMU53" i="1" s="1"/>
  <c r="WMV53" i="1" s="1"/>
  <c r="WMW53" i="1" s="1"/>
  <c r="WMX53" i="1" s="1"/>
  <c r="WMY53" i="1" s="1"/>
  <c r="WMZ53" i="1" s="1"/>
  <c r="WNA53" i="1" s="1"/>
  <c r="WNB53" i="1" s="1"/>
  <c r="WNC53" i="1" s="1"/>
  <c r="WND53" i="1" s="1"/>
  <c r="WNE53" i="1" s="1"/>
  <c r="WNF53" i="1" s="1"/>
  <c r="WNG53" i="1" s="1"/>
  <c r="WNH53" i="1" s="1"/>
  <c r="WNI53" i="1" s="1"/>
  <c r="WNJ53" i="1" s="1"/>
  <c r="WNK53" i="1" s="1"/>
  <c r="WNL53" i="1" s="1"/>
  <c r="WNM53" i="1" s="1"/>
  <c r="WNN53" i="1" s="1"/>
  <c r="WNO53" i="1" s="1"/>
  <c r="WNP53" i="1" s="1"/>
  <c r="WNQ53" i="1" s="1"/>
  <c r="WNR53" i="1" s="1"/>
  <c r="WNS53" i="1" s="1"/>
  <c r="WNT53" i="1" s="1"/>
  <c r="WNU53" i="1" s="1"/>
  <c r="WNV53" i="1" s="1"/>
  <c r="WNW53" i="1" s="1"/>
  <c r="WNX53" i="1" s="1"/>
  <c r="WNY53" i="1" s="1"/>
  <c r="WNZ53" i="1" s="1"/>
  <c r="WOA53" i="1" s="1"/>
  <c r="WOB53" i="1" s="1"/>
  <c r="WOC53" i="1" s="1"/>
  <c r="WOD53" i="1" s="1"/>
  <c r="WOE53" i="1" s="1"/>
  <c r="WOF53" i="1" s="1"/>
  <c r="WOG53" i="1" s="1"/>
  <c r="WOH53" i="1" s="1"/>
  <c r="WOI53" i="1" s="1"/>
  <c r="WOJ53" i="1" s="1"/>
  <c r="WOK53" i="1" s="1"/>
  <c r="WOL53" i="1" s="1"/>
  <c r="WOM53" i="1" s="1"/>
  <c r="WON53" i="1" s="1"/>
  <c r="WOO53" i="1" s="1"/>
  <c r="WOP53" i="1" s="1"/>
  <c r="WOQ53" i="1" s="1"/>
  <c r="WOR53" i="1" s="1"/>
  <c r="WOS53" i="1" s="1"/>
  <c r="WOT53" i="1" s="1"/>
  <c r="WOU53" i="1" s="1"/>
  <c r="WOV53" i="1" s="1"/>
  <c r="WOW53" i="1" s="1"/>
  <c r="WOX53" i="1" s="1"/>
  <c r="WOY53" i="1" s="1"/>
  <c r="WOZ53" i="1" s="1"/>
  <c r="WPA53" i="1" s="1"/>
  <c r="WPB53" i="1" s="1"/>
  <c r="WPC53" i="1" s="1"/>
  <c r="WPD53" i="1" s="1"/>
  <c r="WPE53" i="1" s="1"/>
  <c r="WPF53" i="1" s="1"/>
  <c r="WPG53" i="1" s="1"/>
  <c r="WPH53" i="1" s="1"/>
  <c r="WPI53" i="1" s="1"/>
  <c r="WPJ53" i="1" s="1"/>
  <c r="WPK53" i="1" s="1"/>
  <c r="WPL53" i="1" s="1"/>
  <c r="WPM53" i="1" s="1"/>
  <c r="WPN53" i="1" s="1"/>
  <c r="WPO53" i="1" s="1"/>
  <c r="WPP53" i="1" s="1"/>
  <c r="WPQ53" i="1" s="1"/>
  <c r="WPR53" i="1" s="1"/>
  <c r="WPS53" i="1" s="1"/>
  <c r="WPT53" i="1" s="1"/>
  <c r="WPU53" i="1" s="1"/>
  <c r="WPV53" i="1" s="1"/>
  <c r="WPW53" i="1" s="1"/>
  <c r="WPX53" i="1" s="1"/>
  <c r="WPY53" i="1" s="1"/>
  <c r="WPZ53" i="1" s="1"/>
  <c r="WQA53" i="1" s="1"/>
  <c r="WQB53" i="1" s="1"/>
  <c r="WQC53" i="1" s="1"/>
  <c r="WQD53" i="1" s="1"/>
  <c r="WQE53" i="1" s="1"/>
  <c r="WQF53" i="1" s="1"/>
  <c r="WQG53" i="1" s="1"/>
  <c r="WQH53" i="1" s="1"/>
  <c r="WQI53" i="1" s="1"/>
  <c r="WQJ53" i="1" s="1"/>
  <c r="WQK53" i="1" s="1"/>
  <c r="WQL53" i="1" s="1"/>
  <c r="WQM53" i="1" s="1"/>
  <c r="WQN53" i="1" s="1"/>
  <c r="WQO53" i="1" s="1"/>
  <c r="WQP53" i="1" s="1"/>
  <c r="WQQ53" i="1" s="1"/>
  <c r="WQR53" i="1" s="1"/>
  <c r="WQS53" i="1" s="1"/>
  <c r="WQT53" i="1" s="1"/>
  <c r="WQU53" i="1" s="1"/>
  <c r="WQV53" i="1" s="1"/>
  <c r="WQW53" i="1" s="1"/>
  <c r="WQX53" i="1" s="1"/>
  <c r="WQY53" i="1" s="1"/>
  <c r="WQZ53" i="1" s="1"/>
  <c r="WRA53" i="1" s="1"/>
  <c r="WRB53" i="1" s="1"/>
  <c r="WRC53" i="1" s="1"/>
  <c r="WRD53" i="1" s="1"/>
  <c r="WRE53" i="1" s="1"/>
  <c r="WRF53" i="1" s="1"/>
  <c r="WRG53" i="1" s="1"/>
  <c r="WRH53" i="1" s="1"/>
  <c r="WRI53" i="1" s="1"/>
  <c r="WRJ53" i="1" s="1"/>
  <c r="WRK53" i="1" s="1"/>
  <c r="WRL53" i="1" s="1"/>
  <c r="WRM53" i="1" s="1"/>
  <c r="WRN53" i="1" s="1"/>
  <c r="WRO53" i="1" s="1"/>
  <c r="WRP53" i="1" s="1"/>
  <c r="WRQ53" i="1" s="1"/>
  <c r="WRR53" i="1" s="1"/>
  <c r="WRS53" i="1" s="1"/>
  <c r="WRT53" i="1" s="1"/>
  <c r="WRU53" i="1" s="1"/>
  <c r="WRV53" i="1" s="1"/>
  <c r="WRW53" i="1" s="1"/>
  <c r="WRX53" i="1" s="1"/>
  <c r="WRY53" i="1" s="1"/>
  <c r="WRZ53" i="1" s="1"/>
  <c r="WSA53" i="1" s="1"/>
  <c r="WSB53" i="1" s="1"/>
  <c r="WSC53" i="1" s="1"/>
  <c r="WSD53" i="1" s="1"/>
  <c r="WSE53" i="1" s="1"/>
  <c r="WSF53" i="1" s="1"/>
  <c r="WSG53" i="1" s="1"/>
  <c r="WSH53" i="1" s="1"/>
  <c r="WSI53" i="1" s="1"/>
  <c r="WSJ53" i="1" s="1"/>
  <c r="WSK53" i="1" s="1"/>
  <c r="WSL53" i="1" s="1"/>
  <c r="WSM53" i="1" s="1"/>
  <c r="WSN53" i="1" s="1"/>
  <c r="WSO53" i="1" s="1"/>
  <c r="WSP53" i="1" s="1"/>
  <c r="WSQ53" i="1" s="1"/>
  <c r="WSR53" i="1" s="1"/>
  <c r="WSS53" i="1" s="1"/>
  <c r="WST53" i="1" s="1"/>
  <c r="WSU53" i="1" s="1"/>
  <c r="WSV53" i="1" s="1"/>
  <c r="WSW53" i="1" s="1"/>
  <c r="WSX53" i="1" s="1"/>
  <c r="WSY53" i="1" s="1"/>
  <c r="WSZ53" i="1" s="1"/>
  <c r="WTA53" i="1" s="1"/>
  <c r="WTB53" i="1" s="1"/>
  <c r="WTC53" i="1" s="1"/>
  <c r="WTD53" i="1" s="1"/>
  <c r="WTE53" i="1" s="1"/>
  <c r="WTF53" i="1" s="1"/>
  <c r="WTG53" i="1" s="1"/>
  <c r="WTH53" i="1" s="1"/>
  <c r="WTI53" i="1" s="1"/>
  <c r="WTJ53" i="1" s="1"/>
  <c r="WTK53" i="1" s="1"/>
  <c r="WTL53" i="1" s="1"/>
  <c r="WTM53" i="1" s="1"/>
  <c r="WTN53" i="1" s="1"/>
  <c r="WTO53" i="1" s="1"/>
  <c r="WTP53" i="1" s="1"/>
  <c r="WTQ53" i="1" s="1"/>
  <c r="WTR53" i="1" s="1"/>
  <c r="WTS53" i="1" s="1"/>
  <c r="WTT53" i="1" s="1"/>
  <c r="WTU53" i="1" s="1"/>
  <c r="WTV53" i="1" s="1"/>
  <c r="WTW53" i="1" s="1"/>
  <c r="WTX53" i="1" s="1"/>
  <c r="WTY53" i="1" s="1"/>
  <c r="WTZ53" i="1" s="1"/>
  <c r="WUA53" i="1" s="1"/>
  <c r="WUB53" i="1" s="1"/>
  <c r="WUC53" i="1" s="1"/>
  <c r="WUD53" i="1" s="1"/>
  <c r="WUE53" i="1" s="1"/>
  <c r="WUF53" i="1" s="1"/>
  <c r="WUG53" i="1" s="1"/>
  <c r="WUH53" i="1" s="1"/>
  <c r="WUI53" i="1" s="1"/>
  <c r="WUJ53" i="1" s="1"/>
  <c r="WUK53" i="1" s="1"/>
  <c r="WUL53" i="1" s="1"/>
  <c r="WUM53" i="1" s="1"/>
  <c r="WUN53" i="1" s="1"/>
  <c r="WUO53" i="1" s="1"/>
  <c r="WUP53" i="1" s="1"/>
  <c r="WUQ53" i="1" s="1"/>
  <c r="WUR53" i="1" s="1"/>
  <c r="WUS53" i="1" s="1"/>
  <c r="WUT53" i="1" s="1"/>
  <c r="WUU53" i="1" s="1"/>
  <c r="WUV53" i="1" s="1"/>
  <c r="WUW53" i="1" s="1"/>
  <c r="WUX53" i="1" s="1"/>
  <c r="WUY53" i="1" s="1"/>
  <c r="WUZ53" i="1" s="1"/>
  <c r="WVA53" i="1" s="1"/>
  <c r="WVB53" i="1" s="1"/>
  <c r="WVC53" i="1" s="1"/>
  <c r="WVD53" i="1" s="1"/>
  <c r="WVE53" i="1" s="1"/>
  <c r="WVF53" i="1" s="1"/>
  <c r="WVG53" i="1" s="1"/>
  <c r="WVH53" i="1" s="1"/>
  <c r="WVI53" i="1" s="1"/>
  <c r="WVJ53" i="1" s="1"/>
  <c r="WVK53" i="1" s="1"/>
  <c r="WVL53" i="1" s="1"/>
  <c r="WVM53" i="1" s="1"/>
  <c r="WVN53" i="1" s="1"/>
  <c r="WVO53" i="1" s="1"/>
  <c r="WVP53" i="1" s="1"/>
  <c r="WVQ53" i="1" s="1"/>
  <c r="WVR53" i="1" s="1"/>
  <c r="WVS53" i="1" s="1"/>
  <c r="WVT53" i="1" s="1"/>
  <c r="WVU53" i="1" s="1"/>
  <c r="WVV53" i="1" s="1"/>
  <c r="WVW53" i="1" s="1"/>
  <c r="WVX53" i="1" s="1"/>
  <c r="WVY53" i="1" s="1"/>
  <c r="WVZ53" i="1" s="1"/>
  <c r="WWA53" i="1" s="1"/>
  <c r="WWB53" i="1" s="1"/>
  <c r="WWC53" i="1" s="1"/>
  <c r="WWD53" i="1" s="1"/>
  <c r="WWE53" i="1" s="1"/>
  <c r="WWF53" i="1" s="1"/>
  <c r="WWG53" i="1" s="1"/>
  <c r="WWH53" i="1" s="1"/>
  <c r="WWI53" i="1" s="1"/>
  <c r="WWJ53" i="1" s="1"/>
  <c r="WWK53" i="1" s="1"/>
  <c r="WWL53" i="1" s="1"/>
  <c r="WWM53" i="1" s="1"/>
  <c r="WWN53" i="1" s="1"/>
  <c r="WWO53" i="1" s="1"/>
  <c r="WWP53" i="1" s="1"/>
  <c r="WWQ53" i="1" s="1"/>
  <c r="WWR53" i="1" s="1"/>
  <c r="WWS53" i="1" s="1"/>
  <c r="WWT53" i="1" s="1"/>
  <c r="WWU53" i="1" s="1"/>
  <c r="WWV53" i="1" s="1"/>
  <c r="WWW53" i="1" s="1"/>
  <c r="WWX53" i="1" s="1"/>
  <c r="WWY53" i="1" s="1"/>
  <c r="WWZ53" i="1" s="1"/>
  <c r="WXA53" i="1" s="1"/>
  <c r="WXB53" i="1" s="1"/>
  <c r="WXC53" i="1" s="1"/>
  <c r="WXD53" i="1" s="1"/>
  <c r="WXE53" i="1" s="1"/>
  <c r="WXF53" i="1" s="1"/>
  <c r="WXG53" i="1" s="1"/>
  <c r="WXH53" i="1" s="1"/>
  <c r="WXI53" i="1" s="1"/>
  <c r="WXJ53" i="1" s="1"/>
  <c r="WXK53" i="1" s="1"/>
  <c r="WXL53" i="1" s="1"/>
  <c r="WXM53" i="1" s="1"/>
  <c r="WXN53" i="1" s="1"/>
  <c r="WXO53" i="1" s="1"/>
  <c r="WXP53" i="1" s="1"/>
  <c r="WXQ53" i="1" s="1"/>
  <c r="WXR53" i="1" s="1"/>
  <c r="WXS53" i="1" s="1"/>
  <c r="WXT53" i="1" s="1"/>
  <c r="WXU53" i="1" s="1"/>
  <c r="WXV53" i="1" s="1"/>
  <c r="WXW53" i="1" s="1"/>
  <c r="WXX53" i="1" s="1"/>
  <c r="WXY53" i="1" s="1"/>
  <c r="WXZ53" i="1" s="1"/>
  <c r="WYA53" i="1" s="1"/>
  <c r="WYB53" i="1" s="1"/>
  <c r="WYC53" i="1" s="1"/>
  <c r="WYD53" i="1" s="1"/>
  <c r="WYE53" i="1" s="1"/>
  <c r="WYF53" i="1" s="1"/>
  <c r="WYG53" i="1" s="1"/>
  <c r="WYH53" i="1" s="1"/>
  <c r="WYI53" i="1" s="1"/>
  <c r="WYJ53" i="1" s="1"/>
  <c r="WYK53" i="1" s="1"/>
  <c r="WYL53" i="1" s="1"/>
  <c r="WYM53" i="1" s="1"/>
  <c r="WYN53" i="1" s="1"/>
  <c r="WYO53" i="1" s="1"/>
  <c r="WYP53" i="1" s="1"/>
  <c r="WYQ53" i="1" s="1"/>
  <c r="WYR53" i="1" s="1"/>
  <c r="WYS53" i="1" s="1"/>
  <c r="WYT53" i="1" s="1"/>
  <c r="WYU53" i="1" s="1"/>
  <c r="WYV53" i="1" s="1"/>
  <c r="WYW53" i="1" s="1"/>
  <c r="WYX53" i="1" s="1"/>
  <c r="WYY53" i="1" s="1"/>
  <c r="WYZ53" i="1" s="1"/>
  <c r="WZA53" i="1" s="1"/>
  <c r="WZB53" i="1" s="1"/>
  <c r="WZC53" i="1" s="1"/>
  <c r="WZD53" i="1" s="1"/>
  <c r="WZE53" i="1" s="1"/>
  <c r="WZF53" i="1" s="1"/>
  <c r="WZG53" i="1" s="1"/>
  <c r="WZH53" i="1" s="1"/>
  <c r="WZI53" i="1" s="1"/>
  <c r="WZJ53" i="1" s="1"/>
  <c r="WZK53" i="1" s="1"/>
  <c r="WZL53" i="1" s="1"/>
  <c r="WZM53" i="1" s="1"/>
  <c r="WZN53" i="1" s="1"/>
  <c r="WZO53" i="1" s="1"/>
  <c r="WZP53" i="1" s="1"/>
  <c r="WZQ53" i="1" s="1"/>
  <c r="WZR53" i="1" s="1"/>
  <c r="WZS53" i="1" s="1"/>
  <c r="WZT53" i="1" s="1"/>
  <c r="WZU53" i="1" s="1"/>
  <c r="WZV53" i="1" s="1"/>
  <c r="WZW53" i="1" s="1"/>
  <c r="WZX53" i="1" s="1"/>
  <c r="WZY53" i="1" s="1"/>
  <c r="WZZ53" i="1" s="1"/>
  <c r="XAA53" i="1" s="1"/>
  <c r="XAB53" i="1" s="1"/>
  <c r="XAC53" i="1" s="1"/>
  <c r="XAD53" i="1" s="1"/>
  <c r="XAE53" i="1" s="1"/>
  <c r="XAF53" i="1" s="1"/>
  <c r="XAG53" i="1" s="1"/>
  <c r="XAH53" i="1" s="1"/>
  <c r="XAI53" i="1" s="1"/>
  <c r="XAJ53" i="1" s="1"/>
  <c r="XAK53" i="1" s="1"/>
  <c r="XAL53" i="1" s="1"/>
  <c r="XAM53" i="1" s="1"/>
  <c r="XAN53" i="1" s="1"/>
  <c r="XAO53" i="1" s="1"/>
  <c r="XAP53" i="1" s="1"/>
  <c r="XAQ53" i="1" s="1"/>
  <c r="XAR53" i="1" s="1"/>
  <c r="XAS53" i="1" s="1"/>
  <c r="XAT53" i="1" s="1"/>
  <c r="XAU53" i="1" s="1"/>
  <c r="XAV53" i="1" s="1"/>
  <c r="XAW53" i="1" s="1"/>
  <c r="XAX53" i="1" s="1"/>
  <c r="XAY53" i="1" s="1"/>
  <c r="XAZ53" i="1" s="1"/>
  <c r="XBA53" i="1" s="1"/>
  <c r="XBB53" i="1" s="1"/>
  <c r="XBC53" i="1" s="1"/>
  <c r="XBD53" i="1" s="1"/>
  <c r="XBE53" i="1" s="1"/>
  <c r="XBF53" i="1" s="1"/>
  <c r="XBG53" i="1" s="1"/>
  <c r="XBH53" i="1" s="1"/>
  <c r="XBI53" i="1" s="1"/>
  <c r="XBJ53" i="1" s="1"/>
  <c r="XBK53" i="1" s="1"/>
  <c r="XBL53" i="1" s="1"/>
  <c r="XBM53" i="1" s="1"/>
  <c r="XBN53" i="1" s="1"/>
  <c r="XBO53" i="1" s="1"/>
  <c r="XBP53" i="1" s="1"/>
  <c r="XBQ53" i="1" s="1"/>
  <c r="XBR53" i="1" s="1"/>
  <c r="XBS53" i="1" s="1"/>
  <c r="XBT53" i="1" s="1"/>
  <c r="XBU53" i="1" s="1"/>
  <c r="XBV53" i="1" s="1"/>
  <c r="XBW53" i="1" s="1"/>
  <c r="XBX53" i="1" s="1"/>
  <c r="XBY53" i="1" s="1"/>
  <c r="XBZ53" i="1" s="1"/>
  <c r="XCA53" i="1" s="1"/>
  <c r="XCB53" i="1" s="1"/>
  <c r="XCC53" i="1" s="1"/>
  <c r="XCD53" i="1" s="1"/>
  <c r="XCE53" i="1" s="1"/>
  <c r="XCF53" i="1" s="1"/>
  <c r="XCG53" i="1" s="1"/>
  <c r="XCH53" i="1" s="1"/>
  <c r="XCI53" i="1" s="1"/>
  <c r="XCJ53" i="1" s="1"/>
  <c r="XCK53" i="1" s="1"/>
  <c r="XCL53" i="1" s="1"/>
  <c r="XCM53" i="1" s="1"/>
  <c r="XCN53" i="1" s="1"/>
  <c r="XCO53" i="1" s="1"/>
  <c r="XCP53" i="1" s="1"/>
  <c r="XCQ53" i="1" s="1"/>
  <c r="XCR53" i="1" s="1"/>
  <c r="XCS53" i="1" s="1"/>
  <c r="XCT53" i="1" s="1"/>
  <c r="XCU53" i="1" s="1"/>
  <c r="XCV53" i="1" s="1"/>
  <c r="XCW53" i="1" s="1"/>
  <c r="XCX53" i="1" s="1"/>
  <c r="XCY53" i="1" s="1"/>
  <c r="XCZ53" i="1" s="1"/>
  <c r="XDA53" i="1" s="1"/>
  <c r="XDB53" i="1" s="1"/>
  <c r="XDC53" i="1" s="1"/>
  <c r="XDD53" i="1" s="1"/>
  <c r="XDE53" i="1" s="1"/>
  <c r="XDF53" i="1" s="1"/>
  <c r="XDG53" i="1" s="1"/>
  <c r="XDH53" i="1" s="1"/>
  <c r="XDI53" i="1" s="1"/>
  <c r="XDJ53" i="1" s="1"/>
  <c r="XDK53" i="1" s="1"/>
  <c r="XDL53" i="1" s="1"/>
  <c r="XDM53" i="1" s="1"/>
  <c r="XDN53" i="1" s="1"/>
  <c r="XDO53" i="1" s="1"/>
  <c r="XDP53" i="1" s="1"/>
  <c r="XDQ53" i="1" s="1"/>
  <c r="XDR53" i="1" s="1"/>
  <c r="XDS53" i="1" s="1"/>
  <c r="XDT53" i="1" s="1"/>
  <c r="XDU53" i="1" s="1"/>
  <c r="XDV53" i="1" s="1"/>
  <c r="XDW53" i="1" s="1"/>
  <c r="XDX53" i="1" s="1"/>
  <c r="XDY53" i="1" s="1"/>
  <c r="XDZ53" i="1" s="1"/>
  <c r="XEA53" i="1" s="1"/>
  <c r="XEB53" i="1" s="1"/>
  <c r="XEC53" i="1" s="1"/>
  <c r="XED53" i="1" s="1"/>
  <c r="XEE53" i="1" s="1"/>
  <c r="XEF53" i="1" s="1"/>
  <c r="XEG53" i="1" s="1"/>
  <c r="XEH53" i="1" s="1"/>
  <c r="XEI53" i="1" s="1"/>
  <c r="XEJ53" i="1" s="1"/>
  <c r="XEK53" i="1" s="1"/>
  <c r="XEL53" i="1" s="1"/>
  <c r="XEM53" i="1" s="1"/>
  <c r="XEN53" i="1" s="1"/>
  <c r="XEO53" i="1" s="1"/>
  <c r="XEP53" i="1" s="1"/>
  <c r="XEQ53" i="1" s="1"/>
  <c r="XER53" i="1" s="1"/>
  <c r="XES53" i="1" s="1"/>
  <c r="XET53" i="1" s="1"/>
  <c r="XEU53" i="1" s="1"/>
  <c r="XEV53" i="1" s="1"/>
  <c r="XEW53" i="1" s="1"/>
  <c r="XEX53" i="1" s="1"/>
  <c r="XEY53" i="1" s="1"/>
  <c r="XEZ53" i="1" s="1"/>
  <c r="XFA53" i="1" s="1"/>
  <c r="XFB53" i="1" s="1"/>
  <c r="XFC53" i="1" s="1"/>
  <c r="XFD53" i="1" s="1"/>
  <c r="AZ70" i="1"/>
  <c r="L14" i="1"/>
  <c r="K18" i="1"/>
  <c r="Q33" i="1"/>
  <c r="Y33" i="1"/>
  <c r="AG33" i="1"/>
  <c r="AO33" i="1"/>
  <c r="AW33" i="1"/>
  <c r="BE33" i="1"/>
  <c r="AJ70" i="1"/>
  <c r="M70" i="1"/>
  <c r="U70" i="1"/>
  <c r="AC70" i="1"/>
  <c r="AK70" i="1"/>
  <c r="AS70" i="1"/>
  <c r="BA70" i="1"/>
  <c r="BI70" i="1"/>
  <c r="BQ70" i="1"/>
  <c r="N70" i="1"/>
  <c r="V70" i="1"/>
  <c r="AD70" i="1"/>
  <c r="AL70" i="1"/>
  <c r="AT70" i="1"/>
  <c r="BB70" i="1"/>
  <c r="BJ70" i="1"/>
  <c r="R32" i="1"/>
  <c r="Z32" i="1"/>
  <c r="AH32" i="1"/>
  <c r="AP32" i="1"/>
  <c r="AX32" i="1"/>
  <c r="BF32" i="1"/>
  <c r="BN32" i="1"/>
  <c r="H54" i="1"/>
  <c r="H55" i="1"/>
  <c r="M12" i="1" l="1"/>
  <c r="M13" i="1"/>
  <c r="J67" i="1"/>
  <c r="K40" i="1"/>
  <c r="J40" i="1"/>
  <c r="J63" i="1" s="1"/>
  <c r="J64" i="1"/>
  <c r="K56" i="1"/>
  <c r="M59" i="1"/>
  <c r="N12" i="1"/>
  <c r="L56" i="1"/>
  <c r="M52" i="1"/>
  <c r="L40" i="1"/>
  <c r="M19" i="1"/>
  <c r="L18" i="1"/>
  <c r="K39" i="1"/>
  <c r="L61" i="1"/>
  <c r="M14" i="1"/>
  <c r="K21" i="1"/>
  <c r="J42" i="1"/>
  <c r="K20" i="1"/>
  <c r="J41" i="1"/>
  <c r="H53" i="1"/>
  <c r="M60" i="1"/>
  <c r="N13" i="1"/>
  <c r="L15" i="1"/>
  <c r="L67" i="1" l="1"/>
  <c r="K67" i="1"/>
  <c r="J65" i="1"/>
  <c r="J68" i="1" s="1"/>
  <c r="J69" i="1" s="1"/>
  <c r="N60" i="1"/>
  <c r="O13" i="1"/>
  <c r="L39" i="1"/>
  <c r="M18" i="1"/>
  <c r="K41" i="1"/>
  <c r="L20" i="1"/>
  <c r="K64" i="1"/>
  <c r="L21" i="1"/>
  <c r="K42" i="1"/>
  <c r="M56" i="1"/>
  <c r="N52" i="1"/>
  <c r="M40" i="1"/>
  <c r="N19" i="1"/>
  <c r="N59" i="1"/>
  <c r="O12" i="1"/>
  <c r="M61" i="1"/>
  <c r="N14" i="1"/>
  <c r="M15" i="1"/>
  <c r="M67" i="1" l="1"/>
  <c r="J71" i="1"/>
  <c r="J72" i="1" s="1"/>
  <c r="N61" i="1"/>
  <c r="O14" i="1"/>
  <c r="M20" i="1"/>
  <c r="L41" i="1"/>
  <c r="O60" i="1"/>
  <c r="P13" i="1"/>
  <c r="K63" i="1"/>
  <c r="K65" i="1" s="1"/>
  <c r="K68" i="1" s="1"/>
  <c r="K69" i="1" s="1"/>
  <c r="M39" i="1"/>
  <c r="N18" i="1"/>
  <c r="M21" i="1"/>
  <c r="L42" i="1"/>
  <c r="N56" i="1"/>
  <c r="O52" i="1"/>
  <c r="N40" i="1"/>
  <c r="O19" i="1"/>
  <c r="L64" i="1"/>
  <c r="N15" i="1"/>
  <c r="O59" i="1"/>
  <c r="P12" i="1"/>
  <c r="N67" i="1" l="1"/>
  <c r="M42" i="1"/>
  <c r="N21" i="1"/>
  <c r="O18" i="1"/>
  <c r="N39" i="1"/>
  <c r="N20" i="1"/>
  <c r="M41" i="1"/>
  <c r="M64" i="1"/>
  <c r="O61" i="1"/>
  <c r="P14" i="1"/>
  <c r="L63" i="1"/>
  <c r="L65" i="1" s="1"/>
  <c r="L68" i="1" s="1"/>
  <c r="L69" i="1" s="1"/>
  <c r="K71" i="1"/>
  <c r="K72" i="1" s="1"/>
  <c r="P59" i="1"/>
  <c r="Q12" i="1"/>
  <c r="O15" i="1"/>
  <c r="O40" i="1"/>
  <c r="P19" i="1"/>
  <c r="O56" i="1"/>
  <c r="P52" i="1"/>
  <c r="P60" i="1"/>
  <c r="Q13" i="1"/>
  <c r="O67" i="1" l="1"/>
  <c r="P15" i="1"/>
  <c r="Q60" i="1"/>
  <c r="R13" i="1"/>
  <c r="Q59" i="1"/>
  <c r="R12" i="1"/>
  <c r="P61" i="1"/>
  <c r="Q14" i="1"/>
  <c r="P56" i="1"/>
  <c r="Q52" i="1"/>
  <c r="N64" i="1"/>
  <c r="Q19" i="1"/>
  <c r="P40" i="1"/>
  <c r="P18" i="1"/>
  <c r="O39" i="1"/>
  <c r="M63" i="1"/>
  <c r="M65" i="1" s="1"/>
  <c r="M68" i="1" s="1"/>
  <c r="M69" i="1" s="1"/>
  <c r="N42" i="1"/>
  <c r="O21" i="1"/>
  <c r="L71" i="1"/>
  <c r="L72" i="1" s="1"/>
  <c r="N41" i="1"/>
  <c r="O20" i="1"/>
  <c r="P67" i="1" l="1"/>
  <c r="Q15" i="1"/>
  <c r="O42" i="1"/>
  <c r="P21" i="1"/>
  <c r="M71" i="1"/>
  <c r="M72" i="1" s="1"/>
  <c r="R19" i="1"/>
  <c r="Q40" i="1"/>
  <c r="R60" i="1"/>
  <c r="S13" i="1"/>
  <c r="R59" i="1"/>
  <c r="S12" i="1"/>
  <c r="O41" i="1"/>
  <c r="P20" i="1"/>
  <c r="O64" i="1"/>
  <c r="N63" i="1"/>
  <c r="N65" i="1" s="1"/>
  <c r="N68" i="1" s="1"/>
  <c r="N69" i="1" s="1"/>
  <c r="Q18" i="1"/>
  <c r="P39" i="1"/>
  <c r="Q56" i="1"/>
  <c r="R52" i="1"/>
  <c r="Q61" i="1"/>
  <c r="R14" i="1"/>
  <c r="Q67" i="1" l="1"/>
  <c r="N71" i="1"/>
  <c r="N72" i="1" s="1"/>
  <c r="S59" i="1"/>
  <c r="T12" i="1"/>
  <c r="S60" i="1"/>
  <c r="T13" i="1"/>
  <c r="R15" i="1"/>
  <c r="R56" i="1"/>
  <c r="S52" i="1"/>
  <c r="P64" i="1"/>
  <c r="S19" i="1"/>
  <c r="R40" i="1"/>
  <c r="R18" i="1"/>
  <c r="Q39" i="1"/>
  <c r="R61" i="1"/>
  <c r="S14" i="1"/>
  <c r="O63" i="1"/>
  <c r="O65" i="1" s="1"/>
  <c r="O68" i="1" s="1"/>
  <c r="O69" i="1" s="1"/>
  <c r="P41" i="1"/>
  <c r="Q20" i="1"/>
  <c r="Q21" i="1"/>
  <c r="P42" i="1"/>
  <c r="R67" i="1" l="1"/>
  <c r="S15" i="1"/>
  <c r="S56" i="1"/>
  <c r="T52" i="1"/>
  <c r="O71" i="1"/>
  <c r="O72" i="1" s="1"/>
  <c r="R21" i="1"/>
  <c r="Q42" i="1"/>
  <c r="T59" i="1"/>
  <c r="U12" i="1"/>
  <c r="Q41" i="1"/>
  <c r="R20" i="1"/>
  <c r="T19" i="1"/>
  <c r="S40" i="1"/>
  <c r="S61" i="1"/>
  <c r="T14" i="1"/>
  <c r="Q64" i="1"/>
  <c r="T60" i="1"/>
  <c r="U13" i="1"/>
  <c r="S18" i="1"/>
  <c r="R39" i="1"/>
  <c r="P63" i="1"/>
  <c r="P65" i="1" s="1"/>
  <c r="P68" i="1" s="1"/>
  <c r="P69" i="1" s="1"/>
  <c r="S67" i="1" l="1"/>
  <c r="T15" i="1"/>
  <c r="S20" i="1"/>
  <c r="R41" i="1"/>
  <c r="T56" i="1"/>
  <c r="U52" i="1"/>
  <c r="S21" i="1"/>
  <c r="R42" i="1"/>
  <c r="T40" i="1"/>
  <c r="U19" i="1"/>
  <c r="P71" i="1"/>
  <c r="P72" i="1" s="1"/>
  <c r="R64" i="1"/>
  <c r="T61" i="1"/>
  <c r="U14" i="1"/>
  <c r="Q63" i="1"/>
  <c r="Q65" i="1" s="1"/>
  <c r="Q68" i="1" s="1"/>
  <c r="Q69" i="1" s="1"/>
  <c r="U60" i="1"/>
  <c r="V13" i="1"/>
  <c r="T18" i="1"/>
  <c r="S39" i="1"/>
  <c r="U59" i="1"/>
  <c r="V12" i="1"/>
  <c r="T67" i="1" l="1"/>
  <c r="U15" i="1"/>
  <c r="T39" i="1"/>
  <c r="U18" i="1"/>
  <c r="S41" i="1"/>
  <c r="T20" i="1"/>
  <c r="U40" i="1"/>
  <c r="V19" i="1"/>
  <c r="T21" i="1"/>
  <c r="S42" i="1"/>
  <c r="V60" i="1"/>
  <c r="W13" i="1"/>
  <c r="R63" i="1"/>
  <c r="R65" i="1" s="1"/>
  <c r="R68" i="1" s="1"/>
  <c r="R69" i="1" s="1"/>
  <c r="V59" i="1"/>
  <c r="W12" i="1"/>
  <c r="U61" i="1"/>
  <c r="V14" i="1"/>
  <c r="Q71" i="1"/>
  <c r="Q72" i="1" s="1"/>
  <c r="S64" i="1"/>
  <c r="U56" i="1"/>
  <c r="V52" i="1"/>
  <c r="U67" i="1" l="1"/>
  <c r="V15" i="1"/>
  <c r="U20" i="1"/>
  <c r="T41" i="1"/>
  <c r="U39" i="1"/>
  <c r="V18" i="1"/>
  <c r="V56" i="1"/>
  <c r="W52" i="1"/>
  <c r="V40" i="1"/>
  <c r="W19" i="1"/>
  <c r="T64" i="1"/>
  <c r="W59" i="1"/>
  <c r="X12" i="1"/>
  <c r="S63" i="1"/>
  <c r="S65" i="1" s="1"/>
  <c r="S68" i="1" s="1"/>
  <c r="S69" i="1" s="1"/>
  <c r="W60" i="1"/>
  <c r="X13" i="1"/>
  <c r="R71" i="1"/>
  <c r="R72" i="1" s="1"/>
  <c r="V61" i="1"/>
  <c r="W14" i="1"/>
  <c r="U21" i="1"/>
  <c r="T42" i="1"/>
  <c r="V67" i="1" l="1"/>
  <c r="W56" i="1"/>
  <c r="X52" i="1"/>
  <c r="W61" i="1"/>
  <c r="X14" i="1"/>
  <c r="T63" i="1"/>
  <c r="T65" i="1" s="1"/>
  <c r="T68" i="1" s="1"/>
  <c r="T69" i="1" s="1"/>
  <c r="W18" i="1"/>
  <c r="V39" i="1"/>
  <c r="X60" i="1"/>
  <c r="Y13" i="1"/>
  <c r="U64" i="1"/>
  <c r="U41" i="1"/>
  <c r="V20" i="1"/>
  <c r="S71" i="1"/>
  <c r="S72" i="1" s="1"/>
  <c r="U42" i="1"/>
  <c r="V21" i="1"/>
  <c r="W15" i="1"/>
  <c r="X59" i="1"/>
  <c r="Y12" i="1"/>
  <c r="W40" i="1"/>
  <c r="X19" i="1"/>
  <c r="W67" i="1" l="1"/>
  <c r="T71" i="1"/>
  <c r="T72" i="1" s="1"/>
  <c r="X56" i="1"/>
  <c r="Y52" i="1"/>
  <c r="Y19" i="1"/>
  <c r="X40" i="1"/>
  <c r="V42" i="1"/>
  <c r="W21" i="1"/>
  <c r="V41" i="1"/>
  <c r="W20" i="1"/>
  <c r="U63" i="1"/>
  <c r="U65" i="1" s="1"/>
  <c r="U68" i="1" s="1"/>
  <c r="U69" i="1" s="1"/>
  <c r="X15" i="1"/>
  <c r="V64" i="1"/>
  <c r="X61" i="1"/>
  <c r="Y14" i="1"/>
  <c r="Y60" i="1"/>
  <c r="Z13" i="1"/>
  <c r="Y59" i="1"/>
  <c r="Z12" i="1"/>
  <c r="X18" i="1"/>
  <c r="W39" i="1"/>
  <c r="X67" i="1" l="1"/>
  <c r="U71" i="1"/>
  <c r="U72" i="1" s="1"/>
  <c r="Y18" i="1"/>
  <c r="X39" i="1"/>
  <c r="Z60" i="1"/>
  <c r="AA13" i="1"/>
  <c r="V63" i="1"/>
  <c r="V65" i="1" s="1"/>
  <c r="V68" i="1" s="1"/>
  <c r="V69" i="1" s="1"/>
  <c r="Z19" i="1"/>
  <c r="Y40" i="1"/>
  <c r="Y61" i="1"/>
  <c r="Z14" i="1"/>
  <c r="W41" i="1"/>
  <c r="X20" i="1"/>
  <c r="Y56" i="1"/>
  <c r="Y67" i="1" s="1"/>
  <c r="Z52" i="1"/>
  <c r="Z59" i="1"/>
  <c r="AA12" i="1"/>
  <c r="X21" i="1"/>
  <c r="W42" i="1"/>
  <c r="W64" i="1"/>
  <c r="Y15" i="1"/>
  <c r="X41" i="1" l="1"/>
  <c r="Y20" i="1"/>
  <c r="AA60" i="1"/>
  <c r="AB13" i="1"/>
  <c r="Z15" i="1"/>
  <c r="Z56" i="1"/>
  <c r="Z67" i="1" s="1"/>
  <c r="AA52" i="1"/>
  <c r="AA19" i="1"/>
  <c r="Z40" i="1"/>
  <c r="W63" i="1"/>
  <c r="W65" i="1" s="1"/>
  <c r="W68" i="1" s="1"/>
  <c r="W69" i="1" s="1"/>
  <c r="Y21" i="1"/>
  <c r="X42" i="1"/>
  <c r="AA59" i="1"/>
  <c r="AB12" i="1"/>
  <c r="Z61" i="1"/>
  <c r="AA14" i="1"/>
  <c r="V71" i="1"/>
  <c r="V72" i="1" s="1"/>
  <c r="X64" i="1"/>
  <c r="Z18" i="1"/>
  <c r="Y39" i="1"/>
  <c r="AA15" i="1" l="1"/>
  <c r="AB19" i="1"/>
  <c r="AA40" i="1"/>
  <c r="AB59" i="1"/>
  <c r="AC12" i="1"/>
  <c r="AA61" i="1"/>
  <c r="AB14" i="1"/>
  <c r="Z21" i="1"/>
  <c r="Y42" i="1"/>
  <c r="Y64" i="1"/>
  <c r="AA56" i="1"/>
  <c r="AA67" i="1" s="1"/>
  <c r="AB52" i="1"/>
  <c r="X63" i="1"/>
  <c r="X65" i="1" s="1"/>
  <c r="X68" i="1" s="1"/>
  <c r="X69" i="1" s="1"/>
  <c r="Y41" i="1"/>
  <c r="Z20" i="1"/>
  <c r="AB60" i="1"/>
  <c r="AC13" i="1"/>
  <c r="Z39" i="1"/>
  <c r="AA18" i="1"/>
  <c r="W71" i="1"/>
  <c r="W72" i="1" s="1"/>
  <c r="AB56" i="1" l="1"/>
  <c r="AB67" i="1" s="1"/>
  <c r="AC52" i="1"/>
  <c r="X71" i="1"/>
  <c r="X72" i="1" s="1"/>
  <c r="AA21" i="1"/>
  <c r="Z42" i="1"/>
  <c r="AB40" i="1"/>
  <c r="AC19" i="1"/>
  <c r="AB18" i="1"/>
  <c r="AA39" i="1"/>
  <c r="Z41" i="1"/>
  <c r="AA20" i="1"/>
  <c r="AB61" i="1"/>
  <c r="AC14" i="1"/>
  <c r="AB15" i="1"/>
  <c r="Z64" i="1"/>
  <c r="AC59" i="1"/>
  <c r="AD12" i="1"/>
  <c r="Y63" i="1"/>
  <c r="Y65" i="1" s="1"/>
  <c r="Y68" i="1" s="1"/>
  <c r="Y69" i="1" s="1"/>
  <c r="AC60" i="1"/>
  <c r="AD13" i="1"/>
  <c r="AC56" i="1" l="1"/>
  <c r="AC67" i="1" s="1"/>
  <c r="AD52" i="1"/>
  <c r="Z63" i="1"/>
  <c r="Z65" i="1" s="1"/>
  <c r="Z68" i="1" s="1"/>
  <c r="Z69" i="1" s="1"/>
  <c r="AB21" i="1"/>
  <c r="AA42" i="1"/>
  <c r="AA41" i="1"/>
  <c r="AB20" i="1"/>
  <c r="AD59" i="1"/>
  <c r="AE12" i="1"/>
  <c r="AC40" i="1"/>
  <c r="AD19" i="1"/>
  <c r="AD60" i="1"/>
  <c r="AE13" i="1"/>
  <c r="AB39" i="1"/>
  <c r="AC18" i="1"/>
  <c r="Y71" i="1"/>
  <c r="Y72" i="1" s="1"/>
  <c r="AC15" i="1"/>
  <c r="AC61" i="1"/>
  <c r="AD14" i="1"/>
  <c r="AA64" i="1"/>
  <c r="AD40" i="1" l="1"/>
  <c r="AE19" i="1"/>
  <c r="AB64" i="1"/>
  <c r="Z71" i="1"/>
  <c r="Z72" i="1" s="1"/>
  <c r="AA63" i="1"/>
  <c r="AA65" i="1" s="1"/>
  <c r="AA68" i="1" s="1"/>
  <c r="AA69" i="1" s="1"/>
  <c r="AC20" i="1"/>
  <c r="AB41" i="1"/>
  <c r="AD15" i="1"/>
  <c r="AC21" i="1"/>
  <c r="AB42" i="1"/>
  <c r="AD61" i="1"/>
  <c r="AE14" i="1"/>
  <c r="AC39" i="1"/>
  <c r="AD18" i="1"/>
  <c r="AE60" i="1"/>
  <c r="AF13" i="1"/>
  <c r="AE59" i="1"/>
  <c r="AF12" i="1"/>
  <c r="AD56" i="1"/>
  <c r="AD67" i="1" s="1"/>
  <c r="AE52" i="1"/>
  <c r="AE56" i="1" l="1"/>
  <c r="AE67" i="1" s="1"/>
  <c r="AF52" i="1"/>
  <c r="AE40" i="1"/>
  <c r="AF19" i="1"/>
  <c r="AE18" i="1"/>
  <c r="AD39" i="1"/>
  <c r="AB63" i="1"/>
  <c r="AB65" i="1" s="1"/>
  <c r="AB68" i="1" s="1"/>
  <c r="AB69" i="1" s="1"/>
  <c r="AC64" i="1"/>
  <c r="AD20" i="1"/>
  <c r="AC41" i="1"/>
  <c r="AE61" i="1"/>
  <c r="AF14" i="1"/>
  <c r="AA71" i="1"/>
  <c r="AA72" i="1" s="1"/>
  <c r="AC42" i="1"/>
  <c r="AD21" i="1"/>
  <c r="AF60" i="1"/>
  <c r="AG13" i="1"/>
  <c r="AF59" i="1"/>
  <c r="AG12" i="1"/>
  <c r="AE15" i="1"/>
  <c r="AB71" i="1" l="1"/>
  <c r="AB72" i="1" s="1"/>
  <c r="AD41" i="1"/>
  <c r="AE20" i="1"/>
  <c r="AD42" i="1"/>
  <c r="AE21" i="1"/>
  <c r="AG60" i="1"/>
  <c r="AH13" i="1"/>
  <c r="AF61" i="1"/>
  <c r="AG14" i="1"/>
  <c r="AD64" i="1"/>
  <c r="AF15" i="1"/>
  <c r="AG59" i="1"/>
  <c r="AH12" i="1"/>
  <c r="AC63" i="1"/>
  <c r="AC65" i="1" s="1"/>
  <c r="AC68" i="1" s="1"/>
  <c r="AC69" i="1" s="1"/>
  <c r="AF18" i="1"/>
  <c r="AE39" i="1"/>
  <c r="AF56" i="1"/>
  <c r="AF67" i="1" s="1"/>
  <c r="AG52" i="1"/>
  <c r="AG19" i="1"/>
  <c r="AF40" i="1"/>
  <c r="AE64" i="1" l="1"/>
  <c r="AH19" i="1"/>
  <c r="AG40" i="1"/>
  <c r="AG61" i="1"/>
  <c r="AH14" i="1"/>
  <c r="AE42" i="1"/>
  <c r="AF21" i="1"/>
  <c r="AE41" i="1"/>
  <c r="AF20" i="1"/>
  <c r="AG18" i="1"/>
  <c r="AF39" i="1"/>
  <c r="AC71" i="1"/>
  <c r="AC72" i="1" s="1"/>
  <c r="J75" i="1" s="1"/>
  <c r="AG15" i="1"/>
  <c r="AH60" i="1"/>
  <c r="AI13" i="1"/>
  <c r="AD63" i="1"/>
  <c r="AD65" i="1" s="1"/>
  <c r="AD68" i="1" s="1"/>
  <c r="AD69" i="1" s="1"/>
  <c r="AH59" i="1"/>
  <c r="AI12" i="1"/>
  <c r="AG56" i="1"/>
  <c r="AG67" i="1" s="1"/>
  <c r="AH52" i="1"/>
  <c r="AH15" i="1" l="1"/>
  <c r="AI60" i="1"/>
  <c r="AJ13" i="1"/>
  <c r="AF64" i="1"/>
  <c r="AG21" i="1"/>
  <c r="AF42" i="1"/>
  <c r="AH18" i="1"/>
  <c r="AG39" i="1"/>
  <c r="AF41" i="1"/>
  <c r="AG20" i="1"/>
  <c r="AE63" i="1"/>
  <c r="AE65" i="1" s="1"/>
  <c r="AE68" i="1" s="1"/>
  <c r="AE69" i="1" s="1"/>
  <c r="AH56" i="1"/>
  <c r="AH67" i="1" s="1"/>
  <c r="AI52" i="1"/>
  <c r="AH61" i="1"/>
  <c r="AI14" i="1"/>
  <c r="AI19" i="1"/>
  <c r="AH40" i="1"/>
  <c r="AD71" i="1"/>
  <c r="AD72" i="1" s="1"/>
  <c r="AI59" i="1"/>
  <c r="AJ12" i="1"/>
  <c r="AI15" i="1" l="1"/>
  <c r="AG41" i="1"/>
  <c r="AH20" i="1"/>
  <c r="AJ59" i="1"/>
  <c r="AK12" i="1"/>
  <c r="AI56" i="1"/>
  <c r="AI67" i="1" s="1"/>
  <c r="AJ52" i="1"/>
  <c r="AI18" i="1"/>
  <c r="AH39" i="1"/>
  <c r="AE71" i="1"/>
  <c r="AE72" i="1" s="1"/>
  <c r="AF63" i="1"/>
  <c r="AF65" i="1" s="1"/>
  <c r="AF68" i="1" s="1"/>
  <c r="AF69" i="1" s="1"/>
  <c r="AG64" i="1"/>
  <c r="AI61" i="1"/>
  <c r="AJ14" i="1"/>
  <c r="AH21" i="1"/>
  <c r="AG42" i="1"/>
  <c r="AJ60" i="1"/>
  <c r="AK13" i="1"/>
  <c r="AJ19" i="1"/>
  <c r="AI40" i="1"/>
  <c r="AJ15" i="1" l="1"/>
  <c r="AJ18" i="1"/>
  <c r="AI39" i="1"/>
  <c r="AK59" i="1"/>
  <c r="AL12" i="1"/>
  <c r="AK60" i="1"/>
  <c r="AL13" i="1"/>
  <c r="AI20" i="1"/>
  <c r="AH41" i="1"/>
  <c r="AH64" i="1"/>
  <c r="AJ61" i="1"/>
  <c r="AK14" i="1"/>
  <c r="AF71" i="1"/>
  <c r="AF72" i="1" s="1"/>
  <c r="AI21" i="1"/>
  <c r="AH42" i="1"/>
  <c r="AJ40" i="1"/>
  <c r="AK19" i="1"/>
  <c r="AJ56" i="1"/>
  <c r="AJ67" i="1" s="1"/>
  <c r="AK52" i="1"/>
  <c r="AG63" i="1"/>
  <c r="AG65" i="1" s="1"/>
  <c r="AG68" i="1" s="1"/>
  <c r="AG69" i="1" s="1"/>
  <c r="AK15" i="1" l="1"/>
  <c r="AK40" i="1"/>
  <c r="AL19" i="1"/>
  <c r="AI41" i="1"/>
  <c r="AJ20" i="1"/>
  <c r="AL59" i="1"/>
  <c r="AM12" i="1"/>
  <c r="AG71" i="1"/>
  <c r="AG72" i="1" s="1"/>
  <c r="AK56" i="1"/>
  <c r="AK67" i="1" s="1"/>
  <c r="AL52" i="1"/>
  <c r="AI64" i="1"/>
  <c r="AK61" i="1"/>
  <c r="AL14" i="1"/>
  <c r="AH63" i="1"/>
  <c r="AH65" i="1" s="1"/>
  <c r="AH68" i="1" s="1"/>
  <c r="AH69" i="1" s="1"/>
  <c r="AJ21" i="1"/>
  <c r="AI42" i="1"/>
  <c r="AL60" i="1"/>
  <c r="AM13" i="1"/>
  <c r="AJ39" i="1"/>
  <c r="AK18" i="1"/>
  <c r="AL15" i="1" l="1"/>
  <c r="AH71" i="1"/>
  <c r="AH72" i="1" s="1"/>
  <c r="AM60" i="1"/>
  <c r="AN13" i="1"/>
  <c r="AM59" i="1"/>
  <c r="AN12" i="1"/>
  <c r="AI63" i="1"/>
  <c r="AI65" i="1" s="1"/>
  <c r="AI68" i="1" s="1"/>
  <c r="AI69" i="1" s="1"/>
  <c r="AK20" i="1"/>
  <c r="AJ41" i="1"/>
  <c r="AJ64" i="1"/>
  <c r="AL61" i="1"/>
  <c r="AM14" i="1"/>
  <c r="AL56" i="1"/>
  <c r="AL67" i="1" s="1"/>
  <c r="AM52" i="1"/>
  <c r="AL18" i="1"/>
  <c r="AK39" i="1"/>
  <c r="AL40" i="1"/>
  <c r="AM19" i="1"/>
  <c r="AK21" i="1"/>
  <c r="AJ42" i="1"/>
  <c r="AM15" i="1" l="1"/>
  <c r="AK42" i="1"/>
  <c r="AL21" i="1"/>
  <c r="AM56" i="1"/>
  <c r="AM67" i="1" s="1"/>
  <c r="AN52" i="1"/>
  <c r="AN59" i="1"/>
  <c r="AO12" i="1"/>
  <c r="AK64" i="1"/>
  <c r="AM18" i="1"/>
  <c r="AL39" i="1"/>
  <c r="AM40" i="1"/>
  <c r="AN19" i="1"/>
  <c r="AJ63" i="1"/>
  <c r="AJ65" i="1" s="1"/>
  <c r="AJ68" i="1" s="1"/>
  <c r="AJ69" i="1" s="1"/>
  <c r="AM61" i="1"/>
  <c r="AN14" i="1"/>
  <c r="AI71" i="1"/>
  <c r="AI72" i="1" s="1"/>
  <c r="AL20" i="1"/>
  <c r="AK41" i="1"/>
  <c r="AN60" i="1"/>
  <c r="AO13" i="1"/>
  <c r="AK63" i="1" l="1"/>
  <c r="AK65" i="1" s="1"/>
  <c r="AK68" i="1" s="1"/>
  <c r="AK69" i="1" s="1"/>
  <c r="AO60" i="1"/>
  <c r="AP13" i="1"/>
  <c r="AJ71" i="1"/>
  <c r="AJ72" i="1" s="1"/>
  <c r="AL64" i="1"/>
  <c r="AL42" i="1"/>
  <c r="AM21" i="1"/>
  <c r="AN18" i="1"/>
  <c r="AM39" i="1"/>
  <c r="AN15" i="1"/>
  <c r="AN56" i="1"/>
  <c r="AN67" i="1" s="1"/>
  <c r="AO52" i="1"/>
  <c r="AL41" i="1"/>
  <c r="AM20" i="1"/>
  <c r="AO19" i="1"/>
  <c r="AN40" i="1"/>
  <c r="AO59" i="1"/>
  <c r="AP12" i="1"/>
  <c r="AN61" i="1"/>
  <c r="AO14" i="1"/>
  <c r="AO18" i="1" l="1"/>
  <c r="AN39" i="1"/>
  <c r="AP19" i="1"/>
  <c r="AO40" i="1"/>
  <c r="AM64" i="1"/>
  <c r="AO56" i="1"/>
  <c r="AO67" i="1" s="1"/>
  <c r="AP52" i="1"/>
  <c r="AL63" i="1"/>
  <c r="AL65" i="1" s="1"/>
  <c r="AL68" i="1" s="1"/>
  <c r="AL69" i="1" s="1"/>
  <c r="AO61" i="1"/>
  <c r="AP14" i="1"/>
  <c r="AP59" i="1"/>
  <c r="AQ12" i="1"/>
  <c r="AN21" i="1"/>
  <c r="AM42" i="1"/>
  <c r="AP60" i="1"/>
  <c r="AQ13" i="1"/>
  <c r="AO15" i="1"/>
  <c r="AM41" i="1"/>
  <c r="AN20" i="1"/>
  <c r="AK71" i="1"/>
  <c r="AK72" i="1" s="1"/>
  <c r="AP61" i="1" l="1"/>
  <c r="AQ14" i="1"/>
  <c r="AN41" i="1"/>
  <c r="AO20" i="1"/>
  <c r="AQ19" i="1"/>
  <c r="AP40" i="1"/>
  <c r="AL71" i="1"/>
  <c r="AL72" i="1" s="1"/>
  <c r="AN64" i="1"/>
  <c r="AO21" i="1"/>
  <c r="AN42" i="1"/>
  <c r="AQ59" i="1"/>
  <c r="AR12" i="1"/>
  <c r="AP56" i="1"/>
  <c r="AP67" i="1" s="1"/>
  <c r="AQ52" i="1"/>
  <c r="AM63" i="1"/>
  <c r="AM65" i="1" s="1"/>
  <c r="AM68" i="1" s="1"/>
  <c r="AM69" i="1" s="1"/>
  <c r="AP18" i="1"/>
  <c r="AO39" i="1"/>
  <c r="AQ60" i="1"/>
  <c r="AR13" i="1"/>
  <c r="AP15" i="1"/>
  <c r="AM71" i="1" l="1"/>
  <c r="AM72" i="1" s="1"/>
  <c r="AQ61" i="1"/>
  <c r="AR14" i="1"/>
  <c r="AQ56" i="1"/>
  <c r="AQ67" i="1" s="1"/>
  <c r="AR52" i="1"/>
  <c r="AR19" i="1"/>
  <c r="AQ40" i="1"/>
  <c r="AO64" i="1"/>
  <c r="AP21" i="1"/>
  <c r="AO42" i="1"/>
  <c r="AP39" i="1"/>
  <c r="AQ18" i="1"/>
  <c r="AN63" i="1"/>
  <c r="AN65" i="1" s="1"/>
  <c r="AN68" i="1" s="1"/>
  <c r="AN69" i="1" s="1"/>
  <c r="AR60" i="1"/>
  <c r="AS13" i="1"/>
  <c r="AQ15" i="1"/>
  <c r="AR59" i="1"/>
  <c r="AS12" i="1"/>
  <c r="AO41" i="1"/>
  <c r="AP20" i="1"/>
  <c r="AQ21" i="1" l="1"/>
  <c r="AP42" i="1"/>
  <c r="AO63" i="1"/>
  <c r="AO65" i="1" s="1"/>
  <c r="AO68" i="1" s="1"/>
  <c r="AO69" i="1" s="1"/>
  <c r="AN71" i="1"/>
  <c r="AN72" i="1" s="1"/>
  <c r="AS60" i="1"/>
  <c r="AT13" i="1"/>
  <c r="AS59" i="1"/>
  <c r="AT12" i="1"/>
  <c r="AP41" i="1"/>
  <c r="AQ20" i="1"/>
  <c r="AR56" i="1"/>
  <c r="AR67" i="1" s="1"/>
  <c r="AS52" i="1"/>
  <c r="AR61" i="1"/>
  <c r="AS14" i="1"/>
  <c r="AR18" i="1"/>
  <c r="AQ39" i="1"/>
  <c r="AR15" i="1"/>
  <c r="AP64" i="1"/>
  <c r="AR40" i="1"/>
  <c r="AS19" i="1"/>
  <c r="AR39" i="1" l="1"/>
  <c r="AS18" i="1"/>
  <c r="AS56" i="1"/>
  <c r="AS67" i="1" s="1"/>
  <c r="AT52" i="1"/>
  <c r="AQ64" i="1"/>
  <c r="AQ41" i="1"/>
  <c r="AR20" i="1"/>
  <c r="AR21" i="1"/>
  <c r="AQ42" i="1"/>
  <c r="AS61" i="1"/>
  <c r="AT14" i="1"/>
  <c r="AT60" i="1"/>
  <c r="AU13" i="1"/>
  <c r="AO71" i="1"/>
  <c r="AO72" i="1" s="1"/>
  <c r="AS15" i="1"/>
  <c r="AT59" i="1"/>
  <c r="AU12" i="1"/>
  <c r="AS40" i="1"/>
  <c r="AT19" i="1"/>
  <c r="AP63" i="1"/>
  <c r="AP65" i="1" s="1"/>
  <c r="AP68" i="1" s="1"/>
  <c r="AP69" i="1" s="1"/>
  <c r="AT15" i="1" l="1"/>
  <c r="AQ63" i="1"/>
  <c r="AQ65" i="1" s="1"/>
  <c r="AQ68" i="1" s="1"/>
  <c r="AQ69" i="1" s="1"/>
  <c r="AS20" i="1"/>
  <c r="AR41" i="1"/>
  <c r="AS21" i="1"/>
  <c r="AR42" i="1"/>
  <c r="AU59" i="1"/>
  <c r="AV12" i="1"/>
  <c r="AU60" i="1"/>
  <c r="AV13" i="1"/>
  <c r="AT56" i="1"/>
  <c r="AT67" i="1" s="1"/>
  <c r="AU52" i="1"/>
  <c r="AT61" i="1"/>
  <c r="AU14" i="1"/>
  <c r="AP71" i="1"/>
  <c r="AP72" i="1" s="1"/>
  <c r="AT40" i="1"/>
  <c r="AU19" i="1"/>
  <c r="AS39" i="1"/>
  <c r="AT18" i="1"/>
  <c r="AR64" i="1"/>
  <c r="AU61" i="1" l="1"/>
  <c r="AV14" i="1"/>
  <c r="AV60" i="1"/>
  <c r="AW13" i="1"/>
  <c r="AV59" i="1"/>
  <c r="AW12" i="1"/>
  <c r="AS41" i="1"/>
  <c r="AT20" i="1"/>
  <c r="AQ71" i="1"/>
  <c r="AQ72" i="1" s="1"/>
  <c r="AU15" i="1"/>
  <c r="AU18" i="1"/>
  <c r="AT39" i="1"/>
  <c r="AU40" i="1"/>
  <c r="AV19" i="1"/>
  <c r="AS42" i="1"/>
  <c r="AT21" i="1"/>
  <c r="AU56" i="1"/>
  <c r="AU67" i="1" s="1"/>
  <c r="AV52" i="1"/>
  <c r="AS64" i="1"/>
  <c r="AR63" i="1"/>
  <c r="AR65" i="1" s="1"/>
  <c r="AR68" i="1" s="1"/>
  <c r="AR69" i="1" s="1"/>
  <c r="AV15" i="1" l="1"/>
  <c r="AW19" i="1"/>
  <c r="AV40" i="1"/>
  <c r="AR71" i="1"/>
  <c r="AR72" i="1" s="1"/>
  <c r="AV18" i="1"/>
  <c r="AU39" i="1"/>
  <c r="AW59" i="1"/>
  <c r="AX12" i="1"/>
  <c r="AW60" i="1"/>
  <c r="AX13" i="1"/>
  <c r="AV56" i="1"/>
  <c r="AV67" i="1" s="1"/>
  <c r="AW52" i="1"/>
  <c r="AV61" i="1"/>
  <c r="AW14" i="1"/>
  <c r="AS63" i="1"/>
  <c r="AS65" i="1" s="1"/>
  <c r="AS68" i="1" s="1"/>
  <c r="AS69" i="1" s="1"/>
  <c r="AT42" i="1"/>
  <c r="AU21" i="1"/>
  <c r="AT64" i="1"/>
  <c r="AT41" i="1"/>
  <c r="AU20" i="1"/>
  <c r="AW15" i="1" l="1"/>
  <c r="AW56" i="1"/>
  <c r="AW67" i="1" s="1"/>
  <c r="AX52" i="1"/>
  <c r="AW18" i="1"/>
  <c r="AV39" i="1"/>
  <c r="AU42" i="1"/>
  <c r="AV21" i="1"/>
  <c r="AT63" i="1"/>
  <c r="AT65" i="1" s="1"/>
  <c r="AT68" i="1" s="1"/>
  <c r="AT69" i="1" s="1"/>
  <c r="AS71" i="1"/>
  <c r="AS72" i="1" s="1"/>
  <c r="AX60" i="1"/>
  <c r="AY13" i="1"/>
  <c r="AX19" i="1"/>
  <c r="AW40" i="1"/>
  <c r="AX59" i="1"/>
  <c r="AY12" i="1"/>
  <c r="AU41" i="1"/>
  <c r="AV20" i="1"/>
  <c r="AW61" i="1"/>
  <c r="AX14" i="1"/>
  <c r="AU64" i="1"/>
  <c r="AX15" i="1" l="1"/>
  <c r="AW21" i="1"/>
  <c r="AV42" i="1"/>
  <c r="AV41" i="1"/>
  <c r="AW20" i="1"/>
  <c r="AY19" i="1"/>
  <c r="AX40" i="1"/>
  <c r="AV64" i="1"/>
  <c r="AX18" i="1"/>
  <c r="AW39" i="1"/>
  <c r="AU63" i="1"/>
  <c r="AU65" i="1" s="1"/>
  <c r="AU68" i="1" s="1"/>
  <c r="AU69" i="1" s="1"/>
  <c r="AY59" i="1"/>
  <c r="AZ12" i="1"/>
  <c r="AT71" i="1"/>
  <c r="AT72" i="1" s="1"/>
  <c r="AX56" i="1"/>
  <c r="AX67" i="1" s="1"/>
  <c r="AY52" i="1"/>
  <c r="AY60" i="1"/>
  <c r="AZ13" i="1"/>
  <c r="AX61" i="1"/>
  <c r="AY14" i="1"/>
  <c r="AZ60" i="1" l="1"/>
  <c r="BA13" i="1"/>
  <c r="AY61" i="1"/>
  <c r="AZ14" i="1"/>
  <c r="AZ19" i="1"/>
  <c r="AY40" i="1"/>
  <c r="AW64" i="1"/>
  <c r="AW41" i="1"/>
  <c r="AX20" i="1"/>
  <c r="AU71" i="1"/>
  <c r="AU72" i="1" s="1"/>
  <c r="AV63" i="1"/>
  <c r="AV65" i="1" s="1"/>
  <c r="AV68" i="1" s="1"/>
  <c r="AV69" i="1" s="1"/>
  <c r="AY15" i="1"/>
  <c r="AY18" i="1"/>
  <c r="AX39" i="1"/>
  <c r="AZ59" i="1"/>
  <c r="BA12" i="1"/>
  <c r="AY56" i="1"/>
  <c r="AY67" i="1" s="1"/>
  <c r="AZ52" i="1"/>
  <c r="AX21" i="1"/>
  <c r="AW42" i="1"/>
  <c r="AZ15" i="1" l="1"/>
  <c r="AZ56" i="1"/>
  <c r="AZ67" i="1" s="1"/>
  <c r="BA52" i="1"/>
  <c r="AZ40" i="1"/>
  <c r="BA19" i="1"/>
  <c r="AV71" i="1"/>
  <c r="AV72" i="1" s="1"/>
  <c r="AX64" i="1"/>
  <c r="AZ61" i="1"/>
  <c r="BA14" i="1"/>
  <c r="BA59" i="1"/>
  <c r="BB12" i="1"/>
  <c r="AZ18" i="1"/>
  <c r="AY39" i="1"/>
  <c r="AW63" i="1"/>
  <c r="AW65" i="1" s="1"/>
  <c r="AW68" i="1" s="1"/>
  <c r="AW69" i="1" s="1"/>
  <c r="BA60" i="1"/>
  <c r="BB13" i="1"/>
  <c r="AY21" i="1"/>
  <c r="AX42" i="1"/>
  <c r="AY20" i="1"/>
  <c r="AX41" i="1"/>
  <c r="AY64" i="1" l="1"/>
  <c r="BA40" i="1"/>
  <c r="BB19" i="1"/>
  <c r="AZ21" i="1"/>
  <c r="AY42" i="1"/>
  <c r="BA61" i="1"/>
  <c r="BB14" i="1"/>
  <c r="BB60" i="1"/>
  <c r="BC13" i="1"/>
  <c r="AX63" i="1"/>
  <c r="AX65" i="1" s="1"/>
  <c r="AX68" i="1" s="1"/>
  <c r="AX69" i="1" s="1"/>
  <c r="AY41" i="1"/>
  <c r="AZ20" i="1"/>
  <c r="BA15" i="1"/>
  <c r="AW71" i="1"/>
  <c r="AW72" i="1" s="1"/>
  <c r="BA56" i="1"/>
  <c r="BA67" i="1" s="1"/>
  <c r="BB52" i="1"/>
  <c r="BB59" i="1"/>
  <c r="BC12" i="1"/>
  <c r="AZ39" i="1"/>
  <c r="BA18" i="1"/>
  <c r="BA20" i="1" l="1"/>
  <c r="AZ41" i="1"/>
  <c r="AZ64" i="1"/>
  <c r="AX71" i="1"/>
  <c r="AX72" i="1" s="1"/>
  <c r="BB40" i="1"/>
  <c r="BC19" i="1"/>
  <c r="BA39" i="1"/>
  <c r="BB18" i="1"/>
  <c r="BC59" i="1"/>
  <c r="BD12" i="1"/>
  <c r="AY63" i="1"/>
  <c r="AY65" i="1" s="1"/>
  <c r="AY68" i="1" s="1"/>
  <c r="AY69" i="1" s="1"/>
  <c r="BB61" i="1"/>
  <c r="BC14" i="1"/>
  <c r="BB15" i="1"/>
  <c r="BA21" i="1"/>
  <c r="AZ42" i="1"/>
  <c r="K75" i="1"/>
  <c r="BC60" i="1"/>
  <c r="BD13" i="1"/>
  <c r="BB56" i="1"/>
  <c r="BB67" i="1" s="1"/>
  <c r="BC52" i="1"/>
  <c r="BD59" i="1" l="1"/>
  <c r="BE12" i="1"/>
  <c r="BC61" i="1"/>
  <c r="BD14" i="1"/>
  <c r="BA64" i="1"/>
  <c r="AZ63" i="1"/>
  <c r="AZ65" i="1" s="1"/>
  <c r="AZ68" i="1" s="1"/>
  <c r="AZ69" i="1" s="1"/>
  <c r="AY71" i="1"/>
  <c r="AY72" i="1" s="1"/>
  <c r="BD60" i="1"/>
  <c r="BE13" i="1"/>
  <c r="BA42" i="1"/>
  <c r="BB21" i="1"/>
  <c r="BC40" i="1"/>
  <c r="BD19" i="1"/>
  <c r="BB20" i="1"/>
  <c r="BA41" i="1"/>
  <c r="BC56" i="1"/>
  <c r="BC67" i="1" s="1"/>
  <c r="BD52" i="1"/>
  <c r="BC15" i="1"/>
  <c r="BC18" i="1"/>
  <c r="BB39" i="1"/>
  <c r="AZ71" i="1" l="1"/>
  <c r="AZ72" i="1" s="1"/>
  <c r="BD15" i="1"/>
  <c r="BB41" i="1"/>
  <c r="BC20" i="1"/>
  <c r="BA63" i="1"/>
  <c r="BA65" i="1" s="1"/>
  <c r="BA68" i="1" s="1"/>
  <c r="BA69" i="1" s="1"/>
  <c r="BE59" i="1"/>
  <c r="BF12" i="1"/>
  <c r="BB64" i="1"/>
  <c r="BD18" i="1"/>
  <c r="BC39" i="1"/>
  <c r="BB42" i="1"/>
  <c r="BC21" i="1"/>
  <c r="BD56" i="1"/>
  <c r="BD67" i="1" s="1"/>
  <c r="BE52" i="1"/>
  <c r="BE19" i="1"/>
  <c r="BD40" i="1"/>
  <c r="BE60" i="1"/>
  <c r="BF13" i="1"/>
  <c r="BD61" i="1"/>
  <c r="BE14" i="1"/>
  <c r="BE61" i="1" l="1"/>
  <c r="BF14" i="1"/>
  <c r="BF19" i="1"/>
  <c r="BE40" i="1"/>
  <c r="BC41" i="1"/>
  <c r="BD20" i="1"/>
  <c r="BF59" i="1"/>
  <c r="BG12" i="1"/>
  <c r="BD21" i="1"/>
  <c r="BC42" i="1"/>
  <c r="BE15" i="1"/>
  <c r="BA71" i="1"/>
  <c r="BA72" i="1" s="1"/>
  <c r="BE56" i="1"/>
  <c r="BE67" i="1" s="1"/>
  <c r="BF52" i="1"/>
  <c r="BF60" i="1"/>
  <c r="BG13" i="1"/>
  <c r="BB63" i="1"/>
  <c r="BB65" i="1" s="1"/>
  <c r="BB68" i="1" s="1"/>
  <c r="BB69" i="1" s="1"/>
  <c r="BE18" i="1"/>
  <c r="BD39" i="1"/>
  <c r="BC64" i="1"/>
  <c r="BF15" i="1" l="1"/>
  <c r="BE21" i="1"/>
  <c r="BD42" i="1"/>
  <c r="BD41" i="1"/>
  <c r="BE20" i="1"/>
  <c r="BD64" i="1"/>
  <c r="BB71" i="1"/>
  <c r="BB72" i="1" s="1"/>
  <c r="BF18" i="1"/>
  <c r="BE39" i="1"/>
  <c r="BG59" i="1"/>
  <c r="BH12" i="1"/>
  <c r="BF56" i="1"/>
  <c r="BF67" i="1" s="1"/>
  <c r="BG52" i="1"/>
  <c r="BG60" i="1"/>
  <c r="BH13" i="1"/>
  <c r="BF61" i="1"/>
  <c r="BG14" i="1"/>
  <c r="BC63" i="1"/>
  <c r="BC65" i="1" s="1"/>
  <c r="BC68" i="1" s="1"/>
  <c r="BC69" i="1" s="1"/>
  <c r="BG19" i="1"/>
  <c r="BF40" i="1"/>
  <c r="BG61" i="1" l="1"/>
  <c r="BH14" i="1"/>
  <c r="BG56" i="1"/>
  <c r="BG67" i="1" s="1"/>
  <c r="BH52" i="1"/>
  <c r="BF21" i="1"/>
  <c r="BE42" i="1"/>
  <c r="BC71" i="1"/>
  <c r="BC72" i="1" s="1"/>
  <c r="BF39" i="1"/>
  <c r="BG18" i="1"/>
  <c r="BG15" i="1"/>
  <c r="BD63" i="1"/>
  <c r="BD65" i="1" s="1"/>
  <c r="BD68" i="1" s="1"/>
  <c r="BD69" i="1" s="1"/>
  <c r="BH59" i="1"/>
  <c r="BI12" i="1"/>
  <c r="BH19" i="1"/>
  <c r="BG40" i="1"/>
  <c r="BE41" i="1"/>
  <c r="BF20" i="1"/>
  <c r="BH60" i="1"/>
  <c r="BI13" i="1"/>
  <c r="BE64" i="1"/>
  <c r="BH18" i="1" l="1"/>
  <c r="BG39" i="1"/>
  <c r="BD71" i="1"/>
  <c r="BD72" i="1" s="1"/>
  <c r="BF64" i="1"/>
  <c r="BG21" i="1"/>
  <c r="BF42" i="1"/>
  <c r="BH61" i="1"/>
  <c r="BI14" i="1"/>
  <c r="BH15" i="1"/>
  <c r="BI60" i="1"/>
  <c r="BJ13" i="1"/>
  <c r="BE63" i="1"/>
  <c r="BE65" i="1" s="1"/>
  <c r="BE68" i="1" s="1"/>
  <c r="BE69" i="1" s="1"/>
  <c r="BG20" i="1"/>
  <c r="BF41" i="1"/>
  <c r="BH40" i="1"/>
  <c r="BI19" i="1"/>
  <c r="BI59" i="1"/>
  <c r="BJ12" i="1"/>
  <c r="BH56" i="1"/>
  <c r="BH67" i="1" s="1"/>
  <c r="BI52" i="1"/>
  <c r="BG64" i="1" l="1"/>
  <c r="BJ60" i="1"/>
  <c r="BK13" i="1"/>
  <c r="BH39" i="1"/>
  <c r="BI18" i="1"/>
  <c r="BI56" i="1"/>
  <c r="BI67" i="1" s="1"/>
  <c r="BJ52" i="1"/>
  <c r="BE71" i="1"/>
  <c r="BE72" i="1" s="1"/>
  <c r="BI15" i="1"/>
  <c r="BJ59" i="1"/>
  <c r="BK12" i="1"/>
  <c r="BI61" i="1"/>
  <c r="BJ14" i="1"/>
  <c r="BF63" i="1"/>
  <c r="BF65" i="1" s="1"/>
  <c r="BF68" i="1" s="1"/>
  <c r="BF69" i="1" s="1"/>
  <c r="BG41" i="1"/>
  <c r="BH20" i="1"/>
  <c r="BH21" i="1"/>
  <c r="BG42" i="1"/>
  <c r="BI40" i="1"/>
  <c r="BJ19" i="1"/>
  <c r="BK59" i="1" l="1"/>
  <c r="BL12" i="1"/>
  <c r="BI39" i="1"/>
  <c r="BJ18" i="1"/>
  <c r="BI21" i="1"/>
  <c r="BH42" i="1"/>
  <c r="BG63" i="1"/>
  <c r="BG65" i="1" s="1"/>
  <c r="BG68" i="1" s="1"/>
  <c r="BG69" i="1" s="1"/>
  <c r="BK60" i="1"/>
  <c r="BL13" i="1"/>
  <c r="BH64" i="1"/>
  <c r="BF71" i="1"/>
  <c r="BF72" i="1" s="1"/>
  <c r="BJ56" i="1"/>
  <c r="BJ67" i="1" s="1"/>
  <c r="BK52" i="1"/>
  <c r="BI20" i="1"/>
  <c r="BH41" i="1"/>
  <c r="BJ40" i="1"/>
  <c r="BK19" i="1"/>
  <c r="BJ61" i="1"/>
  <c r="BK14" i="1"/>
  <c r="BJ15" i="1"/>
  <c r="BK56" i="1" l="1"/>
  <c r="BK67" i="1" s="1"/>
  <c r="BL52" i="1"/>
  <c r="BL60" i="1"/>
  <c r="BM13" i="1"/>
  <c r="BJ20" i="1"/>
  <c r="BI41" i="1"/>
  <c r="BI64" i="1"/>
  <c r="BK61" i="1"/>
  <c r="BL14" i="1"/>
  <c r="BL59" i="1"/>
  <c r="BM12" i="1"/>
  <c r="BK18" i="1"/>
  <c r="BJ39" i="1"/>
  <c r="BG71" i="1"/>
  <c r="BG72" i="1" s="1"/>
  <c r="BK15" i="1"/>
  <c r="BH63" i="1"/>
  <c r="BH65" i="1" s="1"/>
  <c r="BH68" i="1" s="1"/>
  <c r="BH69" i="1" s="1"/>
  <c r="BK40" i="1"/>
  <c r="BL19" i="1"/>
  <c r="BI42" i="1"/>
  <c r="BJ21" i="1"/>
  <c r="BL15" i="1" l="1"/>
  <c r="BM19" i="1"/>
  <c r="BL40" i="1"/>
  <c r="BH71" i="1"/>
  <c r="BH72" i="1" s="1"/>
  <c r="BM59" i="1"/>
  <c r="BN12" i="1"/>
  <c r="BM60" i="1"/>
  <c r="BN13" i="1"/>
  <c r="BJ64" i="1"/>
  <c r="BL61" i="1"/>
  <c r="BM14" i="1"/>
  <c r="BI63" i="1"/>
  <c r="BI65" i="1" s="1"/>
  <c r="BI68" i="1" s="1"/>
  <c r="BI69" i="1" s="1"/>
  <c r="BL18" i="1"/>
  <c r="BK39" i="1"/>
  <c r="BL56" i="1"/>
  <c r="BL67" i="1" s="1"/>
  <c r="BM52" i="1"/>
  <c r="BJ42" i="1"/>
  <c r="BK21" i="1"/>
  <c r="BJ41" i="1"/>
  <c r="BK20" i="1"/>
  <c r="BM15" i="1" l="1"/>
  <c r="BK41" i="1"/>
  <c r="BL20" i="1"/>
  <c r="BJ63" i="1"/>
  <c r="BJ65" i="1" s="1"/>
  <c r="BJ68" i="1" s="1"/>
  <c r="BJ69" i="1" s="1"/>
  <c r="BK64" i="1"/>
  <c r="BM61" i="1"/>
  <c r="BN14" i="1"/>
  <c r="BN59" i="1"/>
  <c r="BO12" i="1"/>
  <c r="BN60" i="1"/>
  <c r="BO13" i="1"/>
  <c r="BN19" i="1"/>
  <c r="BM40" i="1"/>
  <c r="BM18" i="1"/>
  <c r="BL39" i="1"/>
  <c r="BI71" i="1"/>
  <c r="BI72" i="1" s="1"/>
  <c r="BK42" i="1"/>
  <c r="BL21" i="1"/>
  <c r="BM56" i="1"/>
  <c r="BM67" i="1" s="1"/>
  <c r="BN52" i="1"/>
  <c r="BN61" i="1" l="1"/>
  <c r="BO14" i="1"/>
  <c r="BJ71" i="1"/>
  <c r="BJ72" i="1" s="1"/>
  <c r="BN18" i="1"/>
  <c r="BM39" i="1"/>
  <c r="BO60" i="1"/>
  <c r="BP13" i="1"/>
  <c r="BN56" i="1"/>
  <c r="BN67" i="1" s="1"/>
  <c r="BO52" i="1"/>
  <c r="BK63" i="1"/>
  <c r="BK65" i="1" s="1"/>
  <c r="BK68" i="1" s="1"/>
  <c r="BK69" i="1" s="1"/>
  <c r="BO19" i="1"/>
  <c r="BN40" i="1"/>
  <c r="BO59" i="1"/>
  <c r="BP12" i="1"/>
  <c r="BL41" i="1"/>
  <c r="BM20" i="1"/>
  <c r="BM21" i="1"/>
  <c r="BL42" i="1"/>
  <c r="BL64" i="1"/>
  <c r="BN15" i="1"/>
  <c r="BM41" i="1" l="1"/>
  <c r="BN20" i="1"/>
  <c r="BO61" i="1"/>
  <c r="BP14" i="1"/>
  <c r="BN21" i="1"/>
  <c r="BM42" i="1"/>
  <c r="BL63" i="1"/>
  <c r="BL65" i="1" s="1"/>
  <c r="BL68" i="1" s="1"/>
  <c r="BL69" i="1" s="1"/>
  <c r="BP19" i="1"/>
  <c r="BO40" i="1"/>
  <c r="BK71" i="1"/>
  <c r="BK72" i="1" s="1"/>
  <c r="BP60" i="1"/>
  <c r="BQ13" i="1"/>
  <c r="BQ60" i="1" s="1"/>
  <c r="BP59" i="1"/>
  <c r="BQ12" i="1"/>
  <c r="BO56" i="1"/>
  <c r="BO67" i="1" s="1"/>
  <c r="BP52" i="1"/>
  <c r="BO15" i="1"/>
  <c r="BM64" i="1"/>
  <c r="BN39" i="1"/>
  <c r="BO18" i="1"/>
  <c r="BO21" i="1" l="1"/>
  <c r="BN42" i="1"/>
  <c r="BP61" i="1"/>
  <c r="BQ14" i="1"/>
  <c r="BQ61" i="1" s="1"/>
  <c r="BP18" i="1"/>
  <c r="BO39" i="1"/>
  <c r="BP56" i="1"/>
  <c r="BP67" i="1" s="1"/>
  <c r="BQ52" i="1"/>
  <c r="BP15" i="1"/>
  <c r="BM63" i="1"/>
  <c r="BM65" i="1" s="1"/>
  <c r="BM68" i="1" s="1"/>
  <c r="BM69" i="1" s="1"/>
  <c r="BP40" i="1"/>
  <c r="BQ19" i="1"/>
  <c r="BQ40" i="1" s="1"/>
  <c r="BN41" i="1"/>
  <c r="BO20" i="1"/>
  <c r="BN64" i="1"/>
  <c r="BQ59" i="1"/>
  <c r="BL71" i="1"/>
  <c r="BL72" i="1" s="1"/>
  <c r="BQ15" i="1" l="1"/>
  <c r="BO41" i="1"/>
  <c r="BP20" i="1"/>
  <c r="BP39" i="1"/>
  <c r="BQ18" i="1"/>
  <c r="BQ39" i="1" s="1"/>
  <c r="BP21" i="1"/>
  <c r="BO42" i="1"/>
  <c r="BN63" i="1"/>
  <c r="BN65" i="1" s="1"/>
  <c r="BN68" i="1" s="1"/>
  <c r="BN69" i="1" s="1"/>
  <c r="BO64" i="1"/>
  <c r="BM71" i="1"/>
  <c r="BM72" i="1" s="1"/>
  <c r="BQ56" i="1"/>
  <c r="BQ67" i="1" s="1"/>
  <c r="BR52" i="1"/>
  <c r="BS52" i="1" s="1"/>
  <c r="BT52" i="1" s="1"/>
  <c r="BU52" i="1" s="1"/>
  <c r="BV52" i="1" s="1"/>
  <c r="BW52" i="1" s="1"/>
  <c r="BX52" i="1" s="1"/>
  <c r="BY52" i="1" s="1"/>
  <c r="BZ52" i="1" s="1"/>
  <c r="CA52" i="1" s="1"/>
  <c r="CB52" i="1" s="1"/>
  <c r="CC52" i="1" s="1"/>
  <c r="CD52" i="1" s="1"/>
  <c r="CE52" i="1" s="1"/>
  <c r="CF52" i="1" s="1"/>
  <c r="CG52" i="1" s="1"/>
  <c r="CH52" i="1" s="1"/>
  <c r="CI52" i="1" s="1"/>
  <c r="CJ52" i="1" s="1"/>
  <c r="CK52" i="1" s="1"/>
  <c r="CL52" i="1" s="1"/>
  <c r="CM52" i="1" s="1"/>
  <c r="CN52" i="1" s="1"/>
  <c r="CO52" i="1" s="1"/>
  <c r="CP52" i="1" s="1"/>
  <c r="CQ52" i="1" s="1"/>
  <c r="CR52" i="1" s="1"/>
  <c r="CS52" i="1" s="1"/>
  <c r="CT52" i="1" s="1"/>
  <c r="CU52" i="1" s="1"/>
  <c r="CV52" i="1" s="1"/>
  <c r="CW52" i="1" s="1"/>
  <c r="CX52" i="1" s="1"/>
  <c r="CY52" i="1" s="1"/>
  <c r="CZ52" i="1" s="1"/>
  <c r="DA52" i="1" s="1"/>
  <c r="DB52" i="1" s="1"/>
  <c r="DC52" i="1" s="1"/>
  <c r="DD52" i="1" s="1"/>
  <c r="DE52" i="1" s="1"/>
  <c r="DF52" i="1" s="1"/>
  <c r="DG52" i="1" s="1"/>
  <c r="DH52" i="1" s="1"/>
  <c r="DI52" i="1" s="1"/>
  <c r="DJ52" i="1" s="1"/>
  <c r="DK52" i="1" s="1"/>
  <c r="DL52" i="1" s="1"/>
  <c r="DM52" i="1" s="1"/>
  <c r="DN52" i="1" s="1"/>
  <c r="DO52" i="1" s="1"/>
  <c r="DP52" i="1" s="1"/>
  <c r="DQ52" i="1" s="1"/>
  <c r="DR52" i="1" s="1"/>
  <c r="DS52" i="1" s="1"/>
  <c r="DT52" i="1" s="1"/>
  <c r="DU52" i="1" s="1"/>
  <c r="DV52" i="1" s="1"/>
  <c r="DW52" i="1" s="1"/>
  <c r="DX52" i="1" s="1"/>
  <c r="DY52" i="1" s="1"/>
  <c r="DZ52" i="1" s="1"/>
  <c r="EA52" i="1" s="1"/>
  <c r="EB52" i="1" s="1"/>
  <c r="EC52" i="1" s="1"/>
  <c r="ED52" i="1" s="1"/>
  <c r="EE52" i="1" s="1"/>
  <c r="EF52" i="1" s="1"/>
  <c r="EG52" i="1" s="1"/>
  <c r="EH52" i="1" s="1"/>
  <c r="EI52" i="1" s="1"/>
  <c r="EJ52" i="1" s="1"/>
  <c r="EK52" i="1" s="1"/>
  <c r="EL52" i="1" s="1"/>
  <c r="EM52" i="1" s="1"/>
  <c r="EN52" i="1" s="1"/>
  <c r="EO52" i="1" s="1"/>
  <c r="EP52" i="1" s="1"/>
  <c r="EQ52" i="1" s="1"/>
  <c r="ER52" i="1" s="1"/>
  <c r="ES52" i="1" s="1"/>
  <c r="ET52" i="1" s="1"/>
  <c r="EU52" i="1" s="1"/>
  <c r="EV52" i="1" s="1"/>
  <c r="EW52" i="1" s="1"/>
  <c r="EX52" i="1" s="1"/>
  <c r="EY52" i="1" s="1"/>
  <c r="EZ52" i="1" s="1"/>
  <c r="FA52" i="1" s="1"/>
  <c r="FB52" i="1" s="1"/>
  <c r="FC52" i="1" s="1"/>
  <c r="FD52" i="1" s="1"/>
  <c r="FE52" i="1" s="1"/>
  <c r="FF52" i="1" s="1"/>
  <c r="FG52" i="1" s="1"/>
  <c r="FH52" i="1" s="1"/>
  <c r="FI52" i="1" s="1"/>
  <c r="FJ52" i="1" s="1"/>
  <c r="FK52" i="1" s="1"/>
  <c r="FL52" i="1" s="1"/>
  <c r="FM52" i="1" s="1"/>
  <c r="FN52" i="1" s="1"/>
  <c r="FO52" i="1" s="1"/>
  <c r="FP52" i="1" s="1"/>
  <c r="FQ52" i="1" s="1"/>
  <c r="FR52" i="1" s="1"/>
  <c r="FS52" i="1" s="1"/>
  <c r="FT52" i="1" s="1"/>
  <c r="FU52" i="1" s="1"/>
  <c r="FV52" i="1" s="1"/>
  <c r="FW52" i="1" s="1"/>
  <c r="FX52" i="1" s="1"/>
  <c r="FY52" i="1" s="1"/>
  <c r="FZ52" i="1" s="1"/>
  <c r="GA52" i="1" s="1"/>
  <c r="GB52" i="1" s="1"/>
  <c r="GC52" i="1" s="1"/>
  <c r="GD52" i="1" s="1"/>
  <c r="GE52" i="1" s="1"/>
  <c r="GF52" i="1" s="1"/>
  <c r="GG52" i="1" s="1"/>
  <c r="GH52" i="1" s="1"/>
  <c r="GI52" i="1" s="1"/>
  <c r="GJ52" i="1" s="1"/>
  <c r="GK52" i="1" s="1"/>
  <c r="GL52" i="1" s="1"/>
  <c r="GM52" i="1" s="1"/>
  <c r="GN52" i="1" s="1"/>
  <c r="GO52" i="1" s="1"/>
  <c r="GP52" i="1" s="1"/>
  <c r="GQ52" i="1" s="1"/>
  <c r="GR52" i="1" s="1"/>
  <c r="GS52" i="1" s="1"/>
  <c r="GT52" i="1" s="1"/>
  <c r="GU52" i="1" s="1"/>
  <c r="GV52" i="1" s="1"/>
  <c r="GW52" i="1" s="1"/>
  <c r="GX52" i="1" s="1"/>
  <c r="GY52" i="1" s="1"/>
  <c r="GZ52" i="1" s="1"/>
  <c r="HA52" i="1" s="1"/>
  <c r="HB52" i="1" s="1"/>
  <c r="HC52" i="1" s="1"/>
  <c r="HD52" i="1" s="1"/>
  <c r="HE52" i="1" s="1"/>
  <c r="HF52" i="1" s="1"/>
  <c r="HG52" i="1" s="1"/>
  <c r="HH52" i="1" s="1"/>
  <c r="HI52" i="1" s="1"/>
  <c r="HJ52" i="1" s="1"/>
  <c r="HK52" i="1" s="1"/>
  <c r="HL52" i="1" s="1"/>
  <c r="HM52" i="1" s="1"/>
  <c r="HN52" i="1" s="1"/>
  <c r="HO52" i="1" s="1"/>
  <c r="HP52" i="1" s="1"/>
  <c r="HQ52" i="1" s="1"/>
  <c r="HR52" i="1" s="1"/>
  <c r="HS52" i="1" s="1"/>
  <c r="HT52" i="1" s="1"/>
  <c r="HU52" i="1" s="1"/>
  <c r="HV52" i="1" s="1"/>
  <c r="HW52" i="1" s="1"/>
  <c r="HX52" i="1" s="1"/>
  <c r="HY52" i="1" s="1"/>
  <c r="HZ52" i="1" s="1"/>
  <c r="IA52" i="1" s="1"/>
  <c r="IB52" i="1" s="1"/>
  <c r="IC52" i="1" s="1"/>
  <c r="ID52" i="1" s="1"/>
  <c r="IE52" i="1" s="1"/>
  <c r="IF52" i="1" s="1"/>
  <c r="IG52" i="1" s="1"/>
  <c r="IH52" i="1" s="1"/>
  <c r="II52" i="1" s="1"/>
  <c r="IJ52" i="1" s="1"/>
  <c r="IK52" i="1" s="1"/>
  <c r="IL52" i="1" s="1"/>
  <c r="IM52" i="1" s="1"/>
  <c r="IN52" i="1" s="1"/>
  <c r="IO52" i="1" s="1"/>
  <c r="IP52" i="1" s="1"/>
  <c r="IQ52" i="1" s="1"/>
  <c r="IR52" i="1" s="1"/>
  <c r="IS52" i="1" s="1"/>
  <c r="IT52" i="1" s="1"/>
  <c r="IU52" i="1" s="1"/>
  <c r="IV52" i="1" s="1"/>
  <c r="IW52" i="1" s="1"/>
  <c r="IX52" i="1" s="1"/>
  <c r="IY52" i="1" s="1"/>
  <c r="IZ52" i="1" s="1"/>
  <c r="JA52" i="1" s="1"/>
  <c r="JB52" i="1" s="1"/>
  <c r="JC52" i="1" s="1"/>
  <c r="JD52" i="1" s="1"/>
  <c r="JE52" i="1" s="1"/>
  <c r="JF52" i="1" s="1"/>
  <c r="JG52" i="1" s="1"/>
  <c r="JH52" i="1" s="1"/>
  <c r="JI52" i="1" s="1"/>
  <c r="JJ52" i="1" s="1"/>
  <c r="JK52" i="1" s="1"/>
  <c r="JL52" i="1" s="1"/>
  <c r="JM52" i="1" s="1"/>
  <c r="JN52" i="1" s="1"/>
  <c r="JO52" i="1" s="1"/>
  <c r="JP52" i="1" s="1"/>
  <c r="JQ52" i="1" s="1"/>
  <c r="JR52" i="1" s="1"/>
  <c r="JS52" i="1" s="1"/>
  <c r="JT52" i="1" s="1"/>
  <c r="JU52" i="1" s="1"/>
  <c r="JV52" i="1" s="1"/>
  <c r="JW52" i="1" s="1"/>
  <c r="JX52" i="1" s="1"/>
  <c r="JY52" i="1" s="1"/>
  <c r="JZ52" i="1" s="1"/>
  <c r="KA52" i="1" s="1"/>
  <c r="KB52" i="1" s="1"/>
  <c r="KC52" i="1" s="1"/>
  <c r="KD52" i="1" s="1"/>
  <c r="KE52" i="1" s="1"/>
  <c r="KF52" i="1" s="1"/>
  <c r="KG52" i="1" s="1"/>
  <c r="KH52" i="1" s="1"/>
  <c r="KI52" i="1" s="1"/>
  <c r="KJ52" i="1" s="1"/>
  <c r="KK52" i="1" s="1"/>
  <c r="KL52" i="1" s="1"/>
  <c r="KM52" i="1" s="1"/>
  <c r="KN52" i="1" s="1"/>
  <c r="KO52" i="1" s="1"/>
  <c r="KP52" i="1" s="1"/>
  <c r="KQ52" i="1" s="1"/>
  <c r="KR52" i="1" s="1"/>
  <c r="KS52" i="1" s="1"/>
  <c r="KT52" i="1" s="1"/>
  <c r="KU52" i="1" s="1"/>
  <c r="KV52" i="1" s="1"/>
  <c r="KW52" i="1" s="1"/>
  <c r="KX52" i="1" s="1"/>
  <c r="KY52" i="1" s="1"/>
  <c r="KZ52" i="1" s="1"/>
  <c r="LA52" i="1" s="1"/>
  <c r="LB52" i="1" s="1"/>
  <c r="LC52" i="1" s="1"/>
  <c r="LD52" i="1" s="1"/>
  <c r="LE52" i="1" s="1"/>
  <c r="LF52" i="1" s="1"/>
  <c r="LG52" i="1" s="1"/>
  <c r="LH52" i="1" s="1"/>
  <c r="LI52" i="1" s="1"/>
  <c r="LJ52" i="1" s="1"/>
  <c r="LK52" i="1" s="1"/>
  <c r="LL52" i="1" s="1"/>
  <c r="LM52" i="1" s="1"/>
  <c r="LN52" i="1" s="1"/>
  <c r="LO52" i="1" s="1"/>
  <c r="LP52" i="1" s="1"/>
  <c r="LQ52" i="1" s="1"/>
  <c r="LR52" i="1" s="1"/>
  <c r="LS52" i="1" s="1"/>
  <c r="LT52" i="1" s="1"/>
  <c r="LU52" i="1" s="1"/>
  <c r="LV52" i="1" s="1"/>
  <c r="LW52" i="1" s="1"/>
  <c r="LX52" i="1" s="1"/>
  <c r="LY52" i="1" s="1"/>
  <c r="LZ52" i="1" s="1"/>
  <c r="MA52" i="1" s="1"/>
  <c r="MB52" i="1" s="1"/>
  <c r="MC52" i="1" s="1"/>
  <c r="MD52" i="1" s="1"/>
  <c r="ME52" i="1" s="1"/>
  <c r="MF52" i="1" s="1"/>
  <c r="MG52" i="1" s="1"/>
  <c r="MH52" i="1" s="1"/>
  <c r="MI52" i="1" s="1"/>
  <c r="MJ52" i="1" s="1"/>
  <c r="MK52" i="1" s="1"/>
  <c r="ML52" i="1" s="1"/>
  <c r="MM52" i="1" s="1"/>
  <c r="MN52" i="1" s="1"/>
  <c r="MO52" i="1" s="1"/>
  <c r="MP52" i="1" s="1"/>
  <c r="MQ52" i="1" s="1"/>
  <c r="MR52" i="1" s="1"/>
  <c r="MS52" i="1" s="1"/>
  <c r="MT52" i="1" s="1"/>
  <c r="MU52" i="1" s="1"/>
  <c r="MV52" i="1" s="1"/>
  <c r="MW52" i="1" s="1"/>
  <c r="MX52" i="1" s="1"/>
  <c r="MY52" i="1" s="1"/>
  <c r="MZ52" i="1" s="1"/>
  <c r="NA52" i="1" s="1"/>
  <c r="NB52" i="1" s="1"/>
  <c r="NC52" i="1" s="1"/>
  <c r="ND52" i="1" s="1"/>
  <c r="NE52" i="1" s="1"/>
  <c r="NF52" i="1" s="1"/>
  <c r="NG52" i="1" s="1"/>
  <c r="NH52" i="1" s="1"/>
  <c r="NI52" i="1" s="1"/>
  <c r="NJ52" i="1" s="1"/>
  <c r="NK52" i="1" s="1"/>
  <c r="NL52" i="1" s="1"/>
  <c r="NM52" i="1" s="1"/>
  <c r="NN52" i="1" s="1"/>
  <c r="NO52" i="1" s="1"/>
  <c r="NP52" i="1" s="1"/>
  <c r="NQ52" i="1" s="1"/>
  <c r="NR52" i="1" s="1"/>
  <c r="NS52" i="1" s="1"/>
  <c r="NT52" i="1" s="1"/>
  <c r="NU52" i="1" s="1"/>
  <c r="NV52" i="1" s="1"/>
  <c r="NW52" i="1" s="1"/>
  <c r="NX52" i="1" s="1"/>
  <c r="NY52" i="1" s="1"/>
  <c r="NZ52" i="1" s="1"/>
  <c r="OA52" i="1" s="1"/>
  <c r="OB52" i="1" s="1"/>
  <c r="OC52" i="1" s="1"/>
  <c r="OD52" i="1" s="1"/>
  <c r="OE52" i="1" s="1"/>
  <c r="OF52" i="1" s="1"/>
  <c r="OG52" i="1" s="1"/>
  <c r="OH52" i="1" s="1"/>
  <c r="OI52" i="1" s="1"/>
  <c r="OJ52" i="1" s="1"/>
  <c r="OK52" i="1" s="1"/>
  <c r="OL52" i="1" s="1"/>
  <c r="OM52" i="1" s="1"/>
  <c r="ON52" i="1" s="1"/>
  <c r="OO52" i="1" s="1"/>
  <c r="OP52" i="1" s="1"/>
  <c r="OQ52" i="1" s="1"/>
  <c r="OR52" i="1" s="1"/>
  <c r="OS52" i="1" s="1"/>
  <c r="OT52" i="1" s="1"/>
  <c r="OU52" i="1" s="1"/>
  <c r="OV52" i="1" s="1"/>
  <c r="OW52" i="1" s="1"/>
  <c r="OX52" i="1" s="1"/>
  <c r="OY52" i="1" s="1"/>
  <c r="OZ52" i="1" s="1"/>
  <c r="PA52" i="1" s="1"/>
  <c r="PB52" i="1" s="1"/>
  <c r="PC52" i="1" s="1"/>
  <c r="PD52" i="1" s="1"/>
  <c r="PE52" i="1" s="1"/>
  <c r="PF52" i="1" s="1"/>
  <c r="PG52" i="1" s="1"/>
  <c r="PH52" i="1" s="1"/>
  <c r="PI52" i="1" s="1"/>
  <c r="PJ52" i="1" s="1"/>
  <c r="PK52" i="1" s="1"/>
  <c r="PL52" i="1" s="1"/>
  <c r="PM52" i="1" s="1"/>
  <c r="PN52" i="1" s="1"/>
  <c r="PO52" i="1" s="1"/>
  <c r="PP52" i="1" s="1"/>
  <c r="PQ52" i="1" s="1"/>
  <c r="PR52" i="1" s="1"/>
  <c r="PS52" i="1" s="1"/>
  <c r="PT52" i="1" s="1"/>
  <c r="PU52" i="1" s="1"/>
  <c r="PV52" i="1" s="1"/>
  <c r="PW52" i="1" s="1"/>
  <c r="PX52" i="1" s="1"/>
  <c r="PY52" i="1" s="1"/>
  <c r="PZ52" i="1" s="1"/>
  <c r="QA52" i="1" s="1"/>
  <c r="QB52" i="1" s="1"/>
  <c r="QC52" i="1" s="1"/>
  <c r="QD52" i="1" s="1"/>
  <c r="QE52" i="1" s="1"/>
  <c r="QF52" i="1" s="1"/>
  <c r="QG52" i="1" s="1"/>
  <c r="QH52" i="1" s="1"/>
  <c r="QI52" i="1" s="1"/>
  <c r="QJ52" i="1" s="1"/>
  <c r="QK52" i="1" s="1"/>
  <c r="QL52" i="1" s="1"/>
  <c r="QM52" i="1" s="1"/>
  <c r="QN52" i="1" s="1"/>
  <c r="QO52" i="1" s="1"/>
  <c r="QP52" i="1" s="1"/>
  <c r="QQ52" i="1" s="1"/>
  <c r="QR52" i="1" s="1"/>
  <c r="QS52" i="1" s="1"/>
  <c r="QT52" i="1" s="1"/>
  <c r="QU52" i="1" s="1"/>
  <c r="QV52" i="1" s="1"/>
  <c r="QW52" i="1" s="1"/>
  <c r="QX52" i="1" s="1"/>
  <c r="QY52" i="1" s="1"/>
  <c r="QZ52" i="1" s="1"/>
  <c r="RA52" i="1" s="1"/>
  <c r="RB52" i="1" s="1"/>
  <c r="RC52" i="1" s="1"/>
  <c r="RD52" i="1" s="1"/>
  <c r="RE52" i="1" s="1"/>
  <c r="RF52" i="1" s="1"/>
  <c r="RG52" i="1" s="1"/>
  <c r="RH52" i="1" s="1"/>
  <c r="RI52" i="1" s="1"/>
  <c r="RJ52" i="1" s="1"/>
  <c r="RK52" i="1" s="1"/>
  <c r="RL52" i="1" s="1"/>
  <c r="RM52" i="1" s="1"/>
  <c r="RN52" i="1" s="1"/>
  <c r="RO52" i="1" s="1"/>
  <c r="RP52" i="1" s="1"/>
  <c r="RQ52" i="1" s="1"/>
  <c r="RR52" i="1" s="1"/>
  <c r="RS52" i="1" s="1"/>
  <c r="RT52" i="1" s="1"/>
  <c r="RU52" i="1" s="1"/>
  <c r="RV52" i="1" s="1"/>
  <c r="RW52" i="1" s="1"/>
  <c r="RX52" i="1" s="1"/>
  <c r="RY52" i="1" s="1"/>
  <c r="RZ52" i="1" s="1"/>
  <c r="SA52" i="1" s="1"/>
  <c r="SB52" i="1" s="1"/>
  <c r="SC52" i="1" s="1"/>
  <c r="SD52" i="1" s="1"/>
  <c r="SE52" i="1" s="1"/>
  <c r="SF52" i="1" s="1"/>
  <c r="SG52" i="1" s="1"/>
  <c r="SH52" i="1" s="1"/>
  <c r="SI52" i="1" s="1"/>
  <c r="SJ52" i="1" s="1"/>
  <c r="SK52" i="1" s="1"/>
  <c r="SL52" i="1" s="1"/>
  <c r="SM52" i="1" s="1"/>
  <c r="SN52" i="1" s="1"/>
  <c r="SO52" i="1" s="1"/>
  <c r="SP52" i="1" s="1"/>
  <c r="SQ52" i="1" s="1"/>
  <c r="SR52" i="1" s="1"/>
  <c r="SS52" i="1" s="1"/>
  <c r="ST52" i="1" s="1"/>
  <c r="SU52" i="1" s="1"/>
  <c r="SV52" i="1" s="1"/>
  <c r="SW52" i="1" s="1"/>
  <c r="SX52" i="1" s="1"/>
  <c r="SY52" i="1" s="1"/>
  <c r="SZ52" i="1" s="1"/>
  <c r="TA52" i="1" s="1"/>
  <c r="TB52" i="1" s="1"/>
  <c r="TC52" i="1" s="1"/>
  <c r="TD52" i="1" s="1"/>
  <c r="TE52" i="1" s="1"/>
  <c r="TF52" i="1" s="1"/>
  <c r="TG52" i="1" s="1"/>
  <c r="TH52" i="1" s="1"/>
  <c r="TI52" i="1" s="1"/>
  <c r="TJ52" i="1" s="1"/>
  <c r="TK52" i="1" s="1"/>
  <c r="TL52" i="1" s="1"/>
  <c r="TM52" i="1" s="1"/>
  <c r="TN52" i="1" s="1"/>
  <c r="TO52" i="1" s="1"/>
  <c r="TP52" i="1" s="1"/>
  <c r="TQ52" i="1" s="1"/>
  <c r="TR52" i="1" s="1"/>
  <c r="TS52" i="1" s="1"/>
  <c r="TT52" i="1" s="1"/>
  <c r="TU52" i="1" s="1"/>
  <c r="TV52" i="1" s="1"/>
  <c r="TW52" i="1" s="1"/>
  <c r="TX52" i="1" s="1"/>
  <c r="TY52" i="1" s="1"/>
  <c r="TZ52" i="1" s="1"/>
  <c r="UA52" i="1" s="1"/>
  <c r="UB52" i="1" s="1"/>
  <c r="UC52" i="1" s="1"/>
  <c r="UD52" i="1" s="1"/>
  <c r="UE52" i="1" s="1"/>
  <c r="UF52" i="1" s="1"/>
  <c r="UG52" i="1" s="1"/>
  <c r="UH52" i="1" s="1"/>
  <c r="UI52" i="1" s="1"/>
  <c r="UJ52" i="1" s="1"/>
  <c r="UK52" i="1" s="1"/>
  <c r="UL52" i="1" s="1"/>
  <c r="UM52" i="1" s="1"/>
  <c r="UN52" i="1" s="1"/>
  <c r="UO52" i="1" s="1"/>
  <c r="UP52" i="1" s="1"/>
  <c r="UQ52" i="1" s="1"/>
  <c r="UR52" i="1" s="1"/>
  <c r="US52" i="1" s="1"/>
  <c r="UT52" i="1" s="1"/>
  <c r="UU52" i="1" s="1"/>
  <c r="UV52" i="1" s="1"/>
  <c r="UW52" i="1" s="1"/>
  <c r="UX52" i="1" s="1"/>
  <c r="UY52" i="1" s="1"/>
  <c r="UZ52" i="1" s="1"/>
  <c r="VA52" i="1" s="1"/>
  <c r="VB52" i="1" s="1"/>
  <c r="VC52" i="1" s="1"/>
  <c r="VD52" i="1" s="1"/>
  <c r="VE52" i="1" s="1"/>
  <c r="VF52" i="1" s="1"/>
  <c r="VG52" i="1" s="1"/>
  <c r="VH52" i="1" s="1"/>
  <c r="VI52" i="1" s="1"/>
  <c r="VJ52" i="1" s="1"/>
  <c r="VK52" i="1" s="1"/>
  <c r="VL52" i="1" s="1"/>
  <c r="VM52" i="1" s="1"/>
  <c r="VN52" i="1" s="1"/>
  <c r="VO52" i="1" s="1"/>
  <c r="VP52" i="1" s="1"/>
  <c r="VQ52" i="1" s="1"/>
  <c r="VR52" i="1" s="1"/>
  <c r="VS52" i="1" s="1"/>
  <c r="VT52" i="1" s="1"/>
  <c r="VU52" i="1" s="1"/>
  <c r="VV52" i="1" s="1"/>
  <c r="VW52" i="1" s="1"/>
  <c r="VX52" i="1" s="1"/>
  <c r="VY52" i="1" s="1"/>
  <c r="VZ52" i="1" s="1"/>
  <c r="WA52" i="1" s="1"/>
  <c r="WB52" i="1" s="1"/>
  <c r="WC52" i="1" s="1"/>
  <c r="WD52" i="1" s="1"/>
  <c r="WE52" i="1" s="1"/>
  <c r="WF52" i="1" s="1"/>
  <c r="WG52" i="1" s="1"/>
  <c r="WH52" i="1" s="1"/>
  <c r="WI52" i="1" s="1"/>
  <c r="WJ52" i="1" s="1"/>
  <c r="WK52" i="1" s="1"/>
  <c r="WL52" i="1" s="1"/>
  <c r="WM52" i="1" s="1"/>
  <c r="WN52" i="1" s="1"/>
  <c r="WO52" i="1" s="1"/>
  <c r="WP52" i="1" s="1"/>
  <c r="WQ52" i="1" s="1"/>
  <c r="WR52" i="1" s="1"/>
  <c r="WS52" i="1" s="1"/>
  <c r="WT52" i="1" s="1"/>
  <c r="WU52" i="1" s="1"/>
  <c r="WV52" i="1" s="1"/>
  <c r="WW52" i="1" s="1"/>
  <c r="WX52" i="1" s="1"/>
  <c r="WY52" i="1" s="1"/>
  <c r="WZ52" i="1" s="1"/>
  <c r="XA52" i="1" s="1"/>
  <c r="XB52" i="1" s="1"/>
  <c r="XC52" i="1" s="1"/>
  <c r="XD52" i="1" s="1"/>
  <c r="XE52" i="1" s="1"/>
  <c r="XF52" i="1" s="1"/>
  <c r="XG52" i="1" s="1"/>
  <c r="XH52" i="1" s="1"/>
  <c r="XI52" i="1" s="1"/>
  <c r="XJ52" i="1" s="1"/>
  <c r="XK52" i="1" s="1"/>
  <c r="XL52" i="1" s="1"/>
  <c r="XM52" i="1" s="1"/>
  <c r="XN52" i="1" s="1"/>
  <c r="XO52" i="1" s="1"/>
  <c r="XP52" i="1" s="1"/>
  <c r="XQ52" i="1" s="1"/>
  <c r="XR52" i="1" s="1"/>
  <c r="XS52" i="1" s="1"/>
  <c r="XT52" i="1" s="1"/>
  <c r="XU52" i="1" s="1"/>
  <c r="XV52" i="1" s="1"/>
  <c r="XW52" i="1" s="1"/>
  <c r="XX52" i="1" s="1"/>
  <c r="XY52" i="1" s="1"/>
  <c r="XZ52" i="1" s="1"/>
  <c r="YA52" i="1" s="1"/>
  <c r="YB52" i="1" s="1"/>
  <c r="YC52" i="1" s="1"/>
  <c r="YD52" i="1" s="1"/>
  <c r="YE52" i="1" s="1"/>
  <c r="YF52" i="1" s="1"/>
  <c r="YG52" i="1" s="1"/>
  <c r="YH52" i="1" s="1"/>
  <c r="YI52" i="1" s="1"/>
  <c r="YJ52" i="1" s="1"/>
  <c r="YK52" i="1" s="1"/>
  <c r="YL52" i="1" s="1"/>
  <c r="YM52" i="1" s="1"/>
  <c r="YN52" i="1" s="1"/>
  <c r="YO52" i="1" s="1"/>
  <c r="YP52" i="1" s="1"/>
  <c r="YQ52" i="1" s="1"/>
  <c r="YR52" i="1" s="1"/>
  <c r="YS52" i="1" s="1"/>
  <c r="YT52" i="1" s="1"/>
  <c r="YU52" i="1" s="1"/>
  <c r="YV52" i="1" s="1"/>
  <c r="YW52" i="1" s="1"/>
  <c r="YX52" i="1" s="1"/>
  <c r="YY52" i="1" s="1"/>
  <c r="YZ52" i="1" s="1"/>
  <c r="ZA52" i="1" s="1"/>
  <c r="ZB52" i="1" s="1"/>
  <c r="ZC52" i="1" s="1"/>
  <c r="ZD52" i="1" s="1"/>
  <c r="ZE52" i="1" s="1"/>
  <c r="ZF52" i="1" s="1"/>
  <c r="ZG52" i="1" s="1"/>
  <c r="ZH52" i="1" s="1"/>
  <c r="ZI52" i="1" s="1"/>
  <c r="ZJ52" i="1" s="1"/>
  <c r="ZK52" i="1" s="1"/>
  <c r="ZL52" i="1" s="1"/>
  <c r="ZM52" i="1" s="1"/>
  <c r="ZN52" i="1" s="1"/>
  <c r="ZO52" i="1" s="1"/>
  <c r="ZP52" i="1" s="1"/>
  <c r="ZQ52" i="1" s="1"/>
  <c r="ZR52" i="1" s="1"/>
  <c r="ZS52" i="1" s="1"/>
  <c r="ZT52" i="1" s="1"/>
  <c r="ZU52" i="1" s="1"/>
  <c r="ZV52" i="1" s="1"/>
  <c r="ZW52" i="1" s="1"/>
  <c r="ZX52" i="1" s="1"/>
  <c r="ZY52" i="1" s="1"/>
  <c r="ZZ52" i="1" s="1"/>
  <c r="AAA52" i="1" s="1"/>
  <c r="AAB52" i="1" s="1"/>
  <c r="AAC52" i="1" s="1"/>
  <c r="AAD52" i="1" s="1"/>
  <c r="AAE52" i="1" s="1"/>
  <c r="AAF52" i="1" s="1"/>
  <c r="AAG52" i="1" s="1"/>
  <c r="AAH52" i="1" s="1"/>
  <c r="AAI52" i="1" s="1"/>
  <c r="AAJ52" i="1" s="1"/>
  <c r="AAK52" i="1" s="1"/>
  <c r="AAL52" i="1" s="1"/>
  <c r="AAM52" i="1" s="1"/>
  <c r="AAN52" i="1" s="1"/>
  <c r="AAO52" i="1" s="1"/>
  <c r="AAP52" i="1" s="1"/>
  <c r="AAQ52" i="1" s="1"/>
  <c r="AAR52" i="1" s="1"/>
  <c r="AAS52" i="1" s="1"/>
  <c r="AAT52" i="1" s="1"/>
  <c r="AAU52" i="1" s="1"/>
  <c r="AAV52" i="1" s="1"/>
  <c r="AAW52" i="1" s="1"/>
  <c r="AAX52" i="1" s="1"/>
  <c r="AAY52" i="1" s="1"/>
  <c r="AAZ52" i="1" s="1"/>
  <c r="ABA52" i="1" s="1"/>
  <c r="ABB52" i="1" s="1"/>
  <c r="ABC52" i="1" s="1"/>
  <c r="ABD52" i="1" s="1"/>
  <c r="ABE52" i="1" s="1"/>
  <c r="ABF52" i="1" s="1"/>
  <c r="ABG52" i="1" s="1"/>
  <c r="ABH52" i="1" s="1"/>
  <c r="ABI52" i="1" s="1"/>
  <c r="ABJ52" i="1" s="1"/>
  <c r="ABK52" i="1" s="1"/>
  <c r="ABL52" i="1" s="1"/>
  <c r="ABM52" i="1" s="1"/>
  <c r="ABN52" i="1" s="1"/>
  <c r="ABO52" i="1" s="1"/>
  <c r="ABP52" i="1" s="1"/>
  <c r="ABQ52" i="1" s="1"/>
  <c r="ABR52" i="1" s="1"/>
  <c r="ABS52" i="1" s="1"/>
  <c r="ABT52" i="1" s="1"/>
  <c r="ABU52" i="1" s="1"/>
  <c r="ABV52" i="1" s="1"/>
  <c r="ABW52" i="1" s="1"/>
  <c r="ABX52" i="1" s="1"/>
  <c r="ABY52" i="1" s="1"/>
  <c r="ABZ52" i="1" s="1"/>
  <c r="ACA52" i="1" s="1"/>
  <c r="ACB52" i="1" s="1"/>
  <c r="ACC52" i="1" s="1"/>
  <c r="ACD52" i="1" s="1"/>
  <c r="ACE52" i="1" s="1"/>
  <c r="ACF52" i="1" s="1"/>
  <c r="ACG52" i="1" s="1"/>
  <c r="ACH52" i="1" s="1"/>
  <c r="ACI52" i="1" s="1"/>
  <c r="ACJ52" i="1" s="1"/>
  <c r="ACK52" i="1" s="1"/>
  <c r="ACL52" i="1" s="1"/>
  <c r="ACM52" i="1" s="1"/>
  <c r="ACN52" i="1" s="1"/>
  <c r="ACO52" i="1" s="1"/>
  <c r="ACP52" i="1" s="1"/>
  <c r="ACQ52" i="1" s="1"/>
  <c r="ACR52" i="1" s="1"/>
  <c r="ACS52" i="1" s="1"/>
  <c r="ACT52" i="1" s="1"/>
  <c r="ACU52" i="1" s="1"/>
  <c r="ACV52" i="1" s="1"/>
  <c r="ACW52" i="1" s="1"/>
  <c r="ACX52" i="1" s="1"/>
  <c r="ACY52" i="1" s="1"/>
  <c r="ACZ52" i="1" s="1"/>
  <c r="ADA52" i="1" s="1"/>
  <c r="ADB52" i="1" s="1"/>
  <c r="ADC52" i="1" s="1"/>
  <c r="ADD52" i="1" s="1"/>
  <c r="ADE52" i="1" s="1"/>
  <c r="ADF52" i="1" s="1"/>
  <c r="ADG52" i="1" s="1"/>
  <c r="ADH52" i="1" s="1"/>
  <c r="ADI52" i="1" s="1"/>
  <c r="ADJ52" i="1" s="1"/>
  <c r="ADK52" i="1" s="1"/>
  <c r="ADL52" i="1" s="1"/>
  <c r="ADM52" i="1" s="1"/>
  <c r="ADN52" i="1" s="1"/>
  <c r="ADO52" i="1" s="1"/>
  <c r="ADP52" i="1" s="1"/>
  <c r="ADQ52" i="1" s="1"/>
  <c r="ADR52" i="1" s="1"/>
  <c r="ADS52" i="1" s="1"/>
  <c r="ADT52" i="1" s="1"/>
  <c r="ADU52" i="1" s="1"/>
  <c r="ADV52" i="1" s="1"/>
  <c r="ADW52" i="1" s="1"/>
  <c r="ADX52" i="1" s="1"/>
  <c r="ADY52" i="1" s="1"/>
  <c r="ADZ52" i="1" s="1"/>
  <c r="AEA52" i="1" s="1"/>
  <c r="AEB52" i="1" s="1"/>
  <c r="AEC52" i="1" s="1"/>
  <c r="AED52" i="1" s="1"/>
  <c r="AEE52" i="1" s="1"/>
  <c r="AEF52" i="1" s="1"/>
  <c r="AEG52" i="1" s="1"/>
  <c r="AEH52" i="1" s="1"/>
  <c r="AEI52" i="1" s="1"/>
  <c r="AEJ52" i="1" s="1"/>
  <c r="AEK52" i="1" s="1"/>
  <c r="AEL52" i="1" s="1"/>
  <c r="AEM52" i="1" s="1"/>
  <c r="AEN52" i="1" s="1"/>
  <c r="AEO52" i="1" s="1"/>
  <c r="AEP52" i="1" s="1"/>
  <c r="AEQ52" i="1" s="1"/>
  <c r="AER52" i="1" s="1"/>
  <c r="AES52" i="1" s="1"/>
  <c r="AET52" i="1" s="1"/>
  <c r="AEU52" i="1" s="1"/>
  <c r="AEV52" i="1" s="1"/>
  <c r="AEW52" i="1" s="1"/>
  <c r="AEX52" i="1" s="1"/>
  <c r="AEY52" i="1" s="1"/>
  <c r="AEZ52" i="1" s="1"/>
  <c r="AFA52" i="1" s="1"/>
  <c r="AFB52" i="1" s="1"/>
  <c r="AFC52" i="1" s="1"/>
  <c r="AFD52" i="1" s="1"/>
  <c r="AFE52" i="1" s="1"/>
  <c r="AFF52" i="1" s="1"/>
  <c r="AFG52" i="1" s="1"/>
  <c r="AFH52" i="1" s="1"/>
  <c r="AFI52" i="1" s="1"/>
  <c r="AFJ52" i="1" s="1"/>
  <c r="AFK52" i="1" s="1"/>
  <c r="AFL52" i="1" s="1"/>
  <c r="AFM52" i="1" s="1"/>
  <c r="AFN52" i="1" s="1"/>
  <c r="AFO52" i="1" s="1"/>
  <c r="AFP52" i="1" s="1"/>
  <c r="AFQ52" i="1" s="1"/>
  <c r="AFR52" i="1" s="1"/>
  <c r="AFS52" i="1" s="1"/>
  <c r="AFT52" i="1" s="1"/>
  <c r="AFU52" i="1" s="1"/>
  <c r="AFV52" i="1" s="1"/>
  <c r="AFW52" i="1" s="1"/>
  <c r="AFX52" i="1" s="1"/>
  <c r="AFY52" i="1" s="1"/>
  <c r="AFZ52" i="1" s="1"/>
  <c r="AGA52" i="1" s="1"/>
  <c r="AGB52" i="1" s="1"/>
  <c r="AGC52" i="1" s="1"/>
  <c r="AGD52" i="1" s="1"/>
  <c r="AGE52" i="1" s="1"/>
  <c r="AGF52" i="1" s="1"/>
  <c r="AGG52" i="1" s="1"/>
  <c r="AGH52" i="1" s="1"/>
  <c r="AGI52" i="1" s="1"/>
  <c r="AGJ52" i="1" s="1"/>
  <c r="AGK52" i="1" s="1"/>
  <c r="AGL52" i="1" s="1"/>
  <c r="AGM52" i="1" s="1"/>
  <c r="AGN52" i="1" s="1"/>
  <c r="AGO52" i="1" s="1"/>
  <c r="AGP52" i="1" s="1"/>
  <c r="AGQ52" i="1" s="1"/>
  <c r="AGR52" i="1" s="1"/>
  <c r="AGS52" i="1" s="1"/>
  <c r="AGT52" i="1" s="1"/>
  <c r="AGU52" i="1" s="1"/>
  <c r="AGV52" i="1" s="1"/>
  <c r="AGW52" i="1" s="1"/>
  <c r="AGX52" i="1" s="1"/>
  <c r="AGY52" i="1" s="1"/>
  <c r="AGZ52" i="1" s="1"/>
  <c r="AHA52" i="1" s="1"/>
  <c r="AHB52" i="1" s="1"/>
  <c r="AHC52" i="1" s="1"/>
  <c r="AHD52" i="1" s="1"/>
  <c r="AHE52" i="1" s="1"/>
  <c r="AHF52" i="1" s="1"/>
  <c r="AHG52" i="1" s="1"/>
  <c r="AHH52" i="1" s="1"/>
  <c r="AHI52" i="1" s="1"/>
  <c r="AHJ52" i="1" s="1"/>
  <c r="AHK52" i="1" s="1"/>
  <c r="AHL52" i="1" s="1"/>
  <c r="AHM52" i="1" s="1"/>
  <c r="AHN52" i="1" s="1"/>
  <c r="AHO52" i="1" s="1"/>
  <c r="AHP52" i="1" s="1"/>
  <c r="AHQ52" i="1" s="1"/>
  <c r="AHR52" i="1" s="1"/>
  <c r="AHS52" i="1" s="1"/>
  <c r="AHT52" i="1" s="1"/>
  <c r="AHU52" i="1" s="1"/>
  <c r="AHV52" i="1" s="1"/>
  <c r="AHW52" i="1" s="1"/>
  <c r="AHX52" i="1" s="1"/>
  <c r="AHY52" i="1" s="1"/>
  <c r="AHZ52" i="1" s="1"/>
  <c r="AIA52" i="1" s="1"/>
  <c r="AIB52" i="1" s="1"/>
  <c r="AIC52" i="1" s="1"/>
  <c r="AID52" i="1" s="1"/>
  <c r="AIE52" i="1" s="1"/>
  <c r="AIF52" i="1" s="1"/>
  <c r="AIG52" i="1" s="1"/>
  <c r="AIH52" i="1" s="1"/>
  <c r="AII52" i="1" s="1"/>
  <c r="AIJ52" i="1" s="1"/>
  <c r="AIK52" i="1" s="1"/>
  <c r="AIL52" i="1" s="1"/>
  <c r="AIM52" i="1" s="1"/>
  <c r="AIN52" i="1" s="1"/>
  <c r="AIO52" i="1" s="1"/>
  <c r="AIP52" i="1" s="1"/>
  <c r="AIQ52" i="1" s="1"/>
  <c r="AIR52" i="1" s="1"/>
  <c r="AIS52" i="1" s="1"/>
  <c r="AIT52" i="1" s="1"/>
  <c r="AIU52" i="1" s="1"/>
  <c r="AIV52" i="1" s="1"/>
  <c r="AIW52" i="1" s="1"/>
  <c r="AIX52" i="1" s="1"/>
  <c r="AIY52" i="1" s="1"/>
  <c r="AIZ52" i="1" s="1"/>
  <c r="AJA52" i="1" s="1"/>
  <c r="AJB52" i="1" s="1"/>
  <c r="AJC52" i="1" s="1"/>
  <c r="AJD52" i="1" s="1"/>
  <c r="AJE52" i="1" s="1"/>
  <c r="AJF52" i="1" s="1"/>
  <c r="AJG52" i="1" s="1"/>
  <c r="AJH52" i="1" s="1"/>
  <c r="AJI52" i="1" s="1"/>
  <c r="AJJ52" i="1" s="1"/>
  <c r="AJK52" i="1" s="1"/>
  <c r="AJL52" i="1" s="1"/>
  <c r="AJM52" i="1" s="1"/>
  <c r="AJN52" i="1" s="1"/>
  <c r="AJO52" i="1" s="1"/>
  <c r="AJP52" i="1" s="1"/>
  <c r="AJQ52" i="1" s="1"/>
  <c r="AJR52" i="1" s="1"/>
  <c r="AJS52" i="1" s="1"/>
  <c r="AJT52" i="1" s="1"/>
  <c r="AJU52" i="1" s="1"/>
  <c r="AJV52" i="1" s="1"/>
  <c r="AJW52" i="1" s="1"/>
  <c r="AJX52" i="1" s="1"/>
  <c r="AJY52" i="1" s="1"/>
  <c r="AJZ52" i="1" s="1"/>
  <c r="AKA52" i="1" s="1"/>
  <c r="AKB52" i="1" s="1"/>
  <c r="AKC52" i="1" s="1"/>
  <c r="AKD52" i="1" s="1"/>
  <c r="AKE52" i="1" s="1"/>
  <c r="AKF52" i="1" s="1"/>
  <c r="AKG52" i="1" s="1"/>
  <c r="AKH52" i="1" s="1"/>
  <c r="AKI52" i="1" s="1"/>
  <c r="AKJ52" i="1" s="1"/>
  <c r="AKK52" i="1" s="1"/>
  <c r="AKL52" i="1" s="1"/>
  <c r="AKM52" i="1" s="1"/>
  <c r="AKN52" i="1" s="1"/>
  <c r="AKO52" i="1" s="1"/>
  <c r="AKP52" i="1" s="1"/>
  <c r="AKQ52" i="1" s="1"/>
  <c r="AKR52" i="1" s="1"/>
  <c r="AKS52" i="1" s="1"/>
  <c r="AKT52" i="1" s="1"/>
  <c r="AKU52" i="1" s="1"/>
  <c r="AKV52" i="1" s="1"/>
  <c r="AKW52" i="1" s="1"/>
  <c r="AKX52" i="1" s="1"/>
  <c r="AKY52" i="1" s="1"/>
  <c r="AKZ52" i="1" s="1"/>
  <c r="ALA52" i="1" s="1"/>
  <c r="ALB52" i="1" s="1"/>
  <c r="ALC52" i="1" s="1"/>
  <c r="ALD52" i="1" s="1"/>
  <c r="ALE52" i="1" s="1"/>
  <c r="ALF52" i="1" s="1"/>
  <c r="ALG52" i="1" s="1"/>
  <c r="ALH52" i="1" s="1"/>
  <c r="ALI52" i="1" s="1"/>
  <c r="ALJ52" i="1" s="1"/>
  <c r="ALK52" i="1" s="1"/>
  <c r="ALL52" i="1" s="1"/>
  <c r="ALM52" i="1" s="1"/>
  <c r="ALN52" i="1" s="1"/>
  <c r="ALO52" i="1" s="1"/>
  <c r="ALP52" i="1" s="1"/>
  <c r="ALQ52" i="1" s="1"/>
  <c r="ALR52" i="1" s="1"/>
  <c r="ALS52" i="1" s="1"/>
  <c r="ALT52" i="1" s="1"/>
  <c r="ALU52" i="1" s="1"/>
  <c r="ALV52" i="1" s="1"/>
  <c r="ALW52" i="1" s="1"/>
  <c r="ALX52" i="1" s="1"/>
  <c r="ALY52" i="1" s="1"/>
  <c r="ALZ52" i="1" s="1"/>
  <c r="AMA52" i="1" s="1"/>
  <c r="AMB52" i="1" s="1"/>
  <c r="AMC52" i="1" s="1"/>
  <c r="AMD52" i="1" s="1"/>
  <c r="AME52" i="1" s="1"/>
  <c r="AMF52" i="1" s="1"/>
  <c r="AMG52" i="1" s="1"/>
  <c r="AMH52" i="1" s="1"/>
  <c r="AMI52" i="1" s="1"/>
  <c r="AMJ52" i="1" s="1"/>
  <c r="AMK52" i="1" s="1"/>
  <c r="AML52" i="1" s="1"/>
  <c r="AMM52" i="1" s="1"/>
  <c r="AMN52" i="1" s="1"/>
  <c r="AMO52" i="1" s="1"/>
  <c r="AMP52" i="1" s="1"/>
  <c r="AMQ52" i="1" s="1"/>
  <c r="AMR52" i="1" s="1"/>
  <c r="AMS52" i="1" s="1"/>
  <c r="AMT52" i="1" s="1"/>
  <c r="AMU52" i="1" s="1"/>
  <c r="AMV52" i="1" s="1"/>
  <c r="AMW52" i="1" s="1"/>
  <c r="AMX52" i="1" s="1"/>
  <c r="AMY52" i="1" s="1"/>
  <c r="AMZ52" i="1" s="1"/>
  <c r="ANA52" i="1" s="1"/>
  <c r="ANB52" i="1" s="1"/>
  <c r="ANC52" i="1" s="1"/>
  <c r="AND52" i="1" s="1"/>
  <c r="ANE52" i="1" s="1"/>
  <c r="ANF52" i="1" s="1"/>
  <c r="ANG52" i="1" s="1"/>
  <c r="ANH52" i="1" s="1"/>
  <c r="ANI52" i="1" s="1"/>
  <c r="ANJ52" i="1" s="1"/>
  <c r="ANK52" i="1" s="1"/>
  <c r="ANL52" i="1" s="1"/>
  <c r="ANM52" i="1" s="1"/>
  <c r="ANN52" i="1" s="1"/>
  <c r="ANO52" i="1" s="1"/>
  <c r="ANP52" i="1" s="1"/>
  <c r="ANQ52" i="1" s="1"/>
  <c r="ANR52" i="1" s="1"/>
  <c r="ANS52" i="1" s="1"/>
  <c r="ANT52" i="1" s="1"/>
  <c r="ANU52" i="1" s="1"/>
  <c r="ANV52" i="1" s="1"/>
  <c r="ANW52" i="1" s="1"/>
  <c r="ANX52" i="1" s="1"/>
  <c r="ANY52" i="1" s="1"/>
  <c r="ANZ52" i="1" s="1"/>
  <c r="AOA52" i="1" s="1"/>
  <c r="AOB52" i="1" s="1"/>
  <c r="AOC52" i="1" s="1"/>
  <c r="AOD52" i="1" s="1"/>
  <c r="AOE52" i="1" s="1"/>
  <c r="AOF52" i="1" s="1"/>
  <c r="AOG52" i="1" s="1"/>
  <c r="AOH52" i="1" s="1"/>
  <c r="AOI52" i="1" s="1"/>
  <c r="AOJ52" i="1" s="1"/>
  <c r="AOK52" i="1" s="1"/>
  <c r="AOL52" i="1" s="1"/>
  <c r="AOM52" i="1" s="1"/>
  <c r="AON52" i="1" s="1"/>
  <c r="AOO52" i="1" s="1"/>
  <c r="AOP52" i="1" s="1"/>
  <c r="AOQ52" i="1" s="1"/>
  <c r="AOR52" i="1" s="1"/>
  <c r="AOS52" i="1" s="1"/>
  <c r="AOT52" i="1" s="1"/>
  <c r="AOU52" i="1" s="1"/>
  <c r="AOV52" i="1" s="1"/>
  <c r="AOW52" i="1" s="1"/>
  <c r="AOX52" i="1" s="1"/>
  <c r="AOY52" i="1" s="1"/>
  <c r="AOZ52" i="1" s="1"/>
  <c r="APA52" i="1" s="1"/>
  <c r="APB52" i="1" s="1"/>
  <c r="APC52" i="1" s="1"/>
  <c r="APD52" i="1" s="1"/>
  <c r="APE52" i="1" s="1"/>
  <c r="APF52" i="1" s="1"/>
  <c r="APG52" i="1" s="1"/>
  <c r="APH52" i="1" s="1"/>
  <c r="API52" i="1" s="1"/>
  <c r="APJ52" i="1" s="1"/>
  <c r="APK52" i="1" s="1"/>
  <c r="APL52" i="1" s="1"/>
  <c r="APM52" i="1" s="1"/>
  <c r="APN52" i="1" s="1"/>
  <c r="APO52" i="1" s="1"/>
  <c r="APP52" i="1" s="1"/>
  <c r="APQ52" i="1" s="1"/>
  <c r="APR52" i="1" s="1"/>
  <c r="APS52" i="1" s="1"/>
  <c r="APT52" i="1" s="1"/>
  <c r="APU52" i="1" s="1"/>
  <c r="APV52" i="1" s="1"/>
  <c r="APW52" i="1" s="1"/>
  <c r="APX52" i="1" s="1"/>
  <c r="APY52" i="1" s="1"/>
  <c r="APZ52" i="1" s="1"/>
  <c r="AQA52" i="1" s="1"/>
  <c r="AQB52" i="1" s="1"/>
  <c r="AQC52" i="1" s="1"/>
  <c r="AQD52" i="1" s="1"/>
  <c r="AQE52" i="1" s="1"/>
  <c r="AQF52" i="1" s="1"/>
  <c r="AQG52" i="1" s="1"/>
  <c r="AQH52" i="1" s="1"/>
  <c r="AQI52" i="1" s="1"/>
  <c r="AQJ52" i="1" s="1"/>
  <c r="AQK52" i="1" s="1"/>
  <c r="AQL52" i="1" s="1"/>
  <c r="AQM52" i="1" s="1"/>
  <c r="AQN52" i="1" s="1"/>
  <c r="AQO52" i="1" s="1"/>
  <c r="AQP52" i="1" s="1"/>
  <c r="AQQ52" i="1" s="1"/>
  <c r="AQR52" i="1" s="1"/>
  <c r="AQS52" i="1" s="1"/>
  <c r="AQT52" i="1" s="1"/>
  <c r="AQU52" i="1" s="1"/>
  <c r="AQV52" i="1" s="1"/>
  <c r="AQW52" i="1" s="1"/>
  <c r="AQX52" i="1" s="1"/>
  <c r="AQY52" i="1" s="1"/>
  <c r="AQZ52" i="1" s="1"/>
  <c r="ARA52" i="1" s="1"/>
  <c r="ARB52" i="1" s="1"/>
  <c r="ARC52" i="1" s="1"/>
  <c r="ARD52" i="1" s="1"/>
  <c r="ARE52" i="1" s="1"/>
  <c r="ARF52" i="1" s="1"/>
  <c r="ARG52" i="1" s="1"/>
  <c r="ARH52" i="1" s="1"/>
  <c r="ARI52" i="1" s="1"/>
  <c r="ARJ52" i="1" s="1"/>
  <c r="ARK52" i="1" s="1"/>
  <c r="ARL52" i="1" s="1"/>
  <c r="ARM52" i="1" s="1"/>
  <c r="ARN52" i="1" s="1"/>
  <c r="ARO52" i="1" s="1"/>
  <c r="ARP52" i="1" s="1"/>
  <c r="ARQ52" i="1" s="1"/>
  <c r="ARR52" i="1" s="1"/>
  <c r="ARS52" i="1" s="1"/>
  <c r="ART52" i="1" s="1"/>
  <c r="ARU52" i="1" s="1"/>
  <c r="ARV52" i="1" s="1"/>
  <c r="ARW52" i="1" s="1"/>
  <c r="ARX52" i="1" s="1"/>
  <c r="ARY52" i="1" s="1"/>
  <c r="ARZ52" i="1" s="1"/>
  <c r="ASA52" i="1" s="1"/>
  <c r="ASB52" i="1" s="1"/>
  <c r="ASC52" i="1" s="1"/>
  <c r="ASD52" i="1" s="1"/>
  <c r="ASE52" i="1" s="1"/>
  <c r="ASF52" i="1" s="1"/>
  <c r="ASG52" i="1" s="1"/>
  <c r="ASH52" i="1" s="1"/>
  <c r="ASI52" i="1" s="1"/>
  <c r="ASJ52" i="1" s="1"/>
  <c r="ASK52" i="1" s="1"/>
  <c r="ASL52" i="1" s="1"/>
  <c r="ASM52" i="1" s="1"/>
  <c r="ASN52" i="1" s="1"/>
  <c r="ASO52" i="1" s="1"/>
  <c r="ASP52" i="1" s="1"/>
  <c r="ASQ52" i="1" s="1"/>
  <c r="ASR52" i="1" s="1"/>
  <c r="ASS52" i="1" s="1"/>
  <c r="AST52" i="1" s="1"/>
  <c r="ASU52" i="1" s="1"/>
  <c r="ASV52" i="1" s="1"/>
  <c r="ASW52" i="1" s="1"/>
  <c r="ASX52" i="1" s="1"/>
  <c r="ASY52" i="1" s="1"/>
  <c r="ASZ52" i="1" s="1"/>
  <c r="ATA52" i="1" s="1"/>
  <c r="ATB52" i="1" s="1"/>
  <c r="ATC52" i="1" s="1"/>
  <c r="ATD52" i="1" s="1"/>
  <c r="ATE52" i="1" s="1"/>
  <c r="ATF52" i="1" s="1"/>
  <c r="ATG52" i="1" s="1"/>
  <c r="ATH52" i="1" s="1"/>
  <c r="ATI52" i="1" s="1"/>
  <c r="ATJ52" i="1" s="1"/>
  <c r="ATK52" i="1" s="1"/>
  <c r="ATL52" i="1" s="1"/>
  <c r="ATM52" i="1" s="1"/>
  <c r="ATN52" i="1" s="1"/>
  <c r="ATO52" i="1" s="1"/>
  <c r="ATP52" i="1" s="1"/>
  <c r="ATQ52" i="1" s="1"/>
  <c r="ATR52" i="1" s="1"/>
  <c r="ATS52" i="1" s="1"/>
  <c r="ATT52" i="1" s="1"/>
  <c r="ATU52" i="1" s="1"/>
  <c r="ATV52" i="1" s="1"/>
  <c r="ATW52" i="1" s="1"/>
  <c r="ATX52" i="1" s="1"/>
  <c r="ATY52" i="1" s="1"/>
  <c r="ATZ52" i="1" s="1"/>
  <c r="AUA52" i="1" s="1"/>
  <c r="AUB52" i="1" s="1"/>
  <c r="AUC52" i="1" s="1"/>
  <c r="AUD52" i="1" s="1"/>
  <c r="AUE52" i="1" s="1"/>
  <c r="AUF52" i="1" s="1"/>
  <c r="AUG52" i="1" s="1"/>
  <c r="AUH52" i="1" s="1"/>
  <c r="AUI52" i="1" s="1"/>
  <c r="AUJ52" i="1" s="1"/>
  <c r="AUK52" i="1" s="1"/>
  <c r="AUL52" i="1" s="1"/>
  <c r="AUM52" i="1" s="1"/>
  <c r="AUN52" i="1" s="1"/>
  <c r="AUO52" i="1" s="1"/>
  <c r="AUP52" i="1" s="1"/>
  <c r="AUQ52" i="1" s="1"/>
  <c r="AUR52" i="1" s="1"/>
  <c r="AUS52" i="1" s="1"/>
  <c r="AUT52" i="1" s="1"/>
  <c r="AUU52" i="1" s="1"/>
  <c r="AUV52" i="1" s="1"/>
  <c r="AUW52" i="1" s="1"/>
  <c r="AUX52" i="1" s="1"/>
  <c r="AUY52" i="1" s="1"/>
  <c r="AUZ52" i="1" s="1"/>
  <c r="AVA52" i="1" s="1"/>
  <c r="AVB52" i="1" s="1"/>
  <c r="AVC52" i="1" s="1"/>
  <c r="AVD52" i="1" s="1"/>
  <c r="AVE52" i="1" s="1"/>
  <c r="AVF52" i="1" s="1"/>
  <c r="AVG52" i="1" s="1"/>
  <c r="AVH52" i="1" s="1"/>
  <c r="AVI52" i="1" s="1"/>
  <c r="AVJ52" i="1" s="1"/>
  <c r="AVK52" i="1" s="1"/>
  <c r="AVL52" i="1" s="1"/>
  <c r="AVM52" i="1" s="1"/>
  <c r="AVN52" i="1" s="1"/>
  <c r="AVO52" i="1" s="1"/>
  <c r="AVP52" i="1" s="1"/>
  <c r="AVQ52" i="1" s="1"/>
  <c r="AVR52" i="1" s="1"/>
  <c r="AVS52" i="1" s="1"/>
  <c r="AVT52" i="1" s="1"/>
  <c r="AVU52" i="1" s="1"/>
  <c r="AVV52" i="1" s="1"/>
  <c r="AVW52" i="1" s="1"/>
  <c r="AVX52" i="1" s="1"/>
  <c r="AVY52" i="1" s="1"/>
  <c r="AVZ52" i="1" s="1"/>
  <c r="AWA52" i="1" s="1"/>
  <c r="AWB52" i="1" s="1"/>
  <c r="AWC52" i="1" s="1"/>
  <c r="AWD52" i="1" s="1"/>
  <c r="AWE52" i="1" s="1"/>
  <c r="AWF52" i="1" s="1"/>
  <c r="AWG52" i="1" s="1"/>
  <c r="AWH52" i="1" s="1"/>
  <c r="AWI52" i="1" s="1"/>
  <c r="AWJ52" i="1" s="1"/>
  <c r="AWK52" i="1" s="1"/>
  <c r="AWL52" i="1" s="1"/>
  <c r="AWM52" i="1" s="1"/>
  <c r="AWN52" i="1" s="1"/>
  <c r="AWO52" i="1" s="1"/>
  <c r="AWP52" i="1" s="1"/>
  <c r="AWQ52" i="1" s="1"/>
  <c r="AWR52" i="1" s="1"/>
  <c r="AWS52" i="1" s="1"/>
  <c r="AWT52" i="1" s="1"/>
  <c r="AWU52" i="1" s="1"/>
  <c r="AWV52" i="1" s="1"/>
  <c r="AWW52" i="1" s="1"/>
  <c r="AWX52" i="1" s="1"/>
  <c r="AWY52" i="1" s="1"/>
  <c r="AWZ52" i="1" s="1"/>
  <c r="AXA52" i="1" s="1"/>
  <c r="AXB52" i="1" s="1"/>
  <c r="AXC52" i="1" s="1"/>
  <c r="AXD52" i="1" s="1"/>
  <c r="AXE52" i="1" s="1"/>
  <c r="AXF52" i="1" s="1"/>
  <c r="AXG52" i="1" s="1"/>
  <c r="AXH52" i="1" s="1"/>
  <c r="AXI52" i="1" s="1"/>
  <c r="AXJ52" i="1" s="1"/>
  <c r="AXK52" i="1" s="1"/>
  <c r="AXL52" i="1" s="1"/>
  <c r="AXM52" i="1" s="1"/>
  <c r="AXN52" i="1" s="1"/>
  <c r="AXO52" i="1" s="1"/>
  <c r="AXP52" i="1" s="1"/>
  <c r="AXQ52" i="1" s="1"/>
  <c r="AXR52" i="1" s="1"/>
  <c r="AXS52" i="1" s="1"/>
  <c r="AXT52" i="1" s="1"/>
  <c r="AXU52" i="1" s="1"/>
  <c r="AXV52" i="1" s="1"/>
  <c r="AXW52" i="1" s="1"/>
  <c r="AXX52" i="1" s="1"/>
  <c r="AXY52" i="1" s="1"/>
  <c r="AXZ52" i="1" s="1"/>
  <c r="AYA52" i="1" s="1"/>
  <c r="AYB52" i="1" s="1"/>
  <c r="AYC52" i="1" s="1"/>
  <c r="AYD52" i="1" s="1"/>
  <c r="AYE52" i="1" s="1"/>
  <c r="AYF52" i="1" s="1"/>
  <c r="AYG52" i="1" s="1"/>
  <c r="AYH52" i="1" s="1"/>
  <c r="AYI52" i="1" s="1"/>
  <c r="AYJ52" i="1" s="1"/>
  <c r="AYK52" i="1" s="1"/>
  <c r="AYL52" i="1" s="1"/>
  <c r="AYM52" i="1" s="1"/>
  <c r="AYN52" i="1" s="1"/>
  <c r="AYO52" i="1" s="1"/>
  <c r="AYP52" i="1" s="1"/>
  <c r="AYQ52" i="1" s="1"/>
  <c r="AYR52" i="1" s="1"/>
  <c r="AYS52" i="1" s="1"/>
  <c r="AYT52" i="1" s="1"/>
  <c r="AYU52" i="1" s="1"/>
  <c r="AYV52" i="1" s="1"/>
  <c r="AYW52" i="1" s="1"/>
  <c r="AYX52" i="1" s="1"/>
  <c r="AYY52" i="1" s="1"/>
  <c r="AYZ52" i="1" s="1"/>
  <c r="AZA52" i="1" s="1"/>
  <c r="AZB52" i="1" s="1"/>
  <c r="AZC52" i="1" s="1"/>
  <c r="AZD52" i="1" s="1"/>
  <c r="AZE52" i="1" s="1"/>
  <c r="AZF52" i="1" s="1"/>
  <c r="AZG52" i="1" s="1"/>
  <c r="AZH52" i="1" s="1"/>
  <c r="AZI52" i="1" s="1"/>
  <c r="AZJ52" i="1" s="1"/>
  <c r="AZK52" i="1" s="1"/>
  <c r="AZL52" i="1" s="1"/>
  <c r="AZM52" i="1" s="1"/>
  <c r="AZN52" i="1" s="1"/>
  <c r="AZO52" i="1" s="1"/>
  <c r="AZP52" i="1" s="1"/>
  <c r="AZQ52" i="1" s="1"/>
  <c r="AZR52" i="1" s="1"/>
  <c r="AZS52" i="1" s="1"/>
  <c r="AZT52" i="1" s="1"/>
  <c r="AZU52" i="1" s="1"/>
  <c r="AZV52" i="1" s="1"/>
  <c r="AZW52" i="1" s="1"/>
  <c r="AZX52" i="1" s="1"/>
  <c r="AZY52" i="1" s="1"/>
  <c r="AZZ52" i="1" s="1"/>
  <c r="BAA52" i="1" s="1"/>
  <c r="BAB52" i="1" s="1"/>
  <c r="BAC52" i="1" s="1"/>
  <c r="BAD52" i="1" s="1"/>
  <c r="BAE52" i="1" s="1"/>
  <c r="BAF52" i="1" s="1"/>
  <c r="BAG52" i="1" s="1"/>
  <c r="BAH52" i="1" s="1"/>
  <c r="BAI52" i="1" s="1"/>
  <c r="BAJ52" i="1" s="1"/>
  <c r="BAK52" i="1" s="1"/>
  <c r="BAL52" i="1" s="1"/>
  <c r="BAM52" i="1" s="1"/>
  <c r="BAN52" i="1" s="1"/>
  <c r="BAO52" i="1" s="1"/>
  <c r="BAP52" i="1" s="1"/>
  <c r="BAQ52" i="1" s="1"/>
  <c r="BAR52" i="1" s="1"/>
  <c r="BAS52" i="1" s="1"/>
  <c r="BAT52" i="1" s="1"/>
  <c r="BAU52" i="1" s="1"/>
  <c r="BAV52" i="1" s="1"/>
  <c r="BAW52" i="1" s="1"/>
  <c r="BAX52" i="1" s="1"/>
  <c r="BAY52" i="1" s="1"/>
  <c r="BAZ52" i="1" s="1"/>
  <c r="BBA52" i="1" s="1"/>
  <c r="BBB52" i="1" s="1"/>
  <c r="BBC52" i="1" s="1"/>
  <c r="BBD52" i="1" s="1"/>
  <c r="BBE52" i="1" s="1"/>
  <c r="BBF52" i="1" s="1"/>
  <c r="BBG52" i="1" s="1"/>
  <c r="BBH52" i="1" s="1"/>
  <c r="BBI52" i="1" s="1"/>
  <c r="BBJ52" i="1" s="1"/>
  <c r="BBK52" i="1" s="1"/>
  <c r="BBL52" i="1" s="1"/>
  <c r="BBM52" i="1" s="1"/>
  <c r="BBN52" i="1" s="1"/>
  <c r="BBO52" i="1" s="1"/>
  <c r="BBP52" i="1" s="1"/>
  <c r="BBQ52" i="1" s="1"/>
  <c r="BBR52" i="1" s="1"/>
  <c r="BBS52" i="1" s="1"/>
  <c r="BBT52" i="1" s="1"/>
  <c r="BBU52" i="1" s="1"/>
  <c r="BBV52" i="1" s="1"/>
  <c r="BBW52" i="1" s="1"/>
  <c r="BBX52" i="1" s="1"/>
  <c r="BBY52" i="1" s="1"/>
  <c r="BBZ52" i="1" s="1"/>
  <c r="BCA52" i="1" s="1"/>
  <c r="BCB52" i="1" s="1"/>
  <c r="BCC52" i="1" s="1"/>
  <c r="BCD52" i="1" s="1"/>
  <c r="BCE52" i="1" s="1"/>
  <c r="BCF52" i="1" s="1"/>
  <c r="BCG52" i="1" s="1"/>
  <c r="BCH52" i="1" s="1"/>
  <c r="BCI52" i="1" s="1"/>
  <c r="BCJ52" i="1" s="1"/>
  <c r="BCK52" i="1" s="1"/>
  <c r="BCL52" i="1" s="1"/>
  <c r="BCM52" i="1" s="1"/>
  <c r="BCN52" i="1" s="1"/>
  <c r="BCO52" i="1" s="1"/>
  <c r="BCP52" i="1" s="1"/>
  <c r="BCQ52" i="1" s="1"/>
  <c r="BCR52" i="1" s="1"/>
  <c r="BCS52" i="1" s="1"/>
  <c r="BCT52" i="1" s="1"/>
  <c r="BCU52" i="1" s="1"/>
  <c r="BCV52" i="1" s="1"/>
  <c r="BCW52" i="1" s="1"/>
  <c r="BCX52" i="1" s="1"/>
  <c r="BCY52" i="1" s="1"/>
  <c r="BCZ52" i="1" s="1"/>
  <c r="BDA52" i="1" s="1"/>
  <c r="BDB52" i="1" s="1"/>
  <c r="BDC52" i="1" s="1"/>
  <c r="BDD52" i="1" s="1"/>
  <c r="BDE52" i="1" s="1"/>
  <c r="BDF52" i="1" s="1"/>
  <c r="BDG52" i="1" s="1"/>
  <c r="BDH52" i="1" s="1"/>
  <c r="BDI52" i="1" s="1"/>
  <c r="BDJ52" i="1" s="1"/>
  <c r="BDK52" i="1" s="1"/>
  <c r="BDL52" i="1" s="1"/>
  <c r="BDM52" i="1" s="1"/>
  <c r="BDN52" i="1" s="1"/>
  <c r="BDO52" i="1" s="1"/>
  <c r="BDP52" i="1" s="1"/>
  <c r="BDQ52" i="1" s="1"/>
  <c r="BDR52" i="1" s="1"/>
  <c r="BDS52" i="1" s="1"/>
  <c r="BDT52" i="1" s="1"/>
  <c r="BDU52" i="1" s="1"/>
  <c r="BDV52" i="1" s="1"/>
  <c r="BDW52" i="1" s="1"/>
  <c r="BDX52" i="1" s="1"/>
  <c r="BDY52" i="1" s="1"/>
  <c r="BDZ52" i="1" s="1"/>
  <c r="BEA52" i="1" s="1"/>
  <c r="BEB52" i="1" s="1"/>
  <c r="BEC52" i="1" s="1"/>
  <c r="BED52" i="1" s="1"/>
  <c r="BEE52" i="1" s="1"/>
  <c r="BEF52" i="1" s="1"/>
  <c r="BEG52" i="1" s="1"/>
  <c r="BEH52" i="1" s="1"/>
  <c r="BEI52" i="1" s="1"/>
  <c r="BEJ52" i="1" s="1"/>
  <c r="BEK52" i="1" s="1"/>
  <c r="BEL52" i="1" s="1"/>
  <c r="BEM52" i="1" s="1"/>
  <c r="BEN52" i="1" s="1"/>
  <c r="BEO52" i="1" s="1"/>
  <c r="BEP52" i="1" s="1"/>
  <c r="BEQ52" i="1" s="1"/>
  <c r="BER52" i="1" s="1"/>
  <c r="BES52" i="1" s="1"/>
  <c r="BET52" i="1" s="1"/>
  <c r="BEU52" i="1" s="1"/>
  <c r="BEV52" i="1" s="1"/>
  <c r="BEW52" i="1" s="1"/>
  <c r="BEX52" i="1" s="1"/>
  <c r="BEY52" i="1" s="1"/>
  <c r="BEZ52" i="1" s="1"/>
  <c r="BFA52" i="1" s="1"/>
  <c r="BFB52" i="1" s="1"/>
  <c r="BFC52" i="1" s="1"/>
  <c r="BFD52" i="1" s="1"/>
  <c r="BFE52" i="1" s="1"/>
  <c r="BFF52" i="1" s="1"/>
  <c r="BFG52" i="1" s="1"/>
  <c r="BFH52" i="1" s="1"/>
  <c r="BFI52" i="1" s="1"/>
  <c r="BFJ52" i="1" s="1"/>
  <c r="BFK52" i="1" s="1"/>
  <c r="BFL52" i="1" s="1"/>
  <c r="BFM52" i="1" s="1"/>
  <c r="BFN52" i="1" s="1"/>
  <c r="BFO52" i="1" s="1"/>
  <c r="BFP52" i="1" s="1"/>
  <c r="BFQ52" i="1" s="1"/>
  <c r="BFR52" i="1" s="1"/>
  <c r="BFS52" i="1" s="1"/>
  <c r="BFT52" i="1" s="1"/>
  <c r="BFU52" i="1" s="1"/>
  <c r="BFV52" i="1" s="1"/>
  <c r="BFW52" i="1" s="1"/>
  <c r="BFX52" i="1" s="1"/>
  <c r="BFY52" i="1" s="1"/>
  <c r="BFZ52" i="1" s="1"/>
  <c r="BGA52" i="1" s="1"/>
  <c r="BGB52" i="1" s="1"/>
  <c r="BGC52" i="1" s="1"/>
  <c r="BGD52" i="1" s="1"/>
  <c r="BGE52" i="1" s="1"/>
  <c r="BGF52" i="1" s="1"/>
  <c r="BGG52" i="1" s="1"/>
  <c r="BGH52" i="1" s="1"/>
  <c r="BGI52" i="1" s="1"/>
  <c r="BGJ52" i="1" s="1"/>
  <c r="BGK52" i="1" s="1"/>
  <c r="BGL52" i="1" s="1"/>
  <c r="BGM52" i="1" s="1"/>
  <c r="BGN52" i="1" s="1"/>
  <c r="BGO52" i="1" s="1"/>
  <c r="BGP52" i="1" s="1"/>
  <c r="BGQ52" i="1" s="1"/>
  <c r="BGR52" i="1" s="1"/>
  <c r="BGS52" i="1" s="1"/>
  <c r="BGT52" i="1" s="1"/>
  <c r="BGU52" i="1" s="1"/>
  <c r="BGV52" i="1" s="1"/>
  <c r="BGW52" i="1" s="1"/>
  <c r="BGX52" i="1" s="1"/>
  <c r="BGY52" i="1" s="1"/>
  <c r="BGZ52" i="1" s="1"/>
  <c r="BHA52" i="1" s="1"/>
  <c r="BHB52" i="1" s="1"/>
  <c r="BHC52" i="1" s="1"/>
  <c r="BHD52" i="1" s="1"/>
  <c r="BHE52" i="1" s="1"/>
  <c r="BHF52" i="1" s="1"/>
  <c r="BHG52" i="1" s="1"/>
  <c r="BHH52" i="1" s="1"/>
  <c r="BHI52" i="1" s="1"/>
  <c r="BHJ52" i="1" s="1"/>
  <c r="BHK52" i="1" s="1"/>
  <c r="BHL52" i="1" s="1"/>
  <c r="BHM52" i="1" s="1"/>
  <c r="BHN52" i="1" s="1"/>
  <c r="BHO52" i="1" s="1"/>
  <c r="BHP52" i="1" s="1"/>
  <c r="BHQ52" i="1" s="1"/>
  <c r="BHR52" i="1" s="1"/>
  <c r="BHS52" i="1" s="1"/>
  <c r="BHT52" i="1" s="1"/>
  <c r="BHU52" i="1" s="1"/>
  <c r="BHV52" i="1" s="1"/>
  <c r="BHW52" i="1" s="1"/>
  <c r="BHX52" i="1" s="1"/>
  <c r="BHY52" i="1" s="1"/>
  <c r="BHZ52" i="1" s="1"/>
  <c r="BIA52" i="1" s="1"/>
  <c r="BIB52" i="1" s="1"/>
  <c r="BIC52" i="1" s="1"/>
  <c r="BID52" i="1" s="1"/>
  <c r="BIE52" i="1" s="1"/>
  <c r="BIF52" i="1" s="1"/>
  <c r="BIG52" i="1" s="1"/>
  <c r="BIH52" i="1" s="1"/>
  <c r="BII52" i="1" s="1"/>
  <c r="BIJ52" i="1" s="1"/>
  <c r="BIK52" i="1" s="1"/>
  <c r="BIL52" i="1" s="1"/>
  <c r="BIM52" i="1" s="1"/>
  <c r="BIN52" i="1" s="1"/>
  <c r="BIO52" i="1" s="1"/>
  <c r="BIP52" i="1" s="1"/>
  <c r="BIQ52" i="1" s="1"/>
  <c r="BIR52" i="1" s="1"/>
  <c r="BIS52" i="1" s="1"/>
  <c r="BIT52" i="1" s="1"/>
  <c r="BIU52" i="1" s="1"/>
  <c r="BIV52" i="1" s="1"/>
  <c r="BIW52" i="1" s="1"/>
  <c r="BIX52" i="1" s="1"/>
  <c r="BIY52" i="1" s="1"/>
  <c r="BIZ52" i="1" s="1"/>
  <c r="BJA52" i="1" s="1"/>
  <c r="BJB52" i="1" s="1"/>
  <c r="BJC52" i="1" s="1"/>
  <c r="BJD52" i="1" s="1"/>
  <c r="BJE52" i="1" s="1"/>
  <c r="BJF52" i="1" s="1"/>
  <c r="BJG52" i="1" s="1"/>
  <c r="BJH52" i="1" s="1"/>
  <c r="BJI52" i="1" s="1"/>
  <c r="BJJ52" i="1" s="1"/>
  <c r="BJK52" i="1" s="1"/>
  <c r="BJL52" i="1" s="1"/>
  <c r="BJM52" i="1" s="1"/>
  <c r="BJN52" i="1" s="1"/>
  <c r="BJO52" i="1" s="1"/>
  <c r="BJP52" i="1" s="1"/>
  <c r="BJQ52" i="1" s="1"/>
  <c r="BJR52" i="1" s="1"/>
  <c r="BJS52" i="1" s="1"/>
  <c r="BJT52" i="1" s="1"/>
  <c r="BJU52" i="1" s="1"/>
  <c r="BJV52" i="1" s="1"/>
  <c r="BJW52" i="1" s="1"/>
  <c r="BJX52" i="1" s="1"/>
  <c r="BJY52" i="1" s="1"/>
  <c r="BJZ52" i="1" s="1"/>
  <c r="BKA52" i="1" s="1"/>
  <c r="BKB52" i="1" s="1"/>
  <c r="BKC52" i="1" s="1"/>
  <c r="BKD52" i="1" s="1"/>
  <c r="BKE52" i="1" s="1"/>
  <c r="BKF52" i="1" s="1"/>
  <c r="BKG52" i="1" s="1"/>
  <c r="BKH52" i="1" s="1"/>
  <c r="BKI52" i="1" s="1"/>
  <c r="BKJ52" i="1" s="1"/>
  <c r="BKK52" i="1" s="1"/>
  <c r="BKL52" i="1" s="1"/>
  <c r="BKM52" i="1" s="1"/>
  <c r="BKN52" i="1" s="1"/>
  <c r="BKO52" i="1" s="1"/>
  <c r="BKP52" i="1" s="1"/>
  <c r="BKQ52" i="1" s="1"/>
  <c r="BKR52" i="1" s="1"/>
  <c r="BKS52" i="1" s="1"/>
  <c r="BKT52" i="1" s="1"/>
  <c r="BKU52" i="1" s="1"/>
  <c r="BKV52" i="1" s="1"/>
  <c r="BKW52" i="1" s="1"/>
  <c r="BKX52" i="1" s="1"/>
  <c r="BKY52" i="1" s="1"/>
  <c r="BKZ52" i="1" s="1"/>
  <c r="BLA52" i="1" s="1"/>
  <c r="BLB52" i="1" s="1"/>
  <c r="BLC52" i="1" s="1"/>
  <c r="BLD52" i="1" s="1"/>
  <c r="BLE52" i="1" s="1"/>
  <c r="BLF52" i="1" s="1"/>
  <c r="BLG52" i="1" s="1"/>
  <c r="BLH52" i="1" s="1"/>
  <c r="BLI52" i="1" s="1"/>
  <c r="BLJ52" i="1" s="1"/>
  <c r="BLK52" i="1" s="1"/>
  <c r="BLL52" i="1" s="1"/>
  <c r="BLM52" i="1" s="1"/>
  <c r="BLN52" i="1" s="1"/>
  <c r="BLO52" i="1" s="1"/>
  <c r="BLP52" i="1" s="1"/>
  <c r="BLQ52" i="1" s="1"/>
  <c r="BLR52" i="1" s="1"/>
  <c r="BLS52" i="1" s="1"/>
  <c r="BLT52" i="1" s="1"/>
  <c r="BLU52" i="1" s="1"/>
  <c r="BLV52" i="1" s="1"/>
  <c r="BLW52" i="1" s="1"/>
  <c r="BLX52" i="1" s="1"/>
  <c r="BLY52" i="1" s="1"/>
  <c r="BLZ52" i="1" s="1"/>
  <c r="BMA52" i="1" s="1"/>
  <c r="BMB52" i="1" s="1"/>
  <c r="BMC52" i="1" s="1"/>
  <c r="BMD52" i="1" s="1"/>
  <c r="BME52" i="1" s="1"/>
  <c r="BMF52" i="1" s="1"/>
  <c r="BMG52" i="1" s="1"/>
  <c r="BMH52" i="1" s="1"/>
  <c r="BMI52" i="1" s="1"/>
  <c r="BMJ52" i="1" s="1"/>
  <c r="BMK52" i="1" s="1"/>
  <c r="BML52" i="1" s="1"/>
  <c r="BMM52" i="1" s="1"/>
  <c r="BMN52" i="1" s="1"/>
  <c r="BMO52" i="1" s="1"/>
  <c r="BMP52" i="1" s="1"/>
  <c r="BMQ52" i="1" s="1"/>
  <c r="BMR52" i="1" s="1"/>
  <c r="BMS52" i="1" s="1"/>
  <c r="BMT52" i="1" s="1"/>
  <c r="BMU52" i="1" s="1"/>
  <c r="BMV52" i="1" s="1"/>
  <c r="BMW52" i="1" s="1"/>
  <c r="BMX52" i="1" s="1"/>
  <c r="BMY52" i="1" s="1"/>
  <c r="BMZ52" i="1" s="1"/>
  <c r="BNA52" i="1" s="1"/>
  <c r="BNB52" i="1" s="1"/>
  <c r="BNC52" i="1" s="1"/>
  <c r="BND52" i="1" s="1"/>
  <c r="BNE52" i="1" s="1"/>
  <c r="BNF52" i="1" s="1"/>
  <c r="BNG52" i="1" s="1"/>
  <c r="BNH52" i="1" s="1"/>
  <c r="BNI52" i="1" s="1"/>
  <c r="BNJ52" i="1" s="1"/>
  <c r="BNK52" i="1" s="1"/>
  <c r="BNL52" i="1" s="1"/>
  <c r="BNM52" i="1" s="1"/>
  <c r="BNN52" i="1" s="1"/>
  <c r="BNO52" i="1" s="1"/>
  <c r="BNP52" i="1" s="1"/>
  <c r="BNQ52" i="1" s="1"/>
  <c r="BNR52" i="1" s="1"/>
  <c r="BNS52" i="1" s="1"/>
  <c r="BNT52" i="1" s="1"/>
  <c r="BNU52" i="1" s="1"/>
  <c r="BNV52" i="1" s="1"/>
  <c r="BNW52" i="1" s="1"/>
  <c r="BNX52" i="1" s="1"/>
  <c r="BNY52" i="1" s="1"/>
  <c r="BNZ52" i="1" s="1"/>
  <c r="BOA52" i="1" s="1"/>
  <c r="BOB52" i="1" s="1"/>
  <c r="BOC52" i="1" s="1"/>
  <c r="BOD52" i="1" s="1"/>
  <c r="BOE52" i="1" s="1"/>
  <c r="BOF52" i="1" s="1"/>
  <c r="BOG52" i="1" s="1"/>
  <c r="BOH52" i="1" s="1"/>
  <c r="BOI52" i="1" s="1"/>
  <c r="BOJ52" i="1" s="1"/>
  <c r="BOK52" i="1" s="1"/>
  <c r="BOL52" i="1" s="1"/>
  <c r="BOM52" i="1" s="1"/>
  <c r="BON52" i="1" s="1"/>
  <c r="BOO52" i="1" s="1"/>
  <c r="BOP52" i="1" s="1"/>
  <c r="BOQ52" i="1" s="1"/>
  <c r="BOR52" i="1" s="1"/>
  <c r="BOS52" i="1" s="1"/>
  <c r="BOT52" i="1" s="1"/>
  <c r="BOU52" i="1" s="1"/>
  <c r="BOV52" i="1" s="1"/>
  <c r="BOW52" i="1" s="1"/>
  <c r="BOX52" i="1" s="1"/>
  <c r="BOY52" i="1" s="1"/>
  <c r="BOZ52" i="1" s="1"/>
  <c r="BPA52" i="1" s="1"/>
  <c r="BPB52" i="1" s="1"/>
  <c r="BPC52" i="1" s="1"/>
  <c r="BPD52" i="1" s="1"/>
  <c r="BPE52" i="1" s="1"/>
  <c r="BPF52" i="1" s="1"/>
  <c r="BPG52" i="1" s="1"/>
  <c r="BPH52" i="1" s="1"/>
  <c r="BPI52" i="1" s="1"/>
  <c r="BPJ52" i="1" s="1"/>
  <c r="BPK52" i="1" s="1"/>
  <c r="BPL52" i="1" s="1"/>
  <c r="BPM52" i="1" s="1"/>
  <c r="BPN52" i="1" s="1"/>
  <c r="BPO52" i="1" s="1"/>
  <c r="BPP52" i="1" s="1"/>
  <c r="BPQ52" i="1" s="1"/>
  <c r="BPR52" i="1" s="1"/>
  <c r="BPS52" i="1" s="1"/>
  <c r="BPT52" i="1" s="1"/>
  <c r="BPU52" i="1" s="1"/>
  <c r="BPV52" i="1" s="1"/>
  <c r="BPW52" i="1" s="1"/>
  <c r="BPX52" i="1" s="1"/>
  <c r="BPY52" i="1" s="1"/>
  <c r="BPZ52" i="1" s="1"/>
  <c r="BQA52" i="1" s="1"/>
  <c r="BQB52" i="1" s="1"/>
  <c r="BQC52" i="1" s="1"/>
  <c r="BQD52" i="1" s="1"/>
  <c r="BQE52" i="1" s="1"/>
  <c r="BQF52" i="1" s="1"/>
  <c r="BQG52" i="1" s="1"/>
  <c r="BQH52" i="1" s="1"/>
  <c r="BQI52" i="1" s="1"/>
  <c r="BQJ52" i="1" s="1"/>
  <c r="BQK52" i="1" s="1"/>
  <c r="BQL52" i="1" s="1"/>
  <c r="BQM52" i="1" s="1"/>
  <c r="BQN52" i="1" s="1"/>
  <c r="BQO52" i="1" s="1"/>
  <c r="BQP52" i="1" s="1"/>
  <c r="BQQ52" i="1" s="1"/>
  <c r="BQR52" i="1" s="1"/>
  <c r="BQS52" i="1" s="1"/>
  <c r="BQT52" i="1" s="1"/>
  <c r="BQU52" i="1" s="1"/>
  <c r="BQV52" i="1" s="1"/>
  <c r="BQW52" i="1" s="1"/>
  <c r="BQX52" i="1" s="1"/>
  <c r="BQY52" i="1" s="1"/>
  <c r="BQZ52" i="1" s="1"/>
  <c r="BRA52" i="1" s="1"/>
  <c r="BRB52" i="1" s="1"/>
  <c r="BRC52" i="1" s="1"/>
  <c r="BRD52" i="1" s="1"/>
  <c r="BRE52" i="1" s="1"/>
  <c r="BRF52" i="1" s="1"/>
  <c r="BRG52" i="1" s="1"/>
  <c r="BRH52" i="1" s="1"/>
  <c r="BRI52" i="1" s="1"/>
  <c r="BRJ52" i="1" s="1"/>
  <c r="BRK52" i="1" s="1"/>
  <c r="BRL52" i="1" s="1"/>
  <c r="BRM52" i="1" s="1"/>
  <c r="BRN52" i="1" s="1"/>
  <c r="BRO52" i="1" s="1"/>
  <c r="BRP52" i="1" s="1"/>
  <c r="BRQ52" i="1" s="1"/>
  <c r="BRR52" i="1" s="1"/>
  <c r="BRS52" i="1" s="1"/>
  <c r="BRT52" i="1" s="1"/>
  <c r="BRU52" i="1" s="1"/>
  <c r="BRV52" i="1" s="1"/>
  <c r="BRW52" i="1" s="1"/>
  <c r="BRX52" i="1" s="1"/>
  <c r="BRY52" i="1" s="1"/>
  <c r="BRZ52" i="1" s="1"/>
  <c r="BSA52" i="1" s="1"/>
  <c r="BSB52" i="1" s="1"/>
  <c r="BSC52" i="1" s="1"/>
  <c r="BSD52" i="1" s="1"/>
  <c r="BSE52" i="1" s="1"/>
  <c r="BSF52" i="1" s="1"/>
  <c r="BSG52" i="1" s="1"/>
  <c r="BSH52" i="1" s="1"/>
  <c r="BSI52" i="1" s="1"/>
  <c r="BSJ52" i="1" s="1"/>
  <c r="BSK52" i="1" s="1"/>
  <c r="BSL52" i="1" s="1"/>
  <c r="BSM52" i="1" s="1"/>
  <c r="BSN52" i="1" s="1"/>
  <c r="BSO52" i="1" s="1"/>
  <c r="BSP52" i="1" s="1"/>
  <c r="BSQ52" i="1" s="1"/>
  <c r="BSR52" i="1" s="1"/>
  <c r="BSS52" i="1" s="1"/>
  <c r="BST52" i="1" s="1"/>
  <c r="BSU52" i="1" s="1"/>
  <c r="BSV52" i="1" s="1"/>
  <c r="BSW52" i="1" s="1"/>
  <c r="BSX52" i="1" s="1"/>
  <c r="BSY52" i="1" s="1"/>
  <c r="BSZ52" i="1" s="1"/>
  <c r="BTA52" i="1" s="1"/>
  <c r="BTB52" i="1" s="1"/>
  <c r="BTC52" i="1" s="1"/>
  <c r="BTD52" i="1" s="1"/>
  <c r="BTE52" i="1" s="1"/>
  <c r="BTF52" i="1" s="1"/>
  <c r="BTG52" i="1" s="1"/>
  <c r="BTH52" i="1" s="1"/>
  <c r="BTI52" i="1" s="1"/>
  <c r="BTJ52" i="1" s="1"/>
  <c r="BTK52" i="1" s="1"/>
  <c r="BTL52" i="1" s="1"/>
  <c r="BTM52" i="1" s="1"/>
  <c r="BTN52" i="1" s="1"/>
  <c r="BTO52" i="1" s="1"/>
  <c r="BTP52" i="1" s="1"/>
  <c r="BTQ52" i="1" s="1"/>
  <c r="BTR52" i="1" s="1"/>
  <c r="BTS52" i="1" s="1"/>
  <c r="BTT52" i="1" s="1"/>
  <c r="BTU52" i="1" s="1"/>
  <c r="BTV52" i="1" s="1"/>
  <c r="BTW52" i="1" s="1"/>
  <c r="BTX52" i="1" s="1"/>
  <c r="BTY52" i="1" s="1"/>
  <c r="BTZ52" i="1" s="1"/>
  <c r="BUA52" i="1" s="1"/>
  <c r="BUB52" i="1" s="1"/>
  <c r="BUC52" i="1" s="1"/>
  <c r="BUD52" i="1" s="1"/>
  <c r="BUE52" i="1" s="1"/>
  <c r="BUF52" i="1" s="1"/>
  <c r="BUG52" i="1" s="1"/>
  <c r="BUH52" i="1" s="1"/>
  <c r="BUI52" i="1" s="1"/>
  <c r="BUJ52" i="1" s="1"/>
  <c r="BUK52" i="1" s="1"/>
  <c r="BUL52" i="1" s="1"/>
  <c r="BUM52" i="1" s="1"/>
  <c r="BUN52" i="1" s="1"/>
  <c r="BUO52" i="1" s="1"/>
  <c r="BUP52" i="1" s="1"/>
  <c r="BUQ52" i="1" s="1"/>
  <c r="BUR52" i="1" s="1"/>
  <c r="BUS52" i="1" s="1"/>
  <c r="BUT52" i="1" s="1"/>
  <c r="BUU52" i="1" s="1"/>
  <c r="BUV52" i="1" s="1"/>
  <c r="BUW52" i="1" s="1"/>
  <c r="BUX52" i="1" s="1"/>
  <c r="BUY52" i="1" s="1"/>
  <c r="BUZ52" i="1" s="1"/>
  <c r="BVA52" i="1" s="1"/>
  <c r="BVB52" i="1" s="1"/>
  <c r="BVC52" i="1" s="1"/>
  <c r="BVD52" i="1" s="1"/>
  <c r="BVE52" i="1" s="1"/>
  <c r="BVF52" i="1" s="1"/>
  <c r="BVG52" i="1" s="1"/>
  <c r="BVH52" i="1" s="1"/>
  <c r="BVI52" i="1" s="1"/>
  <c r="BVJ52" i="1" s="1"/>
  <c r="BVK52" i="1" s="1"/>
  <c r="BVL52" i="1" s="1"/>
  <c r="BVM52" i="1" s="1"/>
  <c r="BVN52" i="1" s="1"/>
  <c r="BVO52" i="1" s="1"/>
  <c r="BVP52" i="1" s="1"/>
  <c r="BVQ52" i="1" s="1"/>
  <c r="BVR52" i="1" s="1"/>
  <c r="BVS52" i="1" s="1"/>
  <c r="BVT52" i="1" s="1"/>
  <c r="BVU52" i="1" s="1"/>
  <c r="BVV52" i="1" s="1"/>
  <c r="BVW52" i="1" s="1"/>
  <c r="BVX52" i="1" s="1"/>
  <c r="BVY52" i="1" s="1"/>
  <c r="BVZ52" i="1" s="1"/>
  <c r="BWA52" i="1" s="1"/>
  <c r="BWB52" i="1" s="1"/>
  <c r="BWC52" i="1" s="1"/>
  <c r="BWD52" i="1" s="1"/>
  <c r="BWE52" i="1" s="1"/>
  <c r="BWF52" i="1" s="1"/>
  <c r="BWG52" i="1" s="1"/>
  <c r="BWH52" i="1" s="1"/>
  <c r="BWI52" i="1" s="1"/>
  <c r="BWJ52" i="1" s="1"/>
  <c r="BWK52" i="1" s="1"/>
  <c r="BWL52" i="1" s="1"/>
  <c r="BWM52" i="1" s="1"/>
  <c r="BWN52" i="1" s="1"/>
  <c r="BWO52" i="1" s="1"/>
  <c r="BWP52" i="1" s="1"/>
  <c r="BWQ52" i="1" s="1"/>
  <c r="BWR52" i="1" s="1"/>
  <c r="BWS52" i="1" s="1"/>
  <c r="BWT52" i="1" s="1"/>
  <c r="BWU52" i="1" s="1"/>
  <c r="BWV52" i="1" s="1"/>
  <c r="BWW52" i="1" s="1"/>
  <c r="BWX52" i="1" s="1"/>
  <c r="BWY52" i="1" s="1"/>
  <c r="BWZ52" i="1" s="1"/>
  <c r="BXA52" i="1" s="1"/>
  <c r="BXB52" i="1" s="1"/>
  <c r="BXC52" i="1" s="1"/>
  <c r="BXD52" i="1" s="1"/>
  <c r="BXE52" i="1" s="1"/>
  <c r="BXF52" i="1" s="1"/>
  <c r="BXG52" i="1" s="1"/>
  <c r="BXH52" i="1" s="1"/>
  <c r="BXI52" i="1" s="1"/>
  <c r="BXJ52" i="1" s="1"/>
  <c r="BXK52" i="1" s="1"/>
  <c r="BXL52" i="1" s="1"/>
  <c r="BXM52" i="1" s="1"/>
  <c r="BXN52" i="1" s="1"/>
  <c r="BXO52" i="1" s="1"/>
  <c r="BXP52" i="1" s="1"/>
  <c r="BXQ52" i="1" s="1"/>
  <c r="BXR52" i="1" s="1"/>
  <c r="BXS52" i="1" s="1"/>
  <c r="BXT52" i="1" s="1"/>
  <c r="BXU52" i="1" s="1"/>
  <c r="BXV52" i="1" s="1"/>
  <c r="BXW52" i="1" s="1"/>
  <c r="BXX52" i="1" s="1"/>
  <c r="BXY52" i="1" s="1"/>
  <c r="BXZ52" i="1" s="1"/>
  <c r="BYA52" i="1" s="1"/>
  <c r="BYB52" i="1" s="1"/>
  <c r="BYC52" i="1" s="1"/>
  <c r="BYD52" i="1" s="1"/>
  <c r="BYE52" i="1" s="1"/>
  <c r="BYF52" i="1" s="1"/>
  <c r="BYG52" i="1" s="1"/>
  <c r="BYH52" i="1" s="1"/>
  <c r="BYI52" i="1" s="1"/>
  <c r="BYJ52" i="1" s="1"/>
  <c r="BYK52" i="1" s="1"/>
  <c r="BYL52" i="1" s="1"/>
  <c r="BYM52" i="1" s="1"/>
  <c r="BYN52" i="1" s="1"/>
  <c r="BYO52" i="1" s="1"/>
  <c r="BYP52" i="1" s="1"/>
  <c r="BYQ52" i="1" s="1"/>
  <c r="BYR52" i="1" s="1"/>
  <c r="BYS52" i="1" s="1"/>
  <c r="BYT52" i="1" s="1"/>
  <c r="BYU52" i="1" s="1"/>
  <c r="BYV52" i="1" s="1"/>
  <c r="BYW52" i="1" s="1"/>
  <c r="BYX52" i="1" s="1"/>
  <c r="BYY52" i="1" s="1"/>
  <c r="BYZ52" i="1" s="1"/>
  <c r="BZA52" i="1" s="1"/>
  <c r="BZB52" i="1" s="1"/>
  <c r="BZC52" i="1" s="1"/>
  <c r="BZD52" i="1" s="1"/>
  <c r="BZE52" i="1" s="1"/>
  <c r="BZF52" i="1" s="1"/>
  <c r="BZG52" i="1" s="1"/>
  <c r="BZH52" i="1" s="1"/>
  <c r="BZI52" i="1" s="1"/>
  <c r="BZJ52" i="1" s="1"/>
  <c r="BZK52" i="1" s="1"/>
  <c r="BZL52" i="1" s="1"/>
  <c r="BZM52" i="1" s="1"/>
  <c r="BZN52" i="1" s="1"/>
  <c r="BZO52" i="1" s="1"/>
  <c r="BZP52" i="1" s="1"/>
  <c r="BZQ52" i="1" s="1"/>
  <c r="BZR52" i="1" s="1"/>
  <c r="BZS52" i="1" s="1"/>
  <c r="BZT52" i="1" s="1"/>
  <c r="BZU52" i="1" s="1"/>
  <c r="BZV52" i="1" s="1"/>
  <c r="BZW52" i="1" s="1"/>
  <c r="BZX52" i="1" s="1"/>
  <c r="BZY52" i="1" s="1"/>
  <c r="BZZ52" i="1" s="1"/>
  <c r="CAA52" i="1" s="1"/>
  <c r="CAB52" i="1" s="1"/>
  <c r="CAC52" i="1" s="1"/>
  <c r="CAD52" i="1" s="1"/>
  <c r="CAE52" i="1" s="1"/>
  <c r="CAF52" i="1" s="1"/>
  <c r="CAG52" i="1" s="1"/>
  <c r="CAH52" i="1" s="1"/>
  <c r="CAI52" i="1" s="1"/>
  <c r="CAJ52" i="1" s="1"/>
  <c r="CAK52" i="1" s="1"/>
  <c r="CAL52" i="1" s="1"/>
  <c r="CAM52" i="1" s="1"/>
  <c r="CAN52" i="1" s="1"/>
  <c r="CAO52" i="1" s="1"/>
  <c r="CAP52" i="1" s="1"/>
  <c r="CAQ52" i="1" s="1"/>
  <c r="CAR52" i="1" s="1"/>
  <c r="CAS52" i="1" s="1"/>
  <c r="CAT52" i="1" s="1"/>
  <c r="CAU52" i="1" s="1"/>
  <c r="CAV52" i="1" s="1"/>
  <c r="CAW52" i="1" s="1"/>
  <c r="CAX52" i="1" s="1"/>
  <c r="CAY52" i="1" s="1"/>
  <c r="CAZ52" i="1" s="1"/>
  <c r="CBA52" i="1" s="1"/>
  <c r="CBB52" i="1" s="1"/>
  <c r="CBC52" i="1" s="1"/>
  <c r="CBD52" i="1" s="1"/>
  <c r="CBE52" i="1" s="1"/>
  <c r="CBF52" i="1" s="1"/>
  <c r="CBG52" i="1" s="1"/>
  <c r="CBH52" i="1" s="1"/>
  <c r="CBI52" i="1" s="1"/>
  <c r="CBJ52" i="1" s="1"/>
  <c r="CBK52" i="1" s="1"/>
  <c r="CBL52" i="1" s="1"/>
  <c r="CBM52" i="1" s="1"/>
  <c r="CBN52" i="1" s="1"/>
  <c r="CBO52" i="1" s="1"/>
  <c r="CBP52" i="1" s="1"/>
  <c r="CBQ52" i="1" s="1"/>
  <c r="CBR52" i="1" s="1"/>
  <c r="CBS52" i="1" s="1"/>
  <c r="CBT52" i="1" s="1"/>
  <c r="CBU52" i="1" s="1"/>
  <c r="CBV52" i="1" s="1"/>
  <c r="CBW52" i="1" s="1"/>
  <c r="CBX52" i="1" s="1"/>
  <c r="CBY52" i="1" s="1"/>
  <c r="CBZ52" i="1" s="1"/>
  <c r="CCA52" i="1" s="1"/>
  <c r="CCB52" i="1" s="1"/>
  <c r="CCC52" i="1" s="1"/>
  <c r="CCD52" i="1" s="1"/>
  <c r="CCE52" i="1" s="1"/>
  <c r="CCF52" i="1" s="1"/>
  <c r="CCG52" i="1" s="1"/>
  <c r="CCH52" i="1" s="1"/>
  <c r="CCI52" i="1" s="1"/>
  <c r="CCJ52" i="1" s="1"/>
  <c r="CCK52" i="1" s="1"/>
  <c r="CCL52" i="1" s="1"/>
  <c r="CCM52" i="1" s="1"/>
  <c r="CCN52" i="1" s="1"/>
  <c r="CCO52" i="1" s="1"/>
  <c r="CCP52" i="1" s="1"/>
  <c r="CCQ52" i="1" s="1"/>
  <c r="CCR52" i="1" s="1"/>
  <c r="CCS52" i="1" s="1"/>
  <c r="CCT52" i="1" s="1"/>
  <c r="CCU52" i="1" s="1"/>
  <c r="CCV52" i="1" s="1"/>
  <c r="CCW52" i="1" s="1"/>
  <c r="CCX52" i="1" s="1"/>
  <c r="CCY52" i="1" s="1"/>
  <c r="CCZ52" i="1" s="1"/>
  <c r="CDA52" i="1" s="1"/>
  <c r="CDB52" i="1" s="1"/>
  <c r="CDC52" i="1" s="1"/>
  <c r="CDD52" i="1" s="1"/>
  <c r="CDE52" i="1" s="1"/>
  <c r="CDF52" i="1" s="1"/>
  <c r="CDG52" i="1" s="1"/>
  <c r="CDH52" i="1" s="1"/>
  <c r="CDI52" i="1" s="1"/>
  <c r="CDJ52" i="1" s="1"/>
  <c r="CDK52" i="1" s="1"/>
  <c r="CDL52" i="1" s="1"/>
  <c r="CDM52" i="1" s="1"/>
  <c r="CDN52" i="1" s="1"/>
  <c r="CDO52" i="1" s="1"/>
  <c r="CDP52" i="1" s="1"/>
  <c r="CDQ52" i="1" s="1"/>
  <c r="CDR52" i="1" s="1"/>
  <c r="CDS52" i="1" s="1"/>
  <c r="CDT52" i="1" s="1"/>
  <c r="CDU52" i="1" s="1"/>
  <c r="CDV52" i="1" s="1"/>
  <c r="CDW52" i="1" s="1"/>
  <c r="CDX52" i="1" s="1"/>
  <c r="CDY52" i="1" s="1"/>
  <c r="CDZ52" i="1" s="1"/>
  <c r="CEA52" i="1" s="1"/>
  <c r="CEB52" i="1" s="1"/>
  <c r="CEC52" i="1" s="1"/>
  <c r="CED52" i="1" s="1"/>
  <c r="CEE52" i="1" s="1"/>
  <c r="CEF52" i="1" s="1"/>
  <c r="CEG52" i="1" s="1"/>
  <c r="CEH52" i="1" s="1"/>
  <c r="CEI52" i="1" s="1"/>
  <c r="CEJ52" i="1" s="1"/>
  <c r="CEK52" i="1" s="1"/>
  <c r="CEL52" i="1" s="1"/>
  <c r="CEM52" i="1" s="1"/>
  <c r="CEN52" i="1" s="1"/>
  <c r="CEO52" i="1" s="1"/>
  <c r="CEP52" i="1" s="1"/>
  <c r="CEQ52" i="1" s="1"/>
  <c r="CER52" i="1" s="1"/>
  <c r="CES52" i="1" s="1"/>
  <c r="CET52" i="1" s="1"/>
  <c r="CEU52" i="1" s="1"/>
  <c r="CEV52" i="1" s="1"/>
  <c r="CEW52" i="1" s="1"/>
  <c r="CEX52" i="1" s="1"/>
  <c r="CEY52" i="1" s="1"/>
  <c r="CEZ52" i="1" s="1"/>
  <c r="CFA52" i="1" s="1"/>
  <c r="CFB52" i="1" s="1"/>
  <c r="CFC52" i="1" s="1"/>
  <c r="CFD52" i="1" s="1"/>
  <c r="CFE52" i="1" s="1"/>
  <c r="CFF52" i="1" s="1"/>
  <c r="CFG52" i="1" s="1"/>
  <c r="CFH52" i="1" s="1"/>
  <c r="CFI52" i="1" s="1"/>
  <c r="CFJ52" i="1" s="1"/>
  <c r="CFK52" i="1" s="1"/>
  <c r="CFL52" i="1" s="1"/>
  <c r="CFM52" i="1" s="1"/>
  <c r="CFN52" i="1" s="1"/>
  <c r="CFO52" i="1" s="1"/>
  <c r="CFP52" i="1" s="1"/>
  <c r="CFQ52" i="1" s="1"/>
  <c r="CFR52" i="1" s="1"/>
  <c r="CFS52" i="1" s="1"/>
  <c r="CFT52" i="1" s="1"/>
  <c r="CFU52" i="1" s="1"/>
  <c r="CFV52" i="1" s="1"/>
  <c r="CFW52" i="1" s="1"/>
  <c r="CFX52" i="1" s="1"/>
  <c r="CFY52" i="1" s="1"/>
  <c r="CFZ52" i="1" s="1"/>
  <c r="CGA52" i="1" s="1"/>
  <c r="CGB52" i="1" s="1"/>
  <c r="CGC52" i="1" s="1"/>
  <c r="CGD52" i="1" s="1"/>
  <c r="CGE52" i="1" s="1"/>
  <c r="CGF52" i="1" s="1"/>
  <c r="CGG52" i="1" s="1"/>
  <c r="CGH52" i="1" s="1"/>
  <c r="CGI52" i="1" s="1"/>
  <c r="CGJ52" i="1" s="1"/>
  <c r="CGK52" i="1" s="1"/>
  <c r="CGL52" i="1" s="1"/>
  <c r="CGM52" i="1" s="1"/>
  <c r="CGN52" i="1" s="1"/>
  <c r="CGO52" i="1" s="1"/>
  <c r="CGP52" i="1" s="1"/>
  <c r="CGQ52" i="1" s="1"/>
  <c r="CGR52" i="1" s="1"/>
  <c r="CGS52" i="1" s="1"/>
  <c r="CGT52" i="1" s="1"/>
  <c r="CGU52" i="1" s="1"/>
  <c r="CGV52" i="1" s="1"/>
  <c r="CGW52" i="1" s="1"/>
  <c r="CGX52" i="1" s="1"/>
  <c r="CGY52" i="1" s="1"/>
  <c r="CGZ52" i="1" s="1"/>
  <c r="CHA52" i="1" s="1"/>
  <c r="CHB52" i="1" s="1"/>
  <c r="CHC52" i="1" s="1"/>
  <c r="CHD52" i="1" s="1"/>
  <c r="CHE52" i="1" s="1"/>
  <c r="CHF52" i="1" s="1"/>
  <c r="CHG52" i="1" s="1"/>
  <c r="CHH52" i="1" s="1"/>
  <c r="CHI52" i="1" s="1"/>
  <c r="CHJ52" i="1" s="1"/>
  <c r="CHK52" i="1" s="1"/>
  <c r="CHL52" i="1" s="1"/>
  <c r="CHM52" i="1" s="1"/>
  <c r="CHN52" i="1" s="1"/>
  <c r="CHO52" i="1" s="1"/>
  <c r="CHP52" i="1" s="1"/>
  <c r="CHQ52" i="1" s="1"/>
  <c r="CHR52" i="1" s="1"/>
  <c r="CHS52" i="1" s="1"/>
  <c r="CHT52" i="1" s="1"/>
  <c r="CHU52" i="1" s="1"/>
  <c r="CHV52" i="1" s="1"/>
  <c r="CHW52" i="1" s="1"/>
  <c r="CHX52" i="1" s="1"/>
  <c r="CHY52" i="1" s="1"/>
  <c r="CHZ52" i="1" s="1"/>
  <c r="CIA52" i="1" s="1"/>
  <c r="CIB52" i="1" s="1"/>
  <c r="CIC52" i="1" s="1"/>
  <c r="CID52" i="1" s="1"/>
  <c r="CIE52" i="1" s="1"/>
  <c r="CIF52" i="1" s="1"/>
  <c r="CIG52" i="1" s="1"/>
  <c r="CIH52" i="1" s="1"/>
  <c r="CII52" i="1" s="1"/>
  <c r="CIJ52" i="1" s="1"/>
  <c r="CIK52" i="1" s="1"/>
  <c r="CIL52" i="1" s="1"/>
  <c r="CIM52" i="1" s="1"/>
  <c r="CIN52" i="1" s="1"/>
  <c r="CIO52" i="1" s="1"/>
  <c r="CIP52" i="1" s="1"/>
  <c r="CIQ52" i="1" s="1"/>
  <c r="CIR52" i="1" s="1"/>
  <c r="CIS52" i="1" s="1"/>
  <c r="CIT52" i="1" s="1"/>
  <c r="CIU52" i="1" s="1"/>
  <c r="CIV52" i="1" s="1"/>
  <c r="CIW52" i="1" s="1"/>
  <c r="CIX52" i="1" s="1"/>
  <c r="CIY52" i="1" s="1"/>
  <c r="CIZ52" i="1" s="1"/>
  <c r="CJA52" i="1" s="1"/>
  <c r="CJB52" i="1" s="1"/>
  <c r="CJC52" i="1" s="1"/>
  <c r="CJD52" i="1" s="1"/>
  <c r="CJE52" i="1" s="1"/>
  <c r="CJF52" i="1" s="1"/>
  <c r="CJG52" i="1" s="1"/>
  <c r="CJH52" i="1" s="1"/>
  <c r="CJI52" i="1" s="1"/>
  <c r="CJJ52" i="1" s="1"/>
  <c r="CJK52" i="1" s="1"/>
  <c r="CJL52" i="1" s="1"/>
  <c r="CJM52" i="1" s="1"/>
  <c r="CJN52" i="1" s="1"/>
  <c r="CJO52" i="1" s="1"/>
  <c r="CJP52" i="1" s="1"/>
  <c r="CJQ52" i="1" s="1"/>
  <c r="CJR52" i="1" s="1"/>
  <c r="CJS52" i="1" s="1"/>
  <c r="CJT52" i="1" s="1"/>
  <c r="CJU52" i="1" s="1"/>
  <c r="CJV52" i="1" s="1"/>
  <c r="CJW52" i="1" s="1"/>
  <c r="CJX52" i="1" s="1"/>
  <c r="CJY52" i="1" s="1"/>
  <c r="CJZ52" i="1" s="1"/>
  <c r="CKA52" i="1" s="1"/>
  <c r="CKB52" i="1" s="1"/>
  <c r="CKC52" i="1" s="1"/>
  <c r="CKD52" i="1" s="1"/>
  <c r="CKE52" i="1" s="1"/>
  <c r="CKF52" i="1" s="1"/>
  <c r="CKG52" i="1" s="1"/>
  <c r="CKH52" i="1" s="1"/>
  <c r="CKI52" i="1" s="1"/>
  <c r="CKJ52" i="1" s="1"/>
  <c r="CKK52" i="1" s="1"/>
  <c r="CKL52" i="1" s="1"/>
  <c r="CKM52" i="1" s="1"/>
  <c r="CKN52" i="1" s="1"/>
  <c r="CKO52" i="1" s="1"/>
  <c r="CKP52" i="1" s="1"/>
  <c r="CKQ52" i="1" s="1"/>
  <c r="CKR52" i="1" s="1"/>
  <c r="CKS52" i="1" s="1"/>
  <c r="CKT52" i="1" s="1"/>
  <c r="CKU52" i="1" s="1"/>
  <c r="CKV52" i="1" s="1"/>
  <c r="CKW52" i="1" s="1"/>
  <c r="CKX52" i="1" s="1"/>
  <c r="CKY52" i="1" s="1"/>
  <c r="CKZ52" i="1" s="1"/>
  <c r="CLA52" i="1" s="1"/>
  <c r="CLB52" i="1" s="1"/>
  <c r="CLC52" i="1" s="1"/>
  <c r="CLD52" i="1" s="1"/>
  <c r="CLE52" i="1" s="1"/>
  <c r="CLF52" i="1" s="1"/>
  <c r="CLG52" i="1" s="1"/>
  <c r="CLH52" i="1" s="1"/>
  <c r="CLI52" i="1" s="1"/>
  <c r="CLJ52" i="1" s="1"/>
  <c r="CLK52" i="1" s="1"/>
  <c r="CLL52" i="1" s="1"/>
  <c r="CLM52" i="1" s="1"/>
  <c r="CLN52" i="1" s="1"/>
  <c r="CLO52" i="1" s="1"/>
  <c r="CLP52" i="1" s="1"/>
  <c r="CLQ52" i="1" s="1"/>
  <c r="CLR52" i="1" s="1"/>
  <c r="CLS52" i="1" s="1"/>
  <c r="CLT52" i="1" s="1"/>
  <c r="CLU52" i="1" s="1"/>
  <c r="CLV52" i="1" s="1"/>
  <c r="CLW52" i="1" s="1"/>
  <c r="CLX52" i="1" s="1"/>
  <c r="CLY52" i="1" s="1"/>
  <c r="CLZ52" i="1" s="1"/>
  <c r="CMA52" i="1" s="1"/>
  <c r="CMB52" i="1" s="1"/>
  <c r="CMC52" i="1" s="1"/>
  <c r="CMD52" i="1" s="1"/>
  <c r="CME52" i="1" s="1"/>
  <c r="CMF52" i="1" s="1"/>
  <c r="CMG52" i="1" s="1"/>
  <c r="CMH52" i="1" s="1"/>
  <c r="CMI52" i="1" s="1"/>
  <c r="CMJ52" i="1" s="1"/>
  <c r="CMK52" i="1" s="1"/>
  <c r="CML52" i="1" s="1"/>
  <c r="CMM52" i="1" s="1"/>
  <c r="CMN52" i="1" s="1"/>
  <c r="CMO52" i="1" s="1"/>
  <c r="CMP52" i="1" s="1"/>
  <c r="CMQ52" i="1" s="1"/>
  <c r="CMR52" i="1" s="1"/>
  <c r="CMS52" i="1" s="1"/>
  <c r="CMT52" i="1" s="1"/>
  <c r="CMU52" i="1" s="1"/>
  <c r="CMV52" i="1" s="1"/>
  <c r="CMW52" i="1" s="1"/>
  <c r="CMX52" i="1" s="1"/>
  <c r="CMY52" i="1" s="1"/>
  <c r="CMZ52" i="1" s="1"/>
  <c r="CNA52" i="1" s="1"/>
  <c r="CNB52" i="1" s="1"/>
  <c r="CNC52" i="1" s="1"/>
  <c r="CND52" i="1" s="1"/>
  <c r="CNE52" i="1" s="1"/>
  <c r="CNF52" i="1" s="1"/>
  <c r="CNG52" i="1" s="1"/>
  <c r="CNH52" i="1" s="1"/>
  <c r="CNI52" i="1" s="1"/>
  <c r="CNJ52" i="1" s="1"/>
  <c r="CNK52" i="1" s="1"/>
  <c r="CNL52" i="1" s="1"/>
  <c r="CNM52" i="1" s="1"/>
  <c r="CNN52" i="1" s="1"/>
  <c r="CNO52" i="1" s="1"/>
  <c r="CNP52" i="1" s="1"/>
  <c r="CNQ52" i="1" s="1"/>
  <c r="CNR52" i="1" s="1"/>
  <c r="CNS52" i="1" s="1"/>
  <c r="CNT52" i="1" s="1"/>
  <c r="CNU52" i="1" s="1"/>
  <c r="CNV52" i="1" s="1"/>
  <c r="CNW52" i="1" s="1"/>
  <c r="CNX52" i="1" s="1"/>
  <c r="CNY52" i="1" s="1"/>
  <c r="CNZ52" i="1" s="1"/>
  <c r="COA52" i="1" s="1"/>
  <c r="COB52" i="1" s="1"/>
  <c r="COC52" i="1" s="1"/>
  <c r="COD52" i="1" s="1"/>
  <c r="COE52" i="1" s="1"/>
  <c r="COF52" i="1" s="1"/>
  <c r="COG52" i="1" s="1"/>
  <c r="COH52" i="1" s="1"/>
  <c r="COI52" i="1" s="1"/>
  <c r="COJ52" i="1" s="1"/>
  <c r="COK52" i="1" s="1"/>
  <c r="COL52" i="1" s="1"/>
  <c r="COM52" i="1" s="1"/>
  <c r="CON52" i="1" s="1"/>
  <c r="COO52" i="1" s="1"/>
  <c r="COP52" i="1" s="1"/>
  <c r="COQ52" i="1" s="1"/>
  <c r="COR52" i="1" s="1"/>
  <c r="COS52" i="1" s="1"/>
  <c r="COT52" i="1" s="1"/>
  <c r="COU52" i="1" s="1"/>
  <c r="COV52" i="1" s="1"/>
  <c r="COW52" i="1" s="1"/>
  <c r="COX52" i="1" s="1"/>
  <c r="COY52" i="1" s="1"/>
  <c r="COZ52" i="1" s="1"/>
  <c r="CPA52" i="1" s="1"/>
  <c r="CPB52" i="1" s="1"/>
  <c r="CPC52" i="1" s="1"/>
  <c r="CPD52" i="1" s="1"/>
  <c r="CPE52" i="1" s="1"/>
  <c r="CPF52" i="1" s="1"/>
  <c r="CPG52" i="1" s="1"/>
  <c r="CPH52" i="1" s="1"/>
  <c r="CPI52" i="1" s="1"/>
  <c r="CPJ52" i="1" s="1"/>
  <c r="CPK52" i="1" s="1"/>
  <c r="CPL52" i="1" s="1"/>
  <c r="CPM52" i="1" s="1"/>
  <c r="CPN52" i="1" s="1"/>
  <c r="CPO52" i="1" s="1"/>
  <c r="CPP52" i="1" s="1"/>
  <c r="CPQ52" i="1" s="1"/>
  <c r="CPR52" i="1" s="1"/>
  <c r="CPS52" i="1" s="1"/>
  <c r="CPT52" i="1" s="1"/>
  <c r="CPU52" i="1" s="1"/>
  <c r="CPV52" i="1" s="1"/>
  <c r="CPW52" i="1" s="1"/>
  <c r="CPX52" i="1" s="1"/>
  <c r="CPY52" i="1" s="1"/>
  <c r="CPZ52" i="1" s="1"/>
  <c r="CQA52" i="1" s="1"/>
  <c r="CQB52" i="1" s="1"/>
  <c r="CQC52" i="1" s="1"/>
  <c r="CQD52" i="1" s="1"/>
  <c r="CQE52" i="1" s="1"/>
  <c r="CQF52" i="1" s="1"/>
  <c r="CQG52" i="1" s="1"/>
  <c r="CQH52" i="1" s="1"/>
  <c r="CQI52" i="1" s="1"/>
  <c r="CQJ52" i="1" s="1"/>
  <c r="CQK52" i="1" s="1"/>
  <c r="CQL52" i="1" s="1"/>
  <c r="CQM52" i="1" s="1"/>
  <c r="CQN52" i="1" s="1"/>
  <c r="CQO52" i="1" s="1"/>
  <c r="CQP52" i="1" s="1"/>
  <c r="CQQ52" i="1" s="1"/>
  <c r="CQR52" i="1" s="1"/>
  <c r="CQS52" i="1" s="1"/>
  <c r="CQT52" i="1" s="1"/>
  <c r="CQU52" i="1" s="1"/>
  <c r="CQV52" i="1" s="1"/>
  <c r="CQW52" i="1" s="1"/>
  <c r="CQX52" i="1" s="1"/>
  <c r="CQY52" i="1" s="1"/>
  <c r="CQZ52" i="1" s="1"/>
  <c r="CRA52" i="1" s="1"/>
  <c r="CRB52" i="1" s="1"/>
  <c r="CRC52" i="1" s="1"/>
  <c r="CRD52" i="1" s="1"/>
  <c r="CRE52" i="1" s="1"/>
  <c r="CRF52" i="1" s="1"/>
  <c r="CRG52" i="1" s="1"/>
  <c r="CRH52" i="1" s="1"/>
  <c r="CRI52" i="1" s="1"/>
  <c r="CRJ52" i="1" s="1"/>
  <c r="CRK52" i="1" s="1"/>
  <c r="CRL52" i="1" s="1"/>
  <c r="CRM52" i="1" s="1"/>
  <c r="CRN52" i="1" s="1"/>
  <c r="CRO52" i="1" s="1"/>
  <c r="CRP52" i="1" s="1"/>
  <c r="CRQ52" i="1" s="1"/>
  <c r="CRR52" i="1" s="1"/>
  <c r="CRS52" i="1" s="1"/>
  <c r="CRT52" i="1" s="1"/>
  <c r="CRU52" i="1" s="1"/>
  <c r="CRV52" i="1" s="1"/>
  <c r="CRW52" i="1" s="1"/>
  <c r="CRX52" i="1" s="1"/>
  <c r="CRY52" i="1" s="1"/>
  <c r="CRZ52" i="1" s="1"/>
  <c r="CSA52" i="1" s="1"/>
  <c r="CSB52" i="1" s="1"/>
  <c r="CSC52" i="1" s="1"/>
  <c r="CSD52" i="1" s="1"/>
  <c r="CSE52" i="1" s="1"/>
  <c r="CSF52" i="1" s="1"/>
  <c r="CSG52" i="1" s="1"/>
  <c r="CSH52" i="1" s="1"/>
  <c r="CSI52" i="1" s="1"/>
  <c r="CSJ52" i="1" s="1"/>
  <c r="CSK52" i="1" s="1"/>
  <c r="CSL52" i="1" s="1"/>
  <c r="CSM52" i="1" s="1"/>
  <c r="CSN52" i="1" s="1"/>
  <c r="CSO52" i="1" s="1"/>
  <c r="CSP52" i="1" s="1"/>
  <c r="CSQ52" i="1" s="1"/>
  <c r="CSR52" i="1" s="1"/>
  <c r="CSS52" i="1" s="1"/>
  <c r="CST52" i="1" s="1"/>
  <c r="CSU52" i="1" s="1"/>
  <c r="CSV52" i="1" s="1"/>
  <c r="CSW52" i="1" s="1"/>
  <c r="CSX52" i="1" s="1"/>
  <c r="CSY52" i="1" s="1"/>
  <c r="CSZ52" i="1" s="1"/>
  <c r="CTA52" i="1" s="1"/>
  <c r="CTB52" i="1" s="1"/>
  <c r="CTC52" i="1" s="1"/>
  <c r="CTD52" i="1" s="1"/>
  <c r="CTE52" i="1" s="1"/>
  <c r="CTF52" i="1" s="1"/>
  <c r="CTG52" i="1" s="1"/>
  <c r="CTH52" i="1" s="1"/>
  <c r="CTI52" i="1" s="1"/>
  <c r="CTJ52" i="1" s="1"/>
  <c r="CTK52" i="1" s="1"/>
  <c r="CTL52" i="1" s="1"/>
  <c r="CTM52" i="1" s="1"/>
  <c r="CTN52" i="1" s="1"/>
  <c r="CTO52" i="1" s="1"/>
  <c r="CTP52" i="1" s="1"/>
  <c r="CTQ52" i="1" s="1"/>
  <c r="CTR52" i="1" s="1"/>
  <c r="CTS52" i="1" s="1"/>
  <c r="CTT52" i="1" s="1"/>
  <c r="CTU52" i="1" s="1"/>
  <c r="CTV52" i="1" s="1"/>
  <c r="CTW52" i="1" s="1"/>
  <c r="CTX52" i="1" s="1"/>
  <c r="CTY52" i="1" s="1"/>
  <c r="CTZ52" i="1" s="1"/>
  <c r="CUA52" i="1" s="1"/>
  <c r="CUB52" i="1" s="1"/>
  <c r="CUC52" i="1" s="1"/>
  <c r="CUD52" i="1" s="1"/>
  <c r="CUE52" i="1" s="1"/>
  <c r="CUF52" i="1" s="1"/>
  <c r="CUG52" i="1" s="1"/>
  <c r="CUH52" i="1" s="1"/>
  <c r="CUI52" i="1" s="1"/>
  <c r="CUJ52" i="1" s="1"/>
  <c r="CUK52" i="1" s="1"/>
  <c r="CUL52" i="1" s="1"/>
  <c r="CUM52" i="1" s="1"/>
  <c r="CUN52" i="1" s="1"/>
  <c r="CUO52" i="1" s="1"/>
  <c r="CUP52" i="1" s="1"/>
  <c r="CUQ52" i="1" s="1"/>
  <c r="CUR52" i="1" s="1"/>
  <c r="CUS52" i="1" s="1"/>
  <c r="CUT52" i="1" s="1"/>
  <c r="CUU52" i="1" s="1"/>
  <c r="CUV52" i="1" s="1"/>
  <c r="CUW52" i="1" s="1"/>
  <c r="CUX52" i="1" s="1"/>
  <c r="CUY52" i="1" s="1"/>
  <c r="CUZ52" i="1" s="1"/>
  <c r="CVA52" i="1" s="1"/>
  <c r="CVB52" i="1" s="1"/>
  <c r="CVC52" i="1" s="1"/>
  <c r="CVD52" i="1" s="1"/>
  <c r="CVE52" i="1" s="1"/>
  <c r="CVF52" i="1" s="1"/>
  <c r="CVG52" i="1" s="1"/>
  <c r="CVH52" i="1" s="1"/>
  <c r="CVI52" i="1" s="1"/>
  <c r="CVJ52" i="1" s="1"/>
  <c r="CVK52" i="1" s="1"/>
  <c r="CVL52" i="1" s="1"/>
  <c r="CVM52" i="1" s="1"/>
  <c r="CVN52" i="1" s="1"/>
  <c r="CVO52" i="1" s="1"/>
  <c r="CVP52" i="1" s="1"/>
  <c r="CVQ52" i="1" s="1"/>
  <c r="CVR52" i="1" s="1"/>
  <c r="CVS52" i="1" s="1"/>
  <c r="CVT52" i="1" s="1"/>
  <c r="CVU52" i="1" s="1"/>
  <c r="CVV52" i="1" s="1"/>
  <c r="CVW52" i="1" s="1"/>
  <c r="CVX52" i="1" s="1"/>
  <c r="CVY52" i="1" s="1"/>
  <c r="CVZ52" i="1" s="1"/>
  <c r="CWA52" i="1" s="1"/>
  <c r="CWB52" i="1" s="1"/>
  <c r="CWC52" i="1" s="1"/>
  <c r="CWD52" i="1" s="1"/>
  <c r="CWE52" i="1" s="1"/>
  <c r="CWF52" i="1" s="1"/>
  <c r="CWG52" i="1" s="1"/>
  <c r="CWH52" i="1" s="1"/>
  <c r="CWI52" i="1" s="1"/>
  <c r="CWJ52" i="1" s="1"/>
  <c r="CWK52" i="1" s="1"/>
  <c r="CWL52" i="1" s="1"/>
  <c r="CWM52" i="1" s="1"/>
  <c r="CWN52" i="1" s="1"/>
  <c r="CWO52" i="1" s="1"/>
  <c r="CWP52" i="1" s="1"/>
  <c r="CWQ52" i="1" s="1"/>
  <c r="CWR52" i="1" s="1"/>
  <c r="CWS52" i="1" s="1"/>
  <c r="CWT52" i="1" s="1"/>
  <c r="CWU52" i="1" s="1"/>
  <c r="CWV52" i="1" s="1"/>
  <c r="CWW52" i="1" s="1"/>
  <c r="CWX52" i="1" s="1"/>
  <c r="CWY52" i="1" s="1"/>
  <c r="CWZ52" i="1" s="1"/>
  <c r="CXA52" i="1" s="1"/>
  <c r="CXB52" i="1" s="1"/>
  <c r="CXC52" i="1" s="1"/>
  <c r="CXD52" i="1" s="1"/>
  <c r="CXE52" i="1" s="1"/>
  <c r="CXF52" i="1" s="1"/>
  <c r="CXG52" i="1" s="1"/>
  <c r="CXH52" i="1" s="1"/>
  <c r="CXI52" i="1" s="1"/>
  <c r="CXJ52" i="1" s="1"/>
  <c r="CXK52" i="1" s="1"/>
  <c r="CXL52" i="1" s="1"/>
  <c r="CXM52" i="1" s="1"/>
  <c r="CXN52" i="1" s="1"/>
  <c r="CXO52" i="1" s="1"/>
  <c r="CXP52" i="1" s="1"/>
  <c r="CXQ52" i="1" s="1"/>
  <c r="CXR52" i="1" s="1"/>
  <c r="CXS52" i="1" s="1"/>
  <c r="CXT52" i="1" s="1"/>
  <c r="CXU52" i="1" s="1"/>
  <c r="CXV52" i="1" s="1"/>
  <c r="CXW52" i="1" s="1"/>
  <c r="CXX52" i="1" s="1"/>
  <c r="CXY52" i="1" s="1"/>
  <c r="CXZ52" i="1" s="1"/>
  <c r="CYA52" i="1" s="1"/>
  <c r="CYB52" i="1" s="1"/>
  <c r="CYC52" i="1" s="1"/>
  <c r="CYD52" i="1" s="1"/>
  <c r="CYE52" i="1" s="1"/>
  <c r="CYF52" i="1" s="1"/>
  <c r="CYG52" i="1" s="1"/>
  <c r="CYH52" i="1" s="1"/>
  <c r="CYI52" i="1" s="1"/>
  <c r="CYJ52" i="1" s="1"/>
  <c r="CYK52" i="1" s="1"/>
  <c r="CYL52" i="1" s="1"/>
  <c r="CYM52" i="1" s="1"/>
  <c r="CYN52" i="1" s="1"/>
  <c r="CYO52" i="1" s="1"/>
  <c r="CYP52" i="1" s="1"/>
  <c r="CYQ52" i="1" s="1"/>
  <c r="CYR52" i="1" s="1"/>
  <c r="CYS52" i="1" s="1"/>
  <c r="CYT52" i="1" s="1"/>
  <c r="CYU52" i="1" s="1"/>
  <c r="CYV52" i="1" s="1"/>
  <c r="CYW52" i="1" s="1"/>
  <c r="CYX52" i="1" s="1"/>
  <c r="CYY52" i="1" s="1"/>
  <c r="CYZ52" i="1" s="1"/>
  <c r="CZA52" i="1" s="1"/>
  <c r="CZB52" i="1" s="1"/>
  <c r="CZC52" i="1" s="1"/>
  <c r="CZD52" i="1" s="1"/>
  <c r="CZE52" i="1" s="1"/>
  <c r="CZF52" i="1" s="1"/>
  <c r="CZG52" i="1" s="1"/>
  <c r="CZH52" i="1" s="1"/>
  <c r="CZI52" i="1" s="1"/>
  <c r="CZJ52" i="1" s="1"/>
  <c r="CZK52" i="1" s="1"/>
  <c r="CZL52" i="1" s="1"/>
  <c r="CZM52" i="1" s="1"/>
  <c r="CZN52" i="1" s="1"/>
  <c r="CZO52" i="1" s="1"/>
  <c r="CZP52" i="1" s="1"/>
  <c r="CZQ52" i="1" s="1"/>
  <c r="CZR52" i="1" s="1"/>
  <c r="CZS52" i="1" s="1"/>
  <c r="CZT52" i="1" s="1"/>
  <c r="CZU52" i="1" s="1"/>
  <c r="CZV52" i="1" s="1"/>
  <c r="CZW52" i="1" s="1"/>
  <c r="CZX52" i="1" s="1"/>
  <c r="CZY52" i="1" s="1"/>
  <c r="CZZ52" i="1" s="1"/>
  <c r="DAA52" i="1" s="1"/>
  <c r="DAB52" i="1" s="1"/>
  <c r="DAC52" i="1" s="1"/>
  <c r="DAD52" i="1" s="1"/>
  <c r="DAE52" i="1" s="1"/>
  <c r="DAF52" i="1" s="1"/>
  <c r="DAG52" i="1" s="1"/>
  <c r="DAH52" i="1" s="1"/>
  <c r="DAI52" i="1" s="1"/>
  <c r="DAJ52" i="1" s="1"/>
  <c r="DAK52" i="1" s="1"/>
  <c r="DAL52" i="1" s="1"/>
  <c r="DAM52" i="1" s="1"/>
  <c r="DAN52" i="1" s="1"/>
  <c r="DAO52" i="1" s="1"/>
  <c r="DAP52" i="1" s="1"/>
  <c r="DAQ52" i="1" s="1"/>
  <c r="DAR52" i="1" s="1"/>
  <c r="DAS52" i="1" s="1"/>
  <c r="DAT52" i="1" s="1"/>
  <c r="DAU52" i="1" s="1"/>
  <c r="DAV52" i="1" s="1"/>
  <c r="DAW52" i="1" s="1"/>
  <c r="DAX52" i="1" s="1"/>
  <c r="DAY52" i="1" s="1"/>
  <c r="DAZ52" i="1" s="1"/>
  <c r="DBA52" i="1" s="1"/>
  <c r="DBB52" i="1" s="1"/>
  <c r="DBC52" i="1" s="1"/>
  <c r="DBD52" i="1" s="1"/>
  <c r="DBE52" i="1" s="1"/>
  <c r="DBF52" i="1" s="1"/>
  <c r="DBG52" i="1" s="1"/>
  <c r="DBH52" i="1" s="1"/>
  <c r="DBI52" i="1" s="1"/>
  <c r="DBJ52" i="1" s="1"/>
  <c r="DBK52" i="1" s="1"/>
  <c r="DBL52" i="1" s="1"/>
  <c r="DBM52" i="1" s="1"/>
  <c r="DBN52" i="1" s="1"/>
  <c r="DBO52" i="1" s="1"/>
  <c r="DBP52" i="1" s="1"/>
  <c r="DBQ52" i="1" s="1"/>
  <c r="DBR52" i="1" s="1"/>
  <c r="DBS52" i="1" s="1"/>
  <c r="DBT52" i="1" s="1"/>
  <c r="DBU52" i="1" s="1"/>
  <c r="DBV52" i="1" s="1"/>
  <c r="DBW52" i="1" s="1"/>
  <c r="DBX52" i="1" s="1"/>
  <c r="DBY52" i="1" s="1"/>
  <c r="DBZ52" i="1" s="1"/>
  <c r="DCA52" i="1" s="1"/>
  <c r="DCB52" i="1" s="1"/>
  <c r="DCC52" i="1" s="1"/>
  <c r="DCD52" i="1" s="1"/>
  <c r="DCE52" i="1" s="1"/>
  <c r="DCF52" i="1" s="1"/>
  <c r="DCG52" i="1" s="1"/>
  <c r="DCH52" i="1" s="1"/>
  <c r="DCI52" i="1" s="1"/>
  <c r="DCJ52" i="1" s="1"/>
  <c r="DCK52" i="1" s="1"/>
  <c r="DCL52" i="1" s="1"/>
  <c r="DCM52" i="1" s="1"/>
  <c r="DCN52" i="1" s="1"/>
  <c r="DCO52" i="1" s="1"/>
  <c r="DCP52" i="1" s="1"/>
  <c r="DCQ52" i="1" s="1"/>
  <c r="DCR52" i="1" s="1"/>
  <c r="DCS52" i="1" s="1"/>
  <c r="DCT52" i="1" s="1"/>
  <c r="DCU52" i="1" s="1"/>
  <c r="DCV52" i="1" s="1"/>
  <c r="DCW52" i="1" s="1"/>
  <c r="DCX52" i="1" s="1"/>
  <c r="DCY52" i="1" s="1"/>
  <c r="DCZ52" i="1" s="1"/>
  <c r="DDA52" i="1" s="1"/>
  <c r="DDB52" i="1" s="1"/>
  <c r="DDC52" i="1" s="1"/>
  <c r="DDD52" i="1" s="1"/>
  <c r="DDE52" i="1" s="1"/>
  <c r="DDF52" i="1" s="1"/>
  <c r="DDG52" i="1" s="1"/>
  <c r="DDH52" i="1" s="1"/>
  <c r="DDI52" i="1" s="1"/>
  <c r="DDJ52" i="1" s="1"/>
  <c r="DDK52" i="1" s="1"/>
  <c r="DDL52" i="1" s="1"/>
  <c r="DDM52" i="1" s="1"/>
  <c r="DDN52" i="1" s="1"/>
  <c r="DDO52" i="1" s="1"/>
  <c r="DDP52" i="1" s="1"/>
  <c r="DDQ52" i="1" s="1"/>
  <c r="DDR52" i="1" s="1"/>
  <c r="DDS52" i="1" s="1"/>
  <c r="DDT52" i="1" s="1"/>
  <c r="DDU52" i="1" s="1"/>
  <c r="DDV52" i="1" s="1"/>
  <c r="DDW52" i="1" s="1"/>
  <c r="DDX52" i="1" s="1"/>
  <c r="DDY52" i="1" s="1"/>
  <c r="DDZ52" i="1" s="1"/>
  <c r="DEA52" i="1" s="1"/>
  <c r="DEB52" i="1" s="1"/>
  <c r="DEC52" i="1" s="1"/>
  <c r="DED52" i="1" s="1"/>
  <c r="DEE52" i="1" s="1"/>
  <c r="DEF52" i="1" s="1"/>
  <c r="DEG52" i="1" s="1"/>
  <c r="DEH52" i="1" s="1"/>
  <c r="DEI52" i="1" s="1"/>
  <c r="DEJ52" i="1" s="1"/>
  <c r="DEK52" i="1" s="1"/>
  <c r="DEL52" i="1" s="1"/>
  <c r="DEM52" i="1" s="1"/>
  <c r="DEN52" i="1" s="1"/>
  <c r="DEO52" i="1" s="1"/>
  <c r="DEP52" i="1" s="1"/>
  <c r="DEQ52" i="1" s="1"/>
  <c r="DER52" i="1" s="1"/>
  <c r="DES52" i="1" s="1"/>
  <c r="DET52" i="1" s="1"/>
  <c r="DEU52" i="1" s="1"/>
  <c r="DEV52" i="1" s="1"/>
  <c r="DEW52" i="1" s="1"/>
  <c r="DEX52" i="1" s="1"/>
  <c r="DEY52" i="1" s="1"/>
  <c r="DEZ52" i="1" s="1"/>
  <c r="DFA52" i="1" s="1"/>
  <c r="DFB52" i="1" s="1"/>
  <c r="DFC52" i="1" s="1"/>
  <c r="DFD52" i="1" s="1"/>
  <c r="DFE52" i="1" s="1"/>
  <c r="DFF52" i="1" s="1"/>
  <c r="DFG52" i="1" s="1"/>
  <c r="DFH52" i="1" s="1"/>
  <c r="DFI52" i="1" s="1"/>
  <c r="DFJ52" i="1" s="1"/>
  <c r="DFK52" i="1" s="1"/>
  <c r="DFL52" i="1" s="1"/>
  <c r="DFM52" i="1" s="1"/>
  <c r="DFN52" i="1" s="1"/>
  <c r="DFO52" i="1" s="1"/>
  <c r="DFP52" i="1" s="1"/>
  <c r="DFQ52" i="1" s="1"/>
  <c r="DFR52" i="1" s="1"/>
  <c r="DFS52" i="1" s="1"/>
  <c r="DFT52" i="1" s="1"/>
  <c r="DFU52" i="1" s="1"/>
  <c r="DFV52" i="1" s="1"/>
  <c r="DFW52" i="1" s="1"/>
  <c r="DFX52" i="1" s="1"/>
  <c r="DFY52" i="1" s="1"/>
  <c r="DFZ52" i="1" s="1"/>
  <c r="DGA52" i="1" s="1"/>
  <c r="DGB52" i="1" s="1"/>
  <c r="DGC52" i="1" s="1"/>
  <c r="DGD52" i="1" s="1"/>
  <c r="DGE52" i="1" s="1"/>
  <c r="DGF52" i="1" s="1"/>
  <c r="DGG52" i="1" s="1"/>
  <c r="DGH52" i="1" s="1"/>
  <c r="DGI52" i="1" s="1"/>
  <c r="DGJ52" i="1" s="1"/>
  <c r="DGK52" i="1" s="1"/>
  <c r="DGL52" i="1" s="1"/>
  <c r="DGM52" i="1" s="1"/>
  <c r="DGN52" i="1" s="1"/>
  <c r="DGO52" i="1" s="1"/>
  <c r="DGP52" i="1" s="1"/>
  <c r="DGQ52" i="1" s="1"/>
  <c r="DGR52" i="1" s="1"/>
  <c r="DGS52" i="1" s="1"/>
  <c r="DGT52" i="1" s="1"/>
  <c r="DGU52" i="1" s="1"/>
  <c r="DGV52" i="1" s="1"/>
  <c r="DGW52" i="1" s="1"/>
  <c r="DGX52" i="1" s="1"/>
  <c r="DGY52" i="1" s="1"/>
  <c r="DGZ52" i="1" s="1"/>
  <c r="DHA52" i="1" s="1"/>
  <c r="DHB52" i="1" s="1"/>
  <c r="DHC52" i="1" s="1"/>
  <c r="DHD52" i="1" s="1"/>
  <c r="DHE52" i="1" s="1"/>
  <c r="DHF52" i="1" s="1"/>
  <c r="DHG52" i="1" s="1"/>
  <c r="DHH52" i="1" s="1"/>
  <c r="DHI52" i="1" s="1"/>
  <c r="DHJ52" i="1" s="1"/>
  <c r="DHK52" i="1" s="1"/>
  <c r="DHL52" i="1" s="1"/>
  <c r="DHM52" i="1" s="1"/>
  <c r="DHN52" i="1" s="1"/>
  <c r="DHO52" i="1" s="1"/>
  <c r="DHP52" i="1" s="1"/>
  <c r="DHQ52" i="1" s="1"/>
  <c r="DHR52" i="1" s="1"/>
  <c r="DHS52" i="1" s="1"/>
  <c r="DHT52" i="1" s="1"/>
  <c r="DHU52" i="1" s="1"/>
  <c r="DHV52" i="1" s="1"/>
  <c r="DHW52" i="1" s="1"/>
  <c r="DHX52" i="1" s="1"/>
  <c r="DHY52" i="1" s="1"/>
  <c r="DHZ52" i="1" s="1"/>
  <c r="DIA52" i="1" s="1"/>
  <c r="DIB52" i="1" s="1"/>
  <c r="DIC52" i="1" s="1"/>
  <c r="DID52" i="1" s="1"/>
  <c r="DIE52" i="1" s="1"/>
  <c r="DIF52" i="1" s="1"/>
  <c r="DIG52" i="1" s="1"/>
  <c r="DIH52" i="1" s="1"/>
  <c r="DII52" i="1" s="1"/>
  <c r="DIJ52" i="1" s="1"/>
  <c r="DIK52" i="1" s="1"/>
  <c r="DIL52" i="1" s="1"/>
  <c r="DIM52" i="1" s="1"/>
  <c r="DIN52" i="1" s="1"/>
  <c r="DIO52" i="1" s="1"/>
  <c r="DIP52" i="1" s="1"/>
  <c r="DIQ52" i="1" s="1"/>
  <c r="DIR52" i="1" s="1"/>
  <c r="DIS52" i="1" s="1"/>
  <c r="DIT52" i="1" s="1"/>
  <c r="DIU52" i="1" s="1"/>
  <c r="DIV52" i="1" s="1"/>
  <c r="DIW52" i="1" s="1"/>
  <c r="DIX52" i="1" s="1"/>
  <c r="DIY52" i="1" s="1"/>
  <c r="DIZ52" i="1" s="1"/>
  <c r="DJA52" i="1" s="1"/>
  <c r="DJB52" i="1" s="1"/>
  <c r="DJC52" i="1" s="1"/>
  <c r="DJD52" i="1" s="1"/>
  <c r="DJE52" i="1" s="1"/>
  <c r="DJF52" i="1" s="1"/>
  <c r="DJG52" i="1" s="1"/>
  <c r="DJH52" i="1" s="1"/>
  <c r="DJI52" i="1" s="1"/>
  <c r="DJJ52" i="1" s="1"/>
  <c r="DJK52" i="1" s="1"/>
  <c r="DJL52" i="1" s="1"/>
  <c r="DJM52" i="1" s="1"/>
  <c r="DJN52" i="1" s="1"/>
  <c r="DJO52" i="1" s="1"/>
  <c r="DJP52" i="1" s="1"/>
  <c r="DJQ52" i="1" s="1"/>
  <c r="DJR52" i="1" s="1"/>
  <c r="DJS52" i="1" s="1"/>
  <c r="DJT52" i="1" s="1"/>
  <c r="DJU52" i="1" s="1"/>
  <c r="DJV52" i="1" s="1"/>
  <c r="DJW52" i="1" s="1"/>
  <c r="DJX52" i="1" s="1"/>
  <c r="DJY52" i="1" s="1"/>
  <c r="DJZ52" i="1" s="1"/>
  <c r="DKA52" i="1" s="1"/>
  <c r="DKB52" i="1" s="1"/>
  <c r="DKC52" i="1" s="1"/>
  <c r="DKD52" i="1" s="1"/>
  <c r="DKE52" i="1" s="1"/>
  <c r="DKF52" i="1" s="1"/>
  <c r="DKG52" i="1" s="1"/>
  <c r="DKH52" i="1" s="1"/>
  <c r="DKI52" i="1" s="1"/>
  <c r="DKJ52" i="1" s="1"/>
  <c r="DKK52" i="1" s="1"/>
  <c r="DKL52" i="1" s="1"/>
  <c r="DKM52" i="1" s="1"/>
  <c r="DKN52" i="1" s="1"/>
  <c r="DKO52" i="1" s="1"/>
  <c r="DKP52" i="1" s="1"/>
  <c r="DKQ52" i="1" s="1"/>
  <c r="DKR52" i="1" s="1"/>
  <c r="DKS52" i="1" s="1"/>
  <c r="DKT52" i="1" s="1"/>
  <c r="DKU52" i="1" s="1"/>
  <c r="DKV52" i="1" s="1"/>
  <c r="DKW52" i="1" s="1"/>
  <c r="DKX52" i="1" s="1"/>
  <c r="DKY52" i="1" s="1"/>
  <c r="DKZ52" i="1" s="1"/>
  <c r="DLA52" i="1" s="1"/>
  <c r="DLB52" i="1" s="1"/>
  <c r="DLC52" i="1" s="1"/>
  <c r="DLD52" i="1" s="1"/>
  <c r="DLE52" i="1" s="1"/>
  <c r="DLF52" i="1" s="1"/>
  <c r="DLG52" i="1" s="1"/>
  <c r="DLH52" i="1" s="1"/>
  <c r="DLI52" i="1" s="1"/>
  <c r="DLJ52" i="1" s="1"/>
  <c r="DLK52" i="1" s="1"/>
  <c r="DLL52" i="1" s="1"/>
  <c r="DLM52" i="1" s="1"/>
  <c r="DLN52" i="1" s="1"/>
  <c r="DLO52" i="1" s="1"/>
  <c r="DLP52" i="1" s="1"/>
  <c r="DLQ52" i="1" s="1"/>
  <c r="DLR52" i="1" s="1"/>
  <c r="DLS52" i="1" s="1"/>
  <c r="DLT52" i="1" s="1"/>
  <c r="DLU52" i="1" s="1"/>
  <c r="DLV52" i="1" s="1"/>
  <c r="DLW52" i="1" s="1"/>
  <c r="DLX52" i="1" s="1"/>
  <c r="DLY52" i="1" s="1"/>
  <c r="DLZ52" i="1" s="1"/>
  <c r="DMA52" i="1" s="1"/>
  <c r="DMB52" i="1" s="1"/>
  <c r="DMC52" i="1" s="1"/>
  <c r="DMD52" i="1" s="1"/>
  <c r="DME52" i="1" s="1"/>
  <c r="DMF52" i="1" s="1"/>
  <c r="DMG52" i="1" s="1"/>
  <c r="DMH52" i="1" s="1"/>
  <c r="DMI52" i="1" s="1"/>
  <c r="DMJ52" i="1" s="1"/>
  <c r="DMK52" i="1" s="1"/>
  <c r="DML52" i="1" s="1"/>
  <c r="DMM52" i="1" s="1"/>
  <c r="DMN52" i="1" s="1"/>
  <c r="DMO52" i="1" s="1"/>
  <c r="DMP52" i="1" s="1"/>
  <c r="DMQ52" i="1" s="1"/>
  <c r="DMR52" i="1" s="1"/>
  <c r="DMS52" i="1" s="1"/>
  <c r="DMT52" i="1" s="1"/>
  <c r="DMU52" i="1" s="1"/>
  <c r="DMV52" i="1" s="1"/>
  <c r="DMW52" i="1" s="1"/>
  <c r="DMX52" i="1" s="1"/>
  <c r="DMY52" i="1" s="1"/>
  <c r="DMZ52" i="1" s="1"/>
  <c r="DNA52" i="1" s="1"/>
  <c r="DNB52" i="1" s="1"/>
  <c r="DNC52" i="1" s="1"/>
  <c r="DND52" i="1" s="1"/>
  <c r="DNE52" i="1" s="1"/>
  <c r="DNF52" i="1" s="1"/>
  <c r="DNG52" i="1" s="1"/>
  <c r="DNH52" i="1" s="1"/>
  <c r="DNI52" i="1" s="1"/>
  <c r="DNJ52" i="1" s="1"/>
  <c r="DNK52" i="1" s="1"/>
  <c r="DNL52" i="1" s="1"/>
  <c r="DNM52" i="1" s="1"/>
  <c r="DNN52" i="1" s="1"/>
  <c r="DNO52" i="1" s="1"/>
  <c r="DNP52" i="1" s="1"/>
  <c r="DNQ52" i="1" s="1"/>
  <c r="DNR52" i="1" s="1"/>
  <c r="DNS52" i="1" s="1"/>
  <c r="DNT52" i="1" s="1"/>
  <c r="DNU52" i="1" s="1"/>
  <c r="DNV52" i="1" s="1"/>
  <c r="DNW52" i="1" s="1"/>
  <c r="DNX52" i="1" s="1"/>
  <c r="DNY52" i="1" s="1"/>
  <c r="DNZ52" i="1" s="1"/>
  <c r="DOA52" i="1" s="1"/>
  <c r="DOB52" i="1" s="1"/>
  <c r="DOC52" i="1" s="1"/>
  <c r="DOD52" i="1" s="1"/>
  <c r="DOE52" i="1" s="1"/>
  <c r="DOF52" i="1" s="1"/>
  <c r="DOG52" i="1" s="1"/>
  <c r="DOH52" i="1" s="1"/>
  <c r="DOI52" i="1" s="1"/>
  <c r="DOJ52" i="1" s="1"/>
  <c r="DOK52" i="1" s="1"/>
  <c r="DOL52" i="1" s="1"/>
  <c r="DOM52" i="1" s="1"/>
  <c r="DON52" i="1" s="1"/>
  <c r="DOO52" i="1" s="1"/>
  <c r="DOP52" i="1" s="1"/>
  <c r="DOQ52" i="1" s="1"/>
  <c r="DOR52" i="1" s="1"/>
  <c r="DOS52" i="1" s="1"/>
  <c r="DOT52" i="1" s="1"/>
  <c r="DOU52" i="1" s="1"/>
  <c r="DOV52" i="1" s="1"/>
  <c r="DOW52" i="1" s="1"/>
  <c r="DOX52" i="1" s="1"/>
  <c r="DOY52" i="1" s="1"/>
  <c r="DOZ52" i="1" s="1"/>
  <c r="DPA52" i="1" s="1"/>
  <c r="DPB52" i="1" s="1"/>
  <c r="DPC52" i="1" s="1"/>
  <c r="DPD52" i="1" s="1"/>
  <c r="DPE52" i="1" s="1"/>
  <c r="DPF52" i="1" s="1"/>
  <c r="DPG52" i="1" s="1"/>
  <c r="DPH52" i="1" s="1"/>
  <c r="DPI52" i="1" s="1"/>
  <c r="DPJ52" i="1" s="1"/>
  <c r="DPK52" i="1" s="1"/>
  <c r="DPL52" i="1" s="1"/>
  <c r="DPM52" i="1" s="1"/>
  <c r="DPN52" i="1" s="1"/>
  <c r="DPO52" i="1" s="1"/>
  <c r="DPP52" i="1" s="1"/>
  <c r="DPQ52" i="1" s="1"/>
  <c r="DPR52" i="1" s="1"/>
  <c r="DPS52" i="1" s="1"/>
  <c r="DPT52" i="1" s="1"/>
  <c r="DPU52" i="1" s="1"/>
  <c r="DPV52" i="1" s="1"/>
  <c r="DPW52" i="1" s="1"/>
  <c r="DPX52" i="1" s="1"/>
  <c r="DPY52" i="1" s="1"/>
  <c r="DPZ52" i="1" s="1"/>
  <c r="DQA52" i="1" s="1"/>
  <c r="DQB52" i="1" s="1"/>
  <c r="DQC52" i="1" s="1"/>
  <c r="DQD52" i="1" s="1"/>
  <c r="DQE52" i="1" s="1"/>
  <c r="DQF52" i="1" s="1"/>
  <c r="DQG52" i="1" s="1"/>
  <c r="DQH52" i="1" s="1"/>
  <c r="DQI52" i="1" s="1"/>
  <c r="DQJ52" i="1" s="1"/>
  <c r="DQK52" i="1" s="1"/>
  <c r="DQL52" i="1" s="1"/>
  <c r="DQM52" i="1" s="1"/>
  <c r="DQN52" i="1" s="1"/>
  <c r="DQO52" i="1" s="1"/>
  <c r="DQP52" i="1" s="1"/>
  <c r="DQQ52" i="1" s="1"/>
  <c r="DQR52" i="1" s="1"/>
  <c r="DQS52" i="1" s="1"/>
  <c r="DQT52" i="1" s="1"/>
  <c r="DQU52" i="1" s="1"/>
  <c r="DQV52" i="1" s="1"/>
  <c r="DQW52" i="1" s="1"/>
  <c r="DQX52" i="1" s="1"/>
  <c r="DQY52" i="1" s="1"/>
  <c r="DQZ52" i="1" s="1"/>
  <c r="DRA52" i="1" s="1"/>
  <c r="DRB52" i="1" s="1"/>
  <c r="DRC52" i="1" s="1"/>
  <c r="DRD52" i="1" s="1"/>
  <c r="DRE52" i="1" s="1"/>
  <c r="DRF52" i="1" s="1"/>
  <c r="DRG52" i="1" s="1"/>
  <c r="DRH52" i="1" s="1"/>
  <c r="DRI52" i="1" s="1"/>
  <c r="DRJ52" i="1" s="1"/>
  <c r="DRK52" i="1" s="1"/>
  <c r="DRL52" i="1" s="1"/>
  <c r="DRM52" i="1" s="1"/>
  <c r="DRN52" i="1" s="1"/>
  <c r="DRO52" i="1" s="1"/>
  <c r="DRP52" i="1" s="1"/>
  <c r="DRQ52" i="1" s="1"/>
  <c r="DRR52" i="1" s="1"/>
  <c r="DRS52" i="1" s="1"/>
  <c r="DRT52" i="1" s="1"/>
  <c r="DRU52" i="1" s="1"/>
  <c r="DRV52" i="1" s="1"/>
  <c r="DRW52" i="1" s="1"/>
  <c r="DRX52" i="1" s="1"/>
  <c r="DRY52" i="1" s="1"/>
  <c r="DRZ52" i="1" s="1"/>
  <c r="DSA52" i="1" s="1"/>
  <c r="DSB52" i="1" s="1"/>
  <c r="DSC52" i="1" s="1"/>
  <c r="DSD52" i="1" s="1"/>
  <c r="DSE52" i="1" s="1"/>
  <c r="DSF52" i="1" s="1"/>
  <c r="DSG52" i="1" s="1"/>
  <c r="DSH52" i="1" s="1"/>
  <c r="DSI52" i="1" s="1"/>
  <c r="DSJ52" i="1" s="1"/>
  <c r="DSK52" i="1" s="1"/>
  <c r="DSL52" i="1" s="1"/>
  <c r="DSM52" i="1" s="1"/>
  <c r="DSN52" i="1" s="1"/>
  <c r="DSO52" i="1" s="1"/>
  <c r="DSP52" i="1" s="1"/>
  <c r="DSQ52" i="1" s="1"/>
  <c r="DSR52" i="1" s="1"/>
  <c r="DSS52" i="1" s="1"/>
  <c r="DST52" i="1" s="1"/>
  <c r="DSU52" i="1" s="1"/>
  <c r="DSV52" i="1" s="1"/>
  <c r="DSW52" i="1" s="1"/>
  <c r="DSX52" i="1" s="1"/>
  <c r="DSY52" i="1" s="1"/>
  <c r="DSZ52" i="1" s="1"/>
  <c r="DTA52" i="1" s="1"/>
  <c r="DTB52" i="1" s="1"/>
  <c r="DTC52" i="1" s="1"/>
  <c r="DTD52" i="1" s="1"/>
  <c r="DTE52" i="1" s="1"/>
  <c r="DTF52" i="1" s="1"/>
  <c r="DTG52" i="1" s="1"/>
  <c r="DTH52" i="1" s="1"/>
  <c r="DTI52" i="1" s="1"/>
  <c r="DTJ52" i="1" s="1"/>
  <c r="DTK52" i="1" s="1"/>
  <c r="DTL52" i="1" s="1"/>
  <c r="DTM52" i="1" s="1"/>
  <c r="DTN52" i="1" s="1"/>
  <c r="DTO52" i="1" s="1"/>
  <c r="DTP52" i="1" s="1"/>
  <c r="DTQ52" i="1" s="1"/>
  <c r="DTR52" i="1" s="1"/>
  <c r="DTS52" i="1" s="1"/>
  <c r="DTT52" i="1" s="1"/>
  <c r="DTU52" i="1" s="1"/>
  <c r="DTV52" i="1" s="1"/>
  <c r="DTW52" i="1" s="1"/>
  <c r="DTX52" i="1" s="1"/>
  <c r="DTY52" i="1" s="1"/>
  <c r="DTZ52" i="1" s="1"/>
  <c r="DUA52" i="1" s="1"/>
  <c r="DUB52" i="1" s="1"/>
  <c r="DUC52" i="1" s="1"/>
  <c r="DUD52" i="1" s="1"/>
  <c r="DUE52" i="1" s="1"/>
  <c r="DUF52" i="1" s="1"/>
  <c r="DUG52" i="1" s="1"/>
  <c r="DUH52" i="1" s="1"/>
  <c r="DUI52" i="1" s="1"/>
  <c r="DUJ52" i="1" s="1"/>
  <c r="DUK52" i="1" s="1"/>
  <c r="DUL52" i="1" s="1"/>
  <c r="DUM52" i="1" s="1"/>
  <c r="DUN52" i="1" s="1"/>
  <c r="DUO52" i="1" s="1"/>
  <c r="DUP52" i="1" s="1"/>
  <c r="DUQ52" i="1" s="1"/>
  <c r="DUR52" i="1" s="1"/>
  <c r="DUS52" i="1" s="1"/>
  <c r="DUT52" i="1" s="1"/>
  <c r="DUU52" i="1" s="1"/>
  <c r="DUV52" i="1" s="1"/>
  <c r="DUW52" i="1" s="1"/>
  <c r="DUX52" i="1" s="1"/>
  <c r="DUY52" i="1" s="1"/>
  <c r="DUZ52" i="1" s="1"/>
  <c r="DVA52" i="1" s="1"/>
  <c r="DVB52" i="1" s="1"/>
  <c r="DVC52" i="1" s="1"/>
  <c r="DVD52" i="1" s="1"/>
  <c r="DVE52" i="1" s="1"/>
  <c r="DVF52" i="1" s="1"/>
  <c r="DVG52" i="1" s="1"/>
  <c r="DVH52" i="1" s="1"/>
  <c r="DVI52" i="1" s="1"/>
  <c r="DVJ52" i="1" s="1"/>
  <c r="DVK52" i="1" s="1"/>
  <c r="DVL52" i="1" s="1"/>
  <c r="DVM52" i="1" s="1"/>
  <c r="DVN52" i="1" s="1"/>
  <c r="DVO52" i="1" s="1"/>
  <c r="DVP52" i="1" s="1"/>
  <c r="DVQ52" i="1" s="1"/>
  <c r="DVR52" i="1" s="1"/>
  <c r="DVS52" i="1" s="1"/>
  <c r="DVT52" i="1" s="1"/>
  <c r="DVU52" i="1" s="1"/>
  <c r="DVV52" i="1" s="1"/>
  <c r="DVW52" i="1" s="1"/>
  <c r="DVX52" i="1" s="1"/>
  <c r="DVY52" i="1" s="1"/>
  <c r="DVZ52" i="1" s="1"/>
  <c r="DWA52" i="1" s="1"/>
  <c r="DWB52" i="1" s="1"/>
  <c r="DWC52" i="1" s="1"/>
  <c r="DWD52" i="1" s="1"/>
  <c r="DWE52" i="1" s="1"/>
  <c r="DWF52" i="1" s="1"/>
  <c r="DWG52" i="1" s="1"/>
  <c r="DWH52" i="1" s="1"/>
  <c r="DWI52" i="1" s="1"/>
  <c r="DWJ52" i="1" s="1"/>
  <c r="DWK52" i="1" s="1"/>
  <c r="DWL52" i="1" s="1"/>
  <c r="DWM52" i="1" s="1"/>
  <c r="DWN52" i="1" s="1"/>
  <c r="DWO52" i="1" s="1"/>
  <c r="DWP52" i="1" s="1"/>
  <c r="DWQ52" i="1" s="1"/>
  <c r="DWR52" i="1" s="1"/>
  <c r="DWS52" i="1" s="1"/>
  <c r="DWT52" i="1" s="1"/>
  <c r="DWU52" i="1" s="1"/>
  <c r="DWV52" i="1" s="1"/>
  <c r="DWW52" i="1" s="1"/>
  <c r="DWX52" i="1" s="1"/>
  <c r="DWY52" i="1" s="1"/>
  <c r="DWZ52" i="1" s="1"/>
  <c r="DXA52" i="1" s="1"/>
  <c r="DXB52" i="1" s="1"/>
  <c r="DXC52" i="1" s="1"/>
  <c r="DXD52" i="1" s="1"/>
  <c r="DXE52" i="1" s="1"/>
  <c r="DXF52" i="1" s="1"/>
  <c r="DXG52" i="1" s="1"/>
  <c r="DXH52" i="1" s="1"/>
  <c r="DXI52" i="1" s="1"/>
  <c r="DXJ52" i="1" s="1"/>
  <c r="DXK52" i="1" s="1"/>
  <c r="DXL52" i="1" s="1"/>
  <c r="DXM52" i="1" s="1"/>
  <c r="DXN52" i="1" s="1"/>
  <c r="DXO52" i="1" s="1"/>
  <c r="DXP52" i="1" s="1"/>
  <c r="DXQ52" i="1" s="1"/>
  <c r="DXR52" i="1" s="1"/>
  <c r="DXS52" i="1" s="1"/>
  <c r="DXT52" i="1" s="1"/>
  <c r="DXU52" i="1" s="1"/>
  <c r="DXV52" i="1" s="1"/>
  <c r="DXW52" i="1" s="1"/>
  <c r="DXX52" i="1" s="1"/>
  <c r="DXY52" i="1" s="1"/>
  <c r="DXZ52" i="1" s="1"/>
  <c r="DYA52" i="1" s="1"/>
  <c r="DYB52" i="1" s="1"/>
  <c r="DYC52" i="1" s="1"/>
  <c r="DYD52" i="1" s="1"/>
  <c r="DYE52" i="1" s="1"/>
  <c r="DYF52" i="1" s="1"/>
  <c r="DYG52" i="1" s="1"/>
  <c r="DYH52" i="1" s="1"/>
  <c r="DYI52" i="1" s="1"/>
  <c r="DYJ52" i="1" s="1"/>
  <c r="DYK52" i="1" s="1"/>
  <c r="DYL52" i="1" s="1"/>
  <c r="DYM52" i="1" s="1"/>
  <c r="DYN52" i="1" s="1"/>
  <c r="DYO52" i="1" s="1"/>
  <c r="DYP52" i="1" s="1"/>
  <c r="DYQ52" i="1" s="1"/>
  <c r="DYR52" i="1" s="1"/>
  <c r="DYS52" i="1" s="1"/>
  <c r="DYT52" i="1" s="1"/>
  <c r="DYU52" i="1" s="1"/>
  <c r="DYV52" i="1" s="1"/>
  <c r="DYW52" i="1" s="1"/>
  <c r="DYX52" i="1" s="1"/>
  <c r="DYY52" i="1" s="1"/>
  <c r="DYZ52" i="1" s="1"/>
  <c r="DZA52" i="1" s="1"/>
  <c r="DZB52" i="1" s="1"/>
  <c r="DZC52" i="1" s="1"/>
  <c r="DZD52" i="1" s="1"/>
  <c r="DZE52" i="1" s="1"/>
  <c r="DZF52" i="1" s="1"/>
  <c r="DZG52" i="1" s="1"/>
  <c r="DZH52" i="1" s="1"/>
  <c r="DZI52" i="1" s="1"/>
  <c r="DZJ52" i="1" s="1"/>
  <c r="DZK52" i="1" s="1"/>
  <c r="DZL52" i="1" s="1"/>
  <c r="DZM52" i="1" s="1"/>
  <c r="DZN52" i="1" s="1"/>
  <c r="DZO52" i="1" s="1"/>
  <c r="DZP52" i="1" s="1"/>
  <c r="DZQ52" i="1" s="1"/>
  <c r="DZR52" i="1" s="1"/>
  <c r="DZS52" i="1" s="1"/>
  <c r="DZT52" i="1" s="1"/>
  <c r="DZU52" i="1" s="1"/>
  <c r="DZV52" i="1" s="1"/>
  <c r="DZW52" i="1" s="1"/>
  <c r="DZX52" i="1" s="1"/>
  <c r="DZY52" i="1" s="1"/>
  <c r="DZZ52" i="1" s="1"/>
  <c r="EAA52" i="1" s="1"/>
  <c r="EAB52" i="1" s="1"/>
  <c r="EAC52" i="1" s="1"/>
  <c r="EAD52" i="1" s="1"/>
  <c r="EAE52" i="1" s="1"/>
  <c r="EAF52" i="1" s="1"/>
  <c r="EAG52" i="1" s="1"/>
  <c r="EAH52" i="1" s="1"/>
  <c r="EAI52" i="1" s="1"/>
  <c r="EAJ52" i="1" s="1"/>
  <c r="EAK52" i="1" s="1"/>
  <c r="EAL52" i="1" s="1"/>
  <c r="EAM52" i="1" s="1"/>
  <c r="EAN52" i="1" s="1"/>
  <c r="EAO52" i="1" s="1"/>
  <c r="EAP52" i="1" s="1"/>
  <c r="EAQ52" i="1" s="1"/>
  <c r="EAR52" i="1" s="1"/>
  <c r="EAS52" i="1" s="1"/>
  <c r="EAT52" i="1" s="1"/>
  <c r="EAU52" i="1" s="1"/>
  <c r="EAV52" i="1" s="1"/>
  <c r="EAW52" i="1" s="1"/>
  <c r="EAX52" i="1" s="1"/>
  <c r="EAY52" i="1" s="1"/>
  <c r="EAZ52" i="1" s="1"/>
  <c r="EBA52" i="1" s="1"/>
  <c r="EBB52" i="1" s="1"/>
  <c r="EBC52" i="1" s="1"/>
  <c r="EBD52" i="1" s="1"/>
  <c r="EBE52" i="1" s="1"/>
  <c r="EBF52" i="1" s="1"/>
  <c r="EBG52" i="1" s="1"/>
  <c r="EBH52" i="1" s="1"/>
  <c r="EBI52" i="1" s="1"/>
  <c r="EBJ52" i="1" s="1"/>
  <c r="EBK52" i="1" s="1"/>
  <c r="EBL52" i="1" s="1"/>
  <c r="EBM52" i="1" s="1"/>
  <c r="EBN52" i="1" s="1"/>
  <c r="EBO52" i="1" s="1"/>
  <c r="EBP52" i="1" s="1"/>
  <c r="EBQ52" i="1" s="1"/>
  <c r="EBR52" i="1" s="1"/>
  <c r="EBS52" i="1" s="1"/>
  <c r="EBT52" i="1" s="1"/>
  <c r="EBU52" i="1" s="1"/>
  <c r="EBV52" i="1" s="1"/>
  <c r="EBW52" i="1" s="1"/>
  <c r="EBX52" i="1" s="1"/>
  <c r="EBY52" i="1" s="1"/>
  <c r="EBZ52" i="1" s="1"/>
  <c r="ECA52" i="1" s="1"/>
  <c r="ECB52" i="1" s="1"/>
  <c r="ECC52" i="1" s="1"/>
  <c r="ECD52" i="1" s="1"/>
  <c r="ECE52" i="1" s="1"/>
  <c r="ECF52" i="1" s="1"/>
  <c r="ECG52" i="1" s="1"/>
  <c r="ECH52" i="1" s="1"/>
  <c r="ECI52" i="1" s="1"/>
  <c r="ECJ52" i="1" s="1"/>
  <c r="ECK52" i="1" s="1"/>
  <c r="ECL52" i="1" s="1"/>
  <c r="ECM52" i="1" s="1"/>
  <c r="ECN52" i="1" s="1"/>
  <c r="ECO52" i="1" s="1"/>
  <c r="ECP52" i="1" s="1"/>
  <c r="ECQ52" i="1" s="1"/>
  <c r="ECR52" i="1" s="1"/>
  <c r="ECS52" i="1" s="1"/>
  <c r="ECT52" i="1" s="1"/>
  <c r="ECU52" i="1" s="1"/>
  <c r="ECV52" i="1" s="1"/>
  <c r="ECW52" i="1" s="1"/>
  <c r="ECX52" i="1" s="1"/>
  <c r="ECY52" i="1" s="1"/>
  <c r="ECZ52" i="1" s="1"/>
  <c r="EDA52" i="1" s="1"/>
  <c r="EDB52" i="1" s="1"/>
  <c r="EDC52" i="1" s="1"/>
  <c r="EDD52" i="1" s="1"/>
  <c r="EDE52" i="1" s="1"/>
  <c r="EDF52" i="1" s="1"/>
  <c r="EDG52" i="1" s="1"/>
  <c r="EDH52" i="1" s="1"/>
  <c r="EDI52" i="1" s="1"/>
  <c r="EDJ52" i="1" s="1"/>
  <c r="EDK52" i="1" s="1"/>
  <c r="EDL52" i="1" s="1"/>
  <c r="EDM52" i="1" s="1"/>
  <c r="EDN52" i="1" s="1"/>
  <c r="EDO52" i="1" s="1"/>
  <c r="EDP52" i="1" s="1"/>
  <c r="EDQ52" i="1" s="1"/>
  <c r="EDR52" i="1" s="1"/>
  <c r="EDS52" i="1" s="1"/>
  <c r="EDT52" i="1" s="1"/>
  <c r="EDU52" i="1" s="1"/>
  <c r="EDV52" i="1" s="1"/>
  <c r="EDW52" i="1" s="1"/>
  <c r="EDX52" i="1" s="1"/>
  <c r="EDY52" i="1" s="1"/>
  <c r="EDZ52" i="1" s="1"/>
  <c r="EEA52" i="1" s="1"/>
  <c r="EEB52" i="1" s="1"/>
  <c r="EEC52" i="1" s="1"/>
  <c r="EED52" i="1" s="1"/>
  <c r="EEE52" i="1" s="1"/>
  <c r="EEF52" i="1" s="1"/>
  <c r="EEG52" i="1" s="1"/>
  <c r="EEH52" i="1" s="1"/>
  <c r="EEI52" i="1" s="1"/>
  <c r="EEJ52" i="1" s="1"/>
  <c r="EEK52" i="1" s="1"/>
  <c r="EEL52" i="1" s="1"/>
  <c r="EEM52" i="1" s="1"/>
  <c r="EEN52" i="1" s="1"/>
  <c r="EEO52" i="1" s="1"/>
  <c r="EEP52" i="1" s="1"/>
  <c r="EEQ52" i="1" s="1"/>
  <c r="EER52" i="1" s="1"/>
  <c r="EES52" i="1" s="1"/>
  <c r="EET52" i="1" s="1"/>
  <c r="EEU52" i="1" s="1"/>
  <c r="EEV52" i="1" s="1"/>
  <c r="EEW52" i="1" s="1"/>
  <c r="EEX52" i="1" s="1"/>
  <c r="EEY52" i="1" s="1"/>
  <c r="EEZ52" i="1" s="1"/>
  <c r="EFA52" i="1" s="1"/>
  <c r="EFB52" i="1" s="1"/>
  <c r="EFC52" i="1" s="1"/>
  <c r="EFD52" i="1" s="1"/>
  <c r="EFE52" i="1" s="1"/>
  <c r="EFF52" i="1" s="1"/>
  <c r="EFG52" i="1" s="1"/>
  <c r="EFH52" i="1" s="1"/>
  <c r="EFI52" i="1" s="1"/>
  <c r="EFJ52" i="1" s="1"/>
  <c r="EFK52" i="1" s="1"/>
  <c r="EFL52" i="1" s="1"/>
  <c r="EFM52" i="1" s="1"/>
  <c r="EFN52" i="1" s="1"/>
  <c r="EFO52" i="1" s="1"/>
  <c r="EFP52" i="1" s="1"/>
  <c r="EFQ52" i="1" s="1"/>
  <c r="EFR52" i="1" s="1"/>
  <c r="EFS52" i="1" s="1"/>
  <c r="EFT52" i="1" s="1"/>
  <c r="EFU52" i="1" s="1"/>
  <c r="EFV52" i="1" s="1"/>
  <c r="EFW52" i="1" s="1"/>
  <c r="EFX52" i="1" s="1"/>
  <c r="EFY52" i="1" s="1"/>
  <c r="EFZ52" i="1" s="1"/>
  <c r="EGA52" i="1" s="1"/>
  <c r="EGB52" i="1" s="1"/>
  <c r="EGC52" i="1" s="1"/>
  <c r="EGD52" i="1" s="1"/>
  <c r="EGE52" i="1" s="1"/>
  <c r="EGF52" i="1" s="1"/>
  <c r="EGG52" i="1" s="1"/>
  <c r="EGH52" i="1" s="1"/>
  <c r="EGI52" i="1" s="1"/>
  <c r="EGJ52" i="1" s="1"/>
  <c r="EGK52" i="1" s="1"/>
  <c r="EGL52" i="1" s="1"/>
  <c r="EGM52" i="1" s="1"/>
  <c r="EGN52" i="1" s="1"/>
  <c r="EGO52" i="1" s="1"/>
  <c r="EGP52" i="1" s="1"/>
  <c r="EGQ52" i="1" s="1"/>
  <c r="EGR52" i="1" s="1"/>
  <c r="EGS52" i="1" s="1"/>
  <c r="EGT52" i="1" s="1"/>
  <c r="EGU52" i="1" s="1"/>
  <c r="EGV52" i="1" s="1"/>
  <c r="EGW52" i="1" s="1"/>
  <c r="EGX52" i="1" s="1"/>
  <c r="EGY52" i="1" s="1"/>
  <c r="EGZ52" i="1" s="1"/>
  <c r="EHA52" i="1" s="1"/>
  <c r="EHB52" i="1" s="1"/>
  <c r="EHC52" i="1" s="1"/>
  <c r="EHD52" i="1" s="1"/>
  <c r="EHE52" i="1" s="1"/>
  <c r="EHF52" i="1" s="1"/>
  <c r="EHG52" i="1" s="1"/>
  <c r="EHH52" i="1" s="1"/>
  <c r="EHI52" i="1" s="1"/>
  <c r="EHJ52" i="1" s="1"/>
  <c r="EHK52" i="1" s="1"/>
  <c r="EHL52" i="1" s="1"/>
  <c r="EHM52" i="1" s="1"/>
  <c r="EHN52" i="1" s="1"/>
  <c r="EHO52" i="1" s="1"/>
  <c r="EHP52" i="1" s="1"/>
  <c r="EHQ52" i="1" s="1"/>
  <c r="EHR52" i="1" s="1"/>
  <c r="EHS52" i="1" s="1"/>
  <c r="EHT52" i="1" s="1"/>
  <c r="EHU52" i="1" s="1"/>
  <c r="EHV52" i="1" s="1"/>
  <c r="EHW52" i="1" s="1"/>
  <c r="EHX52" i="1" s="1"/>
  <c r="EHY52" i="1" s="1"/>
  <c r="EHZ52" i="1" s="1"/>
  <c r="EIA52" i="1" s="1"/>
  <c r="EIB52" i="1" s="1"/>
  <c r="EIC52" i="1" s="1"/>
  <c r="EID52" i="1" s="1"/>
  <c r="EIE52" i="1" s="1"/>
  <c r="EIF52" i="1" s="1"/>
  <c r="EIG52" i="1" s="1"/>
  <c r="EIH52" i="1" s="1"/>
  <c r="EII52" i="1" s="1"/>
  <c r="EIJ52" i="1" s="1"/>
  <c r="EIK52" i="1" s="1"/>
  <c r="EIL52" i="1" s="1"/>
  <c r="EIM52" i="1" s="1"/>
  <c r="EIN52" i="1" s="1"/>
  <c r="EIO52" i="1" s="1"/>
  <c r="EIP52" i="1" s="1"/>
  <c r="EIQ52" i="1" s="1"/>
  <c r="EIR52" i="1" s="1"/>
  <c r="EIS52" i="1" s="1"/>
  <c r="EIT52" i="1" s="1"/>
  <c r="EIU52" i="1" s="1"/>
  <c r="EIV52" i="1" s="1"/>
  <c r="EIW52" i="1" s="1"/>
  <c r="EIX52" i="1" s="1"/>
  <c r="EIY52" i="1" s="1"/>
  <c r="EIZ52" i="1" s="1"/>
  <c r="EJA52" i="1" s="1"/>
  <c r="EJB52" i="1" s="1"/>
  <c r="EJC52" i="1" s="1"/>
  <c r="EJD52" i="1" s="1"/>
  <c r="EJE52" i="1" s="1"/>
  <c r="EJF52" i="1" s="1"/>
  <c r="EJG52" i="1" s="1"/>
  <c r="EJH52" i="1" s="1"/>
  <c r="EJI52" i="1" s="1"/>
  <c r="EJJ52" i="1" s="1"/>
  <c r="EJK52" i="1" s="1"/>
  <c r="EJL52" i="1" s="1"/>
  <c r="EJM52" i="1" s="1"/>
  <c r="EJN52" i="1" s="1"/>
  <c r="EJO52" i="1" s="1"/>
  <c r="EJP52" i="1" s="1"/>
  <c r="EJQ52" i="1" s="1"/>
  <c r="EJR52" i="1" s="1"/>
  <c r="EJS52" i="1" s="1"/>
  <c r="EJT52" i="1" s="1"/>
  <c r="EJU52" i="1" s="1"/>
  <c r="EJV52" i="1" s="1"/>
  <c r="EJW52" i="1" s="1"/>
  <c r="EJX52" i="1" s="1"/>
  <c r="EJY52" i="1" s="1"/>
  <c r="EJZ52" i="1" s="1"/>
  <c r="EKA52" i="1" s="1"/>
  <c r="EKB52" i="1" s="1"/>
  <c r="EKC52" i="1" s="1"/>
  <c r="EKD52" i="1" s="1"/>
  <c r="EKE52" i="1" s="1"/>
  <c r="EKF52" i="1" s="1"/>
  <c r="EKG52" i="1" s="1"/>
  <c r="EKH52" i="1" s="1"/>
  <c r="EKI52" i="1" s="1"/>
  <c r="EKJ52" i="1" s="1"/>
  <c r="EKK52" i="1" s="1"/>
  <c r="EKL52" i="1" s="1"/>
  <c r="EKM52" i="1" s="1"/>
  <c r="EKN52" i="1" s="1"/>
  <c r="EKO52" i="1" s="1"/>
  <c r="EKP52" i="1" s="1"/>
  <c r="EKQ52" i="1" s="1"/>
  <c r="EKR52" i="1" s="1"/>
  <c r="EKS52" i="1" s="1"/>
  <c r="EKT52" i="1" s="1"/>
  <c r="EKU52" i="1" s="1"/>
  <c r="EKV52" i="1" s="1"/>
  <c r="EKW52" i="1" s="1"/>
  <c r="EKX52" i="1" s="1"/>
  <c r="EKY52" i="1" s="1"/>
  <c r="EKZ52" i="1" s="1"/>
  <c r="ELA52" i="1" s="1"/>
  <c r="ELB52" i="1" s="1"/>
  <c r="ELC52" i="1" s="1"/>
  <c r="ELD52" i="1" s="1"/>
  <c r="ELE52" i="1" s="1"/>
  <c r="ELF52" i="1" s="1"/>
  <c r="ELG52" i="1" s="1"/>
  <c r="ELH52" i="1" s="1"/>
  <c r="ELI52" i="1" s="1"/>
  <c r="ELJ52" i="1" s="1"/>
  <c r="ELK52" i="1" s="1"/>
  <c r="ELL52" i="1" s="1"/>
  <c r="ELM52" i="1" s="1"/>
  <c r="ELN52" i="1" s="1"/>
  <c r="ELO52" i="1" s="1"/>
  <c r="ELP52" i="1" s="1"/>
  <c r="ELQ52" i="1" s="1"/>
  <c r="ELR52" i="1" s="1"/>
  <c r="ELS52" i="1" s="1"/>
  <c r="ELT52" i="1" s="1"/>
  <c r="ELU52" i="1" s="1"/>
  <c r="ELV52" i="1" s="1"/>
  <c r="ELW52" i="1" s="1"/>
  <c r="ELX52" i="1" s="1"/>
  <c r="ELY52" i="1" s="1"/>
  <c r="ELZ52" i="1" s="1"/>
  <c r="EMA52" i="1" s="1"/>
  <c r="EMB52" i="1" s="1"/>
  <c r="EMC52" i="1" s="1"/>
  <c r="EMD52" i="1" s="1"/>
  <c r="EME52" i="1" s="1"/>
  <c r="EMF52" i="1" s="1"/>
  <c r="EMG52" i="1" s="1"/>
  <c r="EMH52" i="1" s="1"/>
  <c r="EMI52" i="1" s="1"/>
  <c r="EMJ52" i="1" s="1"/>
  <c r="EMK52" i="1" s="1"/>
  <c r="EML52" i="1" s="1"/>
  <c r="EMM52" i="1" s="1"/>
  <c r="EMN52" i="1" s="1"/>
  <c r="EMO52" i="1" s="1"/>
  <c r="EMP52" i="1" s="1"/>
  <c r="EMQ52" i="1" s="1"/>
  <c r="EMR52" i="1" s="1"/>
  <c r="EMS52" i="1" s="1"/>
  <c r="EMT52" i="1" s="1"/>
  <c r="EMU52" i="1" s="1"/>
  <c r="EMV52" i="1" s="1"/>
  <c r="EMW52" i="1" s="1"/>
  <c r="EMX52" i="1" s="1"/>
  <c r="EMY52" i="1" s="1"/>
  <c r="EMZ52" i="1" s="1"/>
  <c r="ENA52" i="1" s="1"/>
  <c r="ENB52" i="1" s="1"/>
  <c r="ENC52" i="1" s="1"/>
  <c r="END52" i="1" s="1"/>
  <c r="ENE52" i="1" s="1"/>
  <c r="ENF52" i="1" s="1"/>
  <c r="ENG52" i="1" s="1"/>
  <c r="ENH52" i="1" s="1"/>
  <c r="ENI52" i="1" s="1"/>
  <c r="ENJ52" i="1" s="1"/>
  <c r="ENK52" i="1" s="1"/>
  <c r="ENL52" i="1" s="1"/>
  <c r="ENM52" i="1" s="1"/>
  <c r="ENN52" i="1" s="1"/>
  <c r="ENO52" i="1" s="1"/>
  <c r="ENP52" i="1" s="1"/>
  <c r="ENQ52" i="1" s="1"/>
  <c r="ENR52" i="1" s="1"/>
  <c r="ENS52" i="1" s="1"/>
  <c r="ENT52" i="1" s="1"/>
  <c r="ENU52" i="1" s="1"/>
  <c r="ENV52" i="1" s="1"/>
  <c r="ENW52" i="1" s="1"/>
  <c r="ENX52" i="1" s="1"/>
  <c r="ENY52" i="1" s="1"/>
  <c r="ENZ52" i="1" s="1"/>
  <c r="EOA52" i="1" s="1"/>
  <c r="EOB52" i="1" s="1"/>
  <c r="EOC52" i="1" s="1"/>
  <c r="EOD52" i="1" s="1"/>
  <c r="EOE52" i="1" s="1"/>
  <c r="EOF52" i="1" s="1"/>
  <c r="EOG52" i="1" s="1"/>
  <c r="EOH52" i="1" s="1"/>
  <c r="EOI52" i="1" s="1"/>
  <c r="EOJ52" i="1" s="1"/>
  <c r="EOK52" i="1" s="1"/>
  <c r="EOL52" i="1" s="1"/>
  <c r="EOM52" i="1" s="1"/>
  <c r="EON52" i="1" s="1"/>
  <c r="EOO52" i="1" s="1"/>
  <c r="EOP52" i="1" s="1"/>
  <c r="EOQ52" i="1" s="1"/>
  <c r="EOR52" i="1" s="1"/>
  <c r="EOS52" i="1" s="1"/>
  <c r="EOT52" i="1" s="1"/>
  <c r="EOU52" i="1" s="1"/>
  <c r="EOV52" i="1" s="1"/>
  <c r="EOW52" i="1" s="1"/>
  <c r="EOX52" i="1" s="1"/>
  <c r="EOY52" i="1" s="1"/>
  <c r="EOZ52" i="1" s="1"/>
  <c r="EPA52" i="1" s="1"/>
  <c r="EPB52" i="1" s="1"/>
  <c r="EPC52" i="1" s="1"/>
  <c r="EPD52" i="1" s="1"/>
  <c r="EPE52" i="1" s="1"/>
  <c r="EPF52" i="1" s="1"/>
  <c r="EPG52" i="1" s="1"/>
  <c r="EPH52" i="1" s="1"/>
  <c r="EPI52" i="1" s="1"/>
  <c r="EPJ52" i="1" s="1"/>
  <c r="EPK52" i="1" s="1"/>
  <c r="EPL52" i="1" s="1"/>
  <c r="EPM52" i="1" s="1"/>
  <c r="EPN52" i="1" s="1"/>
  <c r="EPO52" i="1" s="1"/>
  <c r="EPP52" i="1" s="1"/>
  <c r="EPQ52" i="1" s="1"/>
  <c r="EPR52" i="1" s="1"/>
  <c r="EPS52" i="1" s="1"/>
  <c r="EPT52" i="1" s="1"/>
  <c r="EPU52" i="1" s="1"/>
  <c r="EPV52" i="1" s="1"/>
  <c r="EPW52" i="1" s="1"/>
  <c r="EPX52" i="1" s="1"/>
  <c r="EPY52" i="1" s="1"/>
  <c r="EPZ52" i="1" s="1"/>
  <c r="EQA52" i="1" s="1"/>
  <c r="EQB52" i="1" s="1"/>
  <c r="EQC52" i="1" s="1"/>
  <c r="EQD52" i="1" s="1"/>
  <c r="EQE52" i="1" s="1"/>
  <c r="EQF52" i="1" s="1"/>
  <c r="EQG52" i="1" s="1"/>
  <c r="EQH52" i="1" s="1"/>
  <c r="EQI52" i="1" s="1"/>
  <c r="EQJ52" i="1" s="1"/>
  <c r="EQK52" i="1" s="1"/>
  <c r="EQL52" i="1" s="1"/>
  <c r="EQM52" i="1" s="1"/>
  <c r="EQN52" i="1" s="1"/>
  <c r="EQO52" i="1" s="1"/>
  <c r="EQP52" i="1" s="1"/>
  <c r="EQQ52" i="1" s="1"/>
  <c r="EQR52" i="1" s="1"/>
  <c r="EQS52" i="1" s="1"/>
  <c r="EQT52" i="1" s="1"/>
  <c r="EQU52" i="1" s="1"/>
  <c r="EQV52" i="1" s="1"/>
  <c r="EQW52" i="1" s="1"/>
  <c r="EQX52" i="1" s="1"/>
  <c r="EQY52" i="1" s="1"/>
  <c r="EQZ52" i="1" s="1"/>
  <c r="ERA52" i="1" s="1"/>
  <c r="ERB52" i="1" s="1"/>
  <c r="ERC52" i="1" s="1"/>
  <c r="ERD52" i="1" s="1"/>
  <c r="ERE52" i="1" s="1"/>
  <c r="ERF52" i="1" s="1"/>
  <c r="ERG52" i="1" s="1"/>
  <c r="ERH52" i="1" s="1"/>
  <c r="ERI52" i="1" s="1"/>
  <c r="ERJ52" i="1" s="1"/>
  <c r="ERK52" i="1" s="1"/>
  <c r="ERL52" i="1" s="1"/>
  <c r="ERM52" i="1" s="1"/>
  <c r="ERN52" i="1" s="1"/>
  <c r="ERO52" i="1" s="1"/>
  <c r="ERP52" i="1" s="1"/>
  <c r="ERQ52" i="1" s="1"/>
  <c r="ERR52" i="1" s="1"/>
  <c r="ERS52" i="1" s="1"/>
  <c r="ERT52" i="1" s="1"/>
  <c r="ERU52" i="1" s="1"/>
  <c r="ERV52" i="1" s="1"/>
  <c r="ERW52" i="1" s="1"/>
  <c r="ERX52" i="1" s="1"/>
  <c r="ERY52" i="1" s="1"/>
  <c r="ERZ52" i="1" s="1"/>
  <c r="ESA52" i="1" s="1"/>
  <c r="ESB52" i="1" s="1"/>
  <c r="ESC52" i="1" s="1"/>
  <c r="ESD52" i="1" s="1"/>
  <c r="ESE52" i="1" s="1"/>
  <c r="ESF52" i="1" s="1"/>
  <c r="ESG52" i="1" s="1"/>
  <c r="ESH52" i="1" s="1"/>
  <c r="ESI52" i="1" s="1"/>
  <c r="ESJ52" i="1" s="1"/>
  <c r="ESK52" i="1" s="1"/>
  <c r="ESL52" i="1" s="1"/>
  <c r="ESM52" i="1" s="1"/>
  <c r="ESN52" i="1" s="1"/>
  <c r="ESO52" i="1" s="1"/>
  <c r="ESP52" i="1" s="1"/>
  <c r="ESQ52" i="1" s="1"/>
  <c r="ESR52" i="1" s="1"/>
  <c r="ESS52" i="1" s="1"/>
  <c r="EST52" i="1" s="1"/>
  <c r="ESU52" i="1" s="1"/>
  <c r="ESV52" i="1" s="1"/>
  <c r="ESW52" i="1" s="1"/>
  <c r="ESX52" i="1" s="1"/>
  <c r="ESY52" i="1" s="1"/>
  <c r="ESZ52" i="1" s="1"/>
  <c r="ETA52" i="1" s="1"/>
  <c r="ETB52" i="1" s="1"/>
  <c r="ETC52" i="1" s="1"/>
  <c r="ETD52" i="1" s="1"/>
  <c r="ETE52" i="1" s="1"/>
  <c r="ETF52" i="1" s="1"/>
  <c r="ETG52" i="1" s="1"/>
  <c r="ETH52" i="1" s="1"/>
  <c r="ETI52" i="1" s="1"/>
  <c r="ETJ52" i="1" s="1"/>
  <c r="ETK52" i="1" s="1"/>
  <c r="ETL52" i="1" s="1"/>
  <c r="ETM52" i="1" s="1"/>
  <c r="ETN52" i="1" s="1"/>
  <c r="ETO52" i="1" s="1"/>
  <c r="ETP52" i="1" s="1"/>
  <c r="ETQ52" i="1" s="1"/>
  <c r="ETR52" i="1" s="1"/>
  <c r="ETS52" i="1" s="1"/>
  <c r="ETT52" i="1" s="1"/>
  <c r="ETU52" i="1" s="1"/>
  <c r="ETV52" i="1" s="1"/>
  <c r="ETW52" i="1" s="1"/>
  <c r="ETX52" i="1" s="1"/>
  <c r="ETY52" i="1" s="1"/>
  <c r="ETZ52" i="1" s="1"/>
  <c r="EUA52" i="1" s="1"/>
  <c r="EUB52" i="1" s="1"/>
  <c r="EUC52" i="1" s="1"/>
  <c r="EUD52" i="1" s="1"/>
  <c r="EUE52" i="1" s="1"/>
  <c r="EUF52" i="1" s="1"/>
  <c r="EUG52" i="1" s="1"/>
  <c r="EUH52" i="1" s="1"/>
  <c r="EUI52" i="1" s="1"/>
  <c r="EUJ52" i="1" s="1"/>
  <c r="EUK52" i="1" s="1"/>
  <c r="EUL52" i="1" s="1"/>
  <c r="EUM52" i="1" s="1"/>
  <c r="EUN52" i="1" s="1"/>
  <c r="EUO52" i="1" s="1"/>
  <c r="EUP52" i="1" s="1"/>
  <c r="EUQ52" i="1" s="1"/>
  <c r="EUR52" i="1" s="1"/>
  <c r="EUS52" i="1" s="1"/>
  <c r="EUT52" i="1" s="1"/>
  <c r="EUU52" i="1" s="1"/>
  <c r="EUV52" i="1" s="1"/>
  <c r="EUW52" i="1" s="1"/>
  <c r="EUX52" i="1" s="1"/>
  <c r="EUY52" i="1" s="1"/>
  <c r="EUZ52" i="1" s="1"/>
  <c r="EVA52" i="1" s="1"/>
  <c r="EVB52" i="1" s="1"/>
  <c r="EVC52" i="1" s="1"/>
  <c r="EVD52" i="1" s="1"/>
  <c r="EVE52" i="1" s="1"/>
  <c r="EVF52" i="1" s="1"/>
  <c r="EVG52" i="1" s="1"/>
  <c r="EVH52" i="1" s="1"/>
  <c r="EVI52" i="1" s="1"/>
  <c r="EVJ52" i="1" s="1"/>
  <c r="EVK52" i="1" s="1"/>
  <c r="EVL52" i="1" s="1"/>
  <c r="EVM52" i="1" s="1"/>
  <c r="EVN52" i="1" s="1"/>
  <c r="EVO52" i="1" s="1"/>
  <c r="EVP52" i="1" s="1"/>
  <c r="EVQ52" i="1" s="1"/>
  <c r="EVR52" i="1" s="1"/>
  <c r="EVS52" i="1" s="1"/>
  <c r="EVT52" i="1" s="1"/>
  <c r="EVU52" i="1" s="1"/>
  <c r="EVV52" i="1" s="1"/>
  <c r="EVW52" i="1" s="1"/>
  <c r="EVX52" i="1" s="1"/>
  <c r="EVY52" i="1" s="1"/>
  <c r="EVZ52" i="1" s="1"/>
  <c r="EWA52" i="1" s="1"/>
  <c r="EWB52" i="1" s="1"/>
  <c r="EWC52" i="1" s="1"/>
  <c r="EWD52" i="1" s="1"/>
  <c r="EWE52" i="1" s="1"/>
  <c r="EWF52" i="1" s="1"/>
  <c r="EWG52" i="1" s="1"/>
  <c r="EWH52" i="1" s="1"/>
  <c r="EWI52" i="1" s="1"/>
  <c r="EWJ52" i="1" s="1"/>
  <c r="EWK52" i="1" s="1"/>
  <c r="EWL52" i="1" s="1"/>
  <c r="EWM52" i="1" s="1"/>
  <c r="EWN52" i="1" s="1"/>
  <c r="EWO52" i="1" s="1"/>
  <c r="EWP52" i="1" s="1"/>
  <c r="EWQ52" i="1" s="1"/>
  <c r="EWR52" i="1" s="1"/>
  <c r="EWS52" i="1" s="1"/>
  <c r="EWT52" i="1" s="1"/>
  <c r="EWU52" i="1" s="1"/>
  <c r="EWV52" i="1" s="1"/>
  <c r="EWW52" i="1" s="1"/>
  <c r="EWX52" i="1" s="1"/>
  <c r="EWY52" i="1" s="1"/>
  <c r="EWZ52" i="1" s="1"/>
  <c r="EXA52" i="1" s="1"/>
  <c r="EXB52" i="1" s="1"/>
  <c r="EXC52" i="1" s="1"/>
  <c r="EXD52" i="1" s="1"/>
  <c r="EXE52" i="1" s="1"/>
  <c r="EXF52" i="1" s="1"/>
  <c r="EXG52" i="1" s="1"/>
  <c r="EXH52" i="1" s="1"/>
  <c r="EXI52" i="1" s="1"/>
  <c r="EXJ52" i="1" s="1"/>
  <c r="EXK52" i="1" s="1"/>
  <c r="EXL52" i="1" s="1"/>
  <c r="EXM52" i="1" s="1"/>
  <c r="EXN52" i="1" s="1"/>
  <c r="EXO52" i="1" s="1"/>
  <c r="EXP52" i="1" s="1"/>
  <c r="EXQ52" i="1" s="1"/>
  <c r="EXR52" i="1" s="1"/>
  <c r="EXS52" i="1" s="1"/>
  <c r="EXT52" i="1" s="1"/>
  <c r="EXU52" i="1" s="1"/>
  <c r="EXV52" i="1" s="1"/>
  <c r="EXW52" i="1" s="1"/>
  <c r="EXX52" i="1" s="1"/>
  <c r="EXY52" i="1" s="1"/>
  <c r="EXZ52" i="1" s="1"/>
  <c r="EYA52" i="1" s="1"/>
  <c r="EYB52" i="1" s="1"/>
  <c r="EYC52" i="1" s="1"/>
  <c r="EYD52" i="1" s="1"/>
  <c r="EYE52" i="1" s="1"/>
  <c r="EYF52" i="1" s="1"/>
  <c r="EYG52" i="1" s="1"/>
  <c r="EYH52" i="1" s="1"/>
  <c r="EYI52" i="1" s="1"/>
  <c r="EYJ52" i="1" s="1"/>
  <c r="EYK52" i="1" s="1"/>
  <c r="EYL52" i="1" s="1"/>
  <c r="EYM52" i="1" s="1"/>
  <c r="EYN52" i="1" s="1"/>
  <c r="EYO52" i="1" s="1"/>
  <c r="EYP52" i="1" s="1"/>
  <c r="EYQ52" i="1" s="1"/>
  <c r="EYR52" i="1" s="1"/>
  <c r="EYS52" i="1" s="1"/>
  <c r="EYT52" i="1" s="1"/>
  <c r="EYU52" i="1" s="1"/>
  <c r="EYV52" i="1" s="1"/>
  <c r="EYW52" i="1" s="1"/>
  <c r="EYX52" i="1" s="1"/>
  <c r="EYY52" i="1" s="1"/>
  <c r="EYZ52" i="1" s="1"/>
  <c r="EZA52" i="1" s="1"/>
  <c r="EZB52" i="1" s="1"/>
  <c r="EZC52" i="1" s="1"/>
  <c r="EZD52" i="1" s="1"/>
  <c r="EZE52" i="1" s="1"/>
  <c r="EZF52" i="1" s="1"/>
  <c r="EZG52" i="1" s="1"/>
  <c r="EZH52" i="1" s="1"/>
  <c r="EZI52" i="1" s="1"/>
  <c r="EZJ52" i="1" s="1"/>
  <c r="EZK52" i="1" s="1"/>
  <c r="EZL52" i="1" s="1"/>
  <c r="EZM52" i="1" s="1"/>
  <c r="EZN52" i="1" s="1"/>
  <c r="EZO52" i="1" s="1"/>
  <c r="EZP52" i="1" s="1"/>
  <c r="EZQ52" i="1" s="1"/>
  <c r="EZR52" i="1" s="1"/>
  <c r="EZS52" i="1" s="1"/>
  <c r="EZT52" i="1" s="1"/>
  <c r="EZU52" i="1" s="1"/>
  <c r="EZV52" i="1" s="1"/>
  <c r="EZW52" i="1" s="1"/>
  <c r="EZX52" i="1" s="1"/>
  <c r="EZY52" i="1" s="1"/>
  <c r="EZZ52" i="1" s="1"/>
  <c r="FAA52" i="1" s="1"/>
  <c r="FAB52" i="1" s="1"/>
  <c r="FAC52" i="1" s="1"/>
  <c r="FAD52" i="1" s="1"/>
  <c r="FAE52" i="1" s="1"/>
  <c r="FAF52" i="1" s="1"/>
  <c r="FAG52" i="1" s="1"/>
  <c r="FAH52" i="1" s="1"/>
  <c r="FAI52" i="1" s="1"/>
  <c r="FAJ52" i="1" s="1"/>
  <c r="FAK52" i="1" s="1"/>
  <c r="FAL52" i="1" s="1"/>
  <c r="FAM52" i="1" s="1"/>
  <c r="FAN52" i="1" s="1"/>
  <c r="FAO52" i="1" s="1"/>
  <c r="FAP52" i="1" s="1"/>
  <c r="FAQ52" i="1" s="1"/>
  <c r="FAR52" i="1" s="1"/>
  <c r="FAS52" i="1" s="1"/>
  <c r="FAT52" i="1" s="1"/>
  <c r="FAU52" i="1" s="1"/>
  <c r="FAV52" i="1" s="1"/>
  <c r="FAW52" i="1" s="1"/>
  <c r="FAX52" i="1" s="1"/>
  <c r="FAY52" i="1" s="1"/>
  <c r="FAZ52" i="1" s="1"/>
  <c r="FBA52" i="1" s="1"/>
  <c r="FBB52" i="1" s="1"/>
  <c r="FBC52" i="1" s="1"/>
  <c r="FBD52" i="1" s="1"/>
  <c r="FBE52" i="1" s="1"/>
  <c r="FBF52" i="1" s="1"/>
  <c r="FBG52" i="1" s="1"/>
  <c r="FBH52" i="1" s="1"/>
  <c r="FBI52" i="1" s="1"/>
  <c r="FBJ52" i="1" s="1"/>
  <c r="FBK52" i="1" s="1"/>
  <c r="FBL52" i="1" s="1"/>
  <c r="FBM52" i="1" s="1"/>
  <c r="FBN52" i="1" s="1"/>
  <c r="FBO52" i="1" s="1"/>
  <c r="FBP52" i="1" s="1"/>
  <c r="FBQ52" i="1" s="1"/>
  <c r="FBR52" i="1" s="1"/>
  <c r="FBS52" i="1" s="1"/>
  <c r="FBT52" i="1" s="1"/>
  <c r="FBU52" i="1" s="1"/>
  <c r="FBV52" i="1" s="1"/>
  <c r="FBW52" i="1" s="1"/>
  <c r="FBX52" i="1" s="1"/>
  <c r="FBY52" i="1" s="1"/>
  <c r="FBZ52" i="1" s="1"/>
  <c r="FCA52" i="1" s="1"/>
  <c r="FCB52" i="1" s="1"/>
  <c r="FCC52" i="1" s="1"/>
  <c r="FCD52" i="1" s="1"/>
  <c r="FCE52" i="1" s="1"/>
  <c r="FCF52" i="1" s="1"/>
  <c r="FCG52" i="1" s="1"/>
  <c r="FCH52" i="1" s="1"/>
  <c r="FCI52" i="1" s="1"/>
  <c r="FCJ52" i="1" s="1"/>
  <c r="FCK52" i="1" s="1"/>
  <c r="FCL52" i="1" s="1"/>
  <c r="FCM52" i="1" s="1"/>
  <c r="FCN52" i="1" s="1"/>
  <c r="FCO52" i="1" s="1"/>
  <c r="FCP52" i="1" s="1"/>
  <c r="FCQ52" i="1" s="1"/>
  <c r="FCR52" i="1" s="1"/>
  <c r="FCS52" i="1" s="1"/>
  <c r="FCT52" i="1" s="1"/>
  <c r="FCU52" i="1" s="1"/>
  <c r="FCV52" i="1" s="1"/>
  <c r="FCW52" i="1" s="1"/>
  <c r="FCX52" i="1" s="1"/>
  <c r="FCY52" i="1" s="1"/>
  <c r="FCZ52" i="1" s="1"/>
  <c r="FDA52" i="1" s="1"/>
  <c r="FDB52" i="1" s="1"/>
  <c r="FDC52" i="1" s="1"/>
  <c r="FDD52" i="1" s="1"/>
  <c r="FDE52" i="1" s="1"/>
  <c r="FDF52" i="1" s="1"/>
  <c r="FDG52" i="1" s="1"/>
  <c r="FDH52" i="1" s="1"/>
  <c r="FDI52" i="1" s="1"/>
  <c r="FDJ52" i="1" s="1"/>
  <c r="FDK52" i="1" s="1"/>
  <c r="FDL52" i="1" s="1"/>
  <c r="FDM52" i="1" s="1"/>
  <c r="FDN52" i="1" s="1"/>
  <c r="FDO52" i="1" s="1"/>
  <c r="FDP52" i="1" s="1"/>
  <c r="FDQ52" i="1" s="1"/>
  <c r="FDR52" i="1" s="1"/>
  <c r="FDS52" i="1" s="1"/>
  <c r="FDT52" i="1" s="1"/>
  <c r="FDU52" i="1" s="1"/>
  <c r="FDV52" i="1" s="1"/>
  <c r="FDW52" i="1" s="1"/>
  <c r="FDX52" i="1" s="1"/>
  <c r="FDY52" i="1" s="1"/>
  <c r="FDZ52" i="1" s="1"/>
  <c r="FEA52" i="1" s="1"/>
  <c r="FEB52" i="1" s="1"/>
  <c r="FEC52" i="1" s="1"/>
  <c r="FED52" i="1" s="1"/>
  <c r="FEE52" i="1" s="1"/>
  <c r="FEF52" i="1" s="1"/>
  <c r="FEG52" i="1" s="1"/>
  <c r="FEH52" i="1" s="1"/>
  <c r="FEI52" i="1" s="1"/>
  <c r="FEJ52" i="1" s="1"/>
  <c r="FEK52" i="1" s="1"/>
  <c r="FEL52" i="1" s="1"/>
  <c r="FEM52" i="1" s="1"/>
  <c r="FEN52" i="1" s="1"/>
  <c r="FEO52" i="1" s="1"/>
  <c r="FEP52" i="1" s="1"/>
  <c r="FEQ52" i="1" s="1"/>
  <c r="FER52" i="1" s="1"/>
  <c r="FES52" i="1" s="1"/>
  <c r="FET52" i="1" s="1"/>
  <c r="FEU52" i="1" s="1"/>
  <c r="FEV52" i="1" s="1"/>
  <c r="FEW52" i="1" s="1"/>
  <c r="FEX52" i="1" s="1"/>
  <c r="FEY52" i="1" s="1"/>
  <c r="FEZ52" i="1" s="1"/>
  <c r="FFA52" i="1" s="1"/>
  <c r="FFB52" i="1" s="1"/>
  <c r="FFC52" i="1" s="1"/>
  <c r="FFD52" i="1" s="1"/>
  <c r="FFE52" i="1" s="1"/>
  <c r="FFF52" i="1" s="1"/>
  <c r="FFG52" i="1" s="1"/>
  <c r="FFH52" i="1" s="1"/>
  <c r="FFI52" i="1" s="1"/>
  <c r="FFJ52" i="1" s="1"/>
  <c r="FFK52" i="1" s="1"/>
  <c r="FFL52" i="1" s="1"/>
  <c r="FFM52" i="1" s="1"/>
  <c r="FFN52" i="1" s="1"/>
  <c r="FFO52" i="1" s="1"/>
  <c r="FFP52" i="1" s="1"/>
  <c r="FFQ52" i="1" s="1"/>
  <c r="FFR52" i="1" s="1"/>
  <c r="FFS52" i="1" s="1"/>
  <c r="FFT52" i="1" s="1"/>
  <c r="FFU52" i="1" s="1"/>
  <c r="FFV52" i="1" s="1"/>
  <c r="FFW52" i="1" s="1"/>
  <c r="FFX52" i="1" s="1"/>
  <c r="FFY52" i="1" s="1"/>
  <c r="FFZ52" i="1" s="1"/>
  <c r="FGA52" i="1" s="1"/>
  <c r="FGB52" i="1" s="1"/>
  <c r="FGC52" i="1" s="1"/>
  <c r="FGD52" i="1" s="1"/>
  <c r="FGE52" i="1" s="1"/>
  <c r="FGF52" i="1" s="1"/>
  <c r="FGG52" i="1" s="1"/>
  <c r="FGH52" i="1" s="1"/>
  <c r="FGI52" i="1" s="1"/>
  <c r="FGJ52" i="1" s="1"/>
  <c r="FGK52" i="1" s="1"/>
  <c r="FGL52" i="1" s="1"/>
  <c r="FGM52" i="1" s="1"/>
  <c r="FGN52" i="1" s="1"/>
  <c r="FGO52" i="1" s="1"/>
  <c r="FGP52" i="1" s="1"/>
  <c r="FGQ52" i="1" s="1"/>
  <c r="FGR52" i="1" s="1"/>
  <c r="FGS52" i="1" s="1"/>
  <c r="FGT52" i="1" s="1"/>
  <c r="FGU52" i="1" s="1"/>
  <c r="FGV52" i="1" s="1"/>
  <c r="FGW52" i="1" s="1"/>
  <c r="FGX52" i="1" s="1"/>
  <c r="FGY52" i="1" s="1"/>
  <c r="FGZ52" i="1" s="1"/>
  <c r="FHA52" i="1" s="1"/>
  <c r="FHB52" i="1" s="1"/>
  <c r="FHC52" i="1" s="1"/>
  <c r="FHD52" i="1" s="1"/>
  <c r="FHE52" i="1" s="1"/>
  <c r="FHF52" i="1" s="1"/>
  <c r="FHG52" i="1" s="1"/>
  <c r="FHH52" i="1" s="1"/>
  <c r="FHI52" i="1" s="1"/>
  <c r="FHJ52" i="1" s="1"/>
  <c r="FHK52" i="1" s="1"/>
  <c r="FHL52" i="1" s="1"/>
  <c r="FHM52" i="1" s="1"/>
  <c r="FHN52" i="1" s="1"/>
  <c r="FHO52" i="1" s="1"/>
  <c r="FHP52" i="1" s="1"/>
  <c r="FHQ52" i="1" s="1"/>
  <c r="FHR52" i="1" s="1"/>
  <c r="FHS52" i="1" s="1"/>
  <c r="FHT52" i="1" s="1"/>
  <c r="FHU52" i="1" s="1"/>
  <c r="FHV52" i="1" s="1"/>
  <c r="FHW52" i="1" s="1"/>
  <c r="FHX52" i="1" s="1"/>
  <c r="FHY52" i="1" s="1"/>
  <c r="FHZ52" i="1" s="1"/>
  <c r="FIA52" i="1" s="1"/>
  <c r="FIB52" i="1" s="1"/>
  <c r="FIC52" i="1" s="1"/>
  <c r="FID52" i="1" s="1"/>
  <c r="FIE52" i="1" s="1"/>
  <c r="FIF52" i="1" s="1"/>
  <c r="FIG52" i="1" s="1"/>
  <c r="FIH52" i="1" s="1"/>
  <c r="FII52" i="1" s="1"/>
  <c r="FIJ52" i="1" s="1"/>
  <c r="FIK52" i="1" s="1"/>
  <c r="FIL52" i="1" s="1"/>
  <c r="FIM52" i="1" s="1"/>
  <c r="FIN52" i="1" s="1"/>
  <c r="FIO52" i="1" s="1"/>
  <c r="FIP52" i="1" s="1"/>
  <c r="FIQ52" i="1" s="1"/>
  <c r="FIR52" i="1" s="1"/>
  <c r="FIS52" i="1" s="1"/>
  <c r="FIT52" i="1" s="1"/>
  <c r="FIU52" i="1" s="1"/>
  <c r="FIV52" i="1" s="1"/>
  <c r="FIW52" i="1" s="1"/>
  <c r="FIX52" i="1" s="1"/>
  <c r="FIY52" i="1" s="1"/>
  <c r="FIZ52" i="1" s="1"/>
  <c r="FJA52" i="1" s="1"/>
  <c r="FJB52" i="1" s="1"/>
  <c r="FJC52" i="1" s="1"/>
  <c r="FJD52" i="1" s="1"/>
  <c r="FJE52" i="1" s="1"/>
  <c r="FJF52" i="1" s="1"/>
  <c r="FJG52" i="1" s="1"/>
  <c r="FJH52" i="1" s="1"/>
  <c r="FJI52" i="1" s="1"/>
  <c r="FJJ52" i="1" s="1"/>
  <c r="FJK52" i="1" s="1"/>
  <c r="FJL52" i="1" s="1"/>
  <c r="FJM52" i="1" s="1"/>
  <c r="FJN52" i="1" s="1"/>
  <c r="FJO52" i="1" s="1"/>
  <c r="FJP52" i="1" s="1"/>
  <c r="FJQ52" i="1" s="1"/>
  <c r="FJR52" i="1" s="1"/>
  <c r="FJS52" i="1" s="1"/>
  <c r="FJT52" i="1" s="1"/>
  <c r="FJU52" i="1" s="1"/>
  <c r="FJV52" i="1" s="1"/>
  <c r="FJW52" i="1" s="1"/>
  <c r="FJX52" i="1" s="1"/>
  <c r="FJY52" i="1" s="1"/>
  <c r="FJZ52" i="1" s="1"/>
  <c r="FKA52" i="1" s="1"/>
  <c r="FKB52" i="1" s="1"/>
  <c r="FKC52" i="1" s="1"/>
  <c r="FKD52" i="1" s="1"/>
  <c r="FKE52" i="1" s="1"/>
  <c r="FKF52" i="1" s="1"/>
  <c r="FKG52" i="1" s="1"/>
  <c r="FKH52" i="1" s="1"/>
  <c r="FKI52" i="1" s="1"/>
  <c r="FKJ52" i="1" s="1"/>
  <c r="FKK52" i="1" s="1"/>
  <c r="FKL52" i="1" s="1"/>
  <c r="FKM52" i="1" s="1"/>
  <c r="FKN52" i="1" s="1"/>
  <c r="FKO52" i="1" s="1"/>
  <c r="FKP52" i="1" s="1"/>
  <c r="FKQ52" i="1" s="1"/>
  <c r="FKR52" i="1" s="1"/>
  <c r="FKS52" i="1" s="1"/>
  <c r="FKT52" i="1" s="1"/>
  <c r="FKU52" i="1" s="1"/>
  <c r="FKV52" i="1" s="1"/>
  <c r="FKW52" i="1" s="1"/>
  <c r="FKX52" i="1" s="1"/>
  <c r="FKY52" i="1" s="1"/>
  <c r="FKZ52" i="1" s="1"/>
  <c r="FLA52" i="1" s="1"/>
  <c r="FLB52" i="1" s="1"/>
  <c r="FLC52" i="1" s="1"/>
  <c r="FLD52" i="1" s="1"/>
  <c r="FLE52" i="1" s="1"/>
  <c r="FLF52" i="1" s="1"/>
  <c r="FLG52" i="1" s="1"/>
  <c r="FLH52" i="1" s="1"/>
  <c r="FLI52" i="1" s="1"/>
  <c r="FLJ52" i="1" s="1"/>
  <c r="FLK52" i="1" s="1"/>
  <c r="FLL52" i="1" s="1"/>
  <c r="FLM52" i="1" s="1"/>
  <c r="FLN52" i="1" s="1"/>
  <c r="FLO52" i="1" s="1"/>
  <c r="FLP52" i="1" s="1"/>
  <c r="FLQ52" i="1" s="1"/>
  <c r="FLR52" i="1" s="1"/>
  <c r="FLS52" i="1" s="1"/>
  <c r="FLT52" i="1" s="1"/>
  <c r="FLU52" i="1" s="1"/>
  <c r="FLV52" i="1" s="1"/>
  <c r="FLW52" i="1" s="1"/>
  <c r="FLX52" i="1" s="1"/>
  <c r="FLY52" i="1" s="1"/>
  <c r="FLZ52" i="1" s="1"/>
  <c r="FMA52" i="1" s="1"/>
  <c r="FMB52" i="1" s="1"/>
  <c r="FMC52" i="1" s="1"/>
  <c r="FMD52" i="1" s="1"/>
  <c r="FME52" i="1" s="1"/>
  <c r="FMF52" i="1" s="1"/>
  <c r="FMG52" i="1" s="1"/>
  <c r="FMH52" i="1" s="1"/>
  <c r="FMI52" i="1" s="1"/>
  <c r="FMJ52" i="1" s="1"/>
  <c r="FMK52" i="1" s="1"/>
  <c r="FML52" i="1" s="1"/>
  <c r="FMM52" i="1" s="1"/>
  <c r="FMN52" i="1" s="1"/>
  <c r="FMO52" i="1" s="1"/>
  <c r="FMP52" i="1" s="1"/>
  <c r="FMQ52" i="1" s="1"/>
  <c r="FMR52" i="1" s="1"/>
  <c r="FMS52" i="1" s="1"/>
  <c r="FMT52" i="1" s="1"/>
  <c r="FMU52" i="1" s="1"/>
  <c r="FMV52" i="1" s="1"/>
  <c r="FMW52" i="1" s="1"/>
  <c r="FMX52" i="1" s="1"/>
  <c r="FMY52" i="1" s="1"/>
  <c r="FMZ52" i="1" s="1"/>
  <c r="FNA52" i="1" s="1"/>
  <c r="FNB52" i="1" s="1"/>
  <c r="FNC52" i="1" s="1"/>
  <c r="FND52" i="1" s="1"/>
  <c r="FNE52" i="1" s="1"/>
  <c r="FNF52" i="1" s="1"/>
  <c r="FNG52" i="1" s="1"/>
  <c r="FNH52" i="1" s="1"/>
  <c r="FNI52" i="1" s="1"/>
  <c r="FNJ52" i="1" s="1"/>
  <c r="FNK52" i="1" s="1"/>
  <c r="FNL52" i="1" s="1"/>
  <c r="FNM52" i="1" s="1"/>
  <c r="FNN52" i="1" s="1"/>
  <c r="FNO52" i="1" s="1"/>
  <c r="FNP52" i="1" s="1"/>
  <c r="FNQ52" i="1" s="1"/>
  <c r="FNR52" i="1" s="1"/>
  <c r="FNS52" i="1" s="1"/>
  <c r="FNT52" i="1" s="1"/>
  <c r="FNU52" i="1" s="1"/>
  <c r="FNV52" i="1" s="1"/>
  <c r="FNW52" i="1" s="1"/>
  <c r="FNX52" i="1" s="1"/>
  <c r="FNY52" i="1" s="1"/>
  <c r="FNZ52" i="1" s="1"/>
  <c r="FOA52" i="1" s="1"/>
  <c r="FOB52" i="1" s="1"/>
  <c r="FOC52" i="1" s="1"/>
  <c r="FOD52" i="1" s="1"/>
  <c r="FOE52" i="1" s="1"/>
  <c r="FOF52" i="1" s="1"/>
  <c r="FOG52" i="1" s="1"/>
  <c r="FOH52" i="1" s="1"/>
  <c r="FOI52" i="1" s="1"/>
  <c r="FOJ52" i="1" s="1"/>
  <c r="FOK52" i="1" s="1"/>
  <c r="FOL52" i="1" s="1"/>
  <c r="FOM52" i="1" s="1"/>
  <c r="FON52" i="1" s="1"/>
  <c r="FOO52" i="1" s="1"/>
  <c r="FOP52" i="1" s="1"/>
  <c r="FOQ52" i="1" s="1"/>
  <c r="FOR52" i="1" s="1"/>
  <c r="FOS52" i="1" s="1"/>
  <c r="FOT52" i="1" s="1"/>
  <c r="FOU52" i="1" s="1"/>
  <c r="FOV52" i="1" s="1"/>
  <c r="FOW52" i="1" s="1"/>
  <c r="FOX52" i="1" s="1"/>
  <c r="FOY52" i="1" s="1"/>
  <c r="FOZ52" i="1" s="1"/>
  <c r="FPA52" i="1" s="1"/>
  <c r="FPB52" i="1" s="1"/>
  <c r="FPC52" i="1" s="1"/>
  <c r="FPD52" i="1" s="1"/>
  <c r="FPE52" i="1" s="1"/>
  <c r="FPF52" i="1" s="1"/>
  <c r="FPG52" i="1" s="1"/>
  <c r="FPH52" i="1" s="1"/>
  <c r="FPI52" i="1" s="1"/>
  <c r="FPJ52" i="1" s="1"/>
  <c r="FPK52" i="1" s="1"/>
  <c r="FPL52" i="1" s="1"/>
  <c r="FPM52" i="1" s="1"/>
  <c r="FPN52" i="1" s="1"/>
  <c r="FPO52" i="1" s="1"/>
  <c r="FPP52" i="1" s="1"/>
  <c r="FPQ52" i="1" s="1"/>
  <c r="FPR52" i="1" s="1"/>
  <c r="FPS52" i="1" s="1"/>
  <c r="FPT52" i="1" s="1"/>
  <c r="FPU52" i="1" s="1"/>
  <c r="FPV52" i="1" s="1"/>
  <c r="FPW52" i="1" s="1"/>
  <c r="FPX52" i="1" s="1"/>
  <c r="FPY52" i="1" s="1"/>
  <c r="FPZ52" i="1" s="1"/>
  <c r="FQA52" i="1" s="1"/>
  <c r="FQB52" i="1" s="1"/>
  <c r="FQC52" i="1" s="1"/>
  <c r="FQD52" i="1" s="1"/>
  <c r="FQE52" i="1" s="1"/>
  <c r="FQF52" i="1" s="1"/>
  <c r="FQG52" i="1" s="1"/>
  <c r="FQH52" i="1" s="1"/>
  <c r="FQI52" i="1" s="1"/>
  <c r="FQJ52" i="1" s="1"/>
  <c r="FQK52" i="1" s="1"/>
  <c r="FQL52" i="1" s="1"/>
  <c r="FQM52" i="1" s="1"/>
  <c r="FQN52" i="1" s="1"/>
  <c r="FQO52" i="1" s="1"/>
  <c r="FQP52" i="1" s="1"/>
  <c r="FQQ52" i="1" s="1"/>
  <c r="FQR52" i="1" s="1"/>
  <c r="FQS52" i="1" s="1"/>
  <c r="FQT52" i="1" s="1"/>
  <c r="FQU52" i="1" s="1"/>
  <c r="FQV52" i="1" s="1"/>
  <c r="FQW52" i="1" s="1"/>
  <c r="FQX52" i="1" s="1"/>
  <c r="FQY52" i="1" s="1"/>
  <c r="FQZ52" i="1" s="1"/>
  <c r="FRA52" i="1" s="1"/>
  <c r="FRB52" i="1" s="1"/>
  <c r="FRC52" i="1" s="1"/>
  <c r="FRD52" i="1" s="1"/>
  <c r="FRE52" i="1" s="1"/>
  <c r="FRF52" i="1" s="1"/>
  <c r="FRG52" i="1" s="1"/>
  <c r="FRH52" i="1" s="1"/>
  <c r="FRI52" i="1" s="1"/>
  <c r="FRJ52" i="1" s="1"/>
  <c r="FRK52" i="1" s="1"/>
  <c r="FRL52" i="1" s="1"/>
  <c r="FRM52" i="1" s="1"/>
  <c r="FRN52" i="1" s="1"/>
  <c r="FRO52" i="1" s="1"/>
  <c r="FRP52" i="1" s="1"/>
  <c r="FRQ52" i="1" s="1"/>
  <c r="FRR52" i="1" s="1"/>
  <c r="FRS52" i="1" s="1"/>
  <c r="FRT52" i="1" s="1"/>
  <c r="FRU52" i="1" s="1"/>
  <c r="FRV52" i="1" s="1"/>
  <c r="FRW52" i="1" s="1"/>
  <c r="FRX52" i="1" s="1"/>
  <c r="FRY52" i="1" s="1"/>
  <c r="FRZ52" i="1" s="1"/>
  <c r="FSA52" i="1" s="1"/>
  <c r="FSB52" i="1" s="1"/>
  <c r="FSC52" i="1" s="1"/>
  <c r="FSD52" i="1" s="1"/>
  <c r="FSE52" i="1" s="1"/>
  <c r="FSF52" i="1" s="1"/>
  <c r="FSG52" i="1" s="1"/>
  <c r="FSH52" i="1" s="1"/>
  <c r="FSI52" i="1" s="1"/>
  <c r="FSJ52" i="1" s="1"/>
  <c r="FSK52" i="1" s="1"/>
  <c r="FSL52" i="1" s="1"/>
  <c r="FSM52" i="1" s="1"/>
  <c r="FSN52" i="1" s="1"/>
  <c r="FSO52" i="1" s="1"/>
  <c r="FSP52" i="1" s="1"/>
  <c r="FSQ52" i="1" s="1"/>
  <c r="FSR52" i="1" s="1"/>
  <c r="FSS52" i="1" s="1"/>
  <c r="FST52" i="1" s="1"/>
  <c r="FSU52" i="1" s="1"/>
  <c r="FSV52" i="1" s="1"/>
  <c r="FSW52" i="1" s="1"/>
  <c r="FSX52" i="1" s="1"/>
  <c r="FSY52" i="1" s="1"/>
  <c r="FSZ52" i="1" s="1"/>
  <c r="FTA52" i="1" s="1"/>
  <c r="FTB52" i="1" s="1"/>
  <c r="FTC52" i="1" s="1"/>
  <c r="FTD52" i="1" s="1"/>
  <c r="FTE52" i="1" s="1"/>
  <c r="FTF52" i="1" s="1"/>
  <c r="FTG52" i="1" s="1"/>
  <c r="FTH52" i="1" s="1"/>
  <c r="FTI52" i="1" s="1"/>
  <c r="FTJ52" i="1" s="1"/>
  <c r="FTK52" i="1" s="1"/>
  <c r="FTL52" i="1" s="1"/>
  <c r="FTM52" i="1" s="1"/>
  <c r="FTN52" i="1" s="1"/>
  <c r="FTO52" i="1" s="1"/>
  <c r="FTP52" i="1" s="1"/>
  <c r="FTQ52" i="1" s="1"/>
  <c r="FTR52" i="1" s="1"/>
  <c r="FTS52" i="1" s="1"/>
  <c r="FTT52" i="1" s="1"/>
  <c r="FTU52" i="1" s="1"/>
  <c r="FTV52" i="1" s="1"/>
  <c r="FTW52" i="1" s="1"/>
  <c r="FTX52" i="1" s="1"/>
  <c r="FTY52" i="1" s="1"/>
  <c r="FTZ52" i="1" s="1"/>
  <c r="FUA52" i="1" s="1"/>
  <c r="FUB52" i="1" s="1"/>
  <c r="FUC52" i="1" s="1"/>
  <c r="FUD52" i="1" s="1"/>
  <c r="FUE52" i="1" s="1"/>
  <c r="FUF52" i="1" s="1"/>
  <c r="FUG52" i="1" s="1"/>
  <c r="FUH52" i="1" s="1"/>
  <c r="FUI52" i="1" s="1"/>
  <c r="FUJ52" i="1" s="1"/>
  <c r="FUK52" i="1" s="1"/>
  <c r="FUL52" i="1" s="1"/>
  <c r="FUM52" i="1" s="1"/>
  <c r="FUN52" i="1" s="1"/>
  <c r="FUO52" i="1" s="1"/>
  <c r="FUP52" i="1" s="1"/>
  <c r="FUQ52" i="1" s="1"/>
  <c r="FUR52" i="1" s="1"/>
  <c r="FUS52" i="1" s="1"/>
  <c r="FUT52" i="1" s="1"/>
  <c r="FUU52" i="1" s="1"/>
  <c r="FUV52" i="1" s="1"/>
  <c r="FUW52" i="1" s="1"/>
  <c r="FUX52" i="1" s="1"/>
  <c r="FUY52" i="1" s="1"/>
  <c r="FUZ52" i="1" s="1"/>
  <c r="FVA52" i="1" s="1"/>
  <c r="FVB52" i="1" s="1"/>
  <c r="FVC52" i="1" s="1"/>
  <c r="FVD52" i="1" s="1"/>
  <c r="FVE52" i="1" s="1"/>
  <c r="FVF52" i="1" s="1"/>
  <c r="FVG52" i="1" s="1"/>
  <c r="FVH52" i="1" s="1"/>
  <c r="FVI52" i="1" s="1"/>
  <c r="FVJ52" i="1" s="1"/>
  <c r="FVK52" i="1" s="1"/>
  <c r="FVL52" i="1" s="1"/>
  <c r="FVM52" i="1" s="1"/>
  <c r="FVN52" i="1" s="1"/>
  <c r="FVO52" i="1" s="1"/>
  <c r="FVP52" i="1" s="1"/>
  <c r="FVQ52" i="1" s="1"/>
  <c r="FVR52" i="1" s="1"/>
  <c r="FVS52" i="1" s="1"/>
  <c r="FVT52" i="1" s="1"/>
  <c r="FVU52" i="1" s="1"/>
  <c r="FVV52" i="1" s="1"/>
  <c r="FVW52" i="1" s="1"/>
  <c r="FVX52" i="1" s="1"/>
  <c r="FVY52" i="1" s="1"/>
  <c r="FVZ52" i="1" s="1"/>
  <c r="FWA52" i="1" s="1"/>
  <c r="FWB52" i="1" s="1"/>
  <c r="FWC52" i="1" s="1"/>
  <c r="FWD52" i="1" s="1"/>
  <c r="FWE52" i="1" s="1"/>
  <c r="FWF52" i="1" s="1"/>
  <c r="FWG52" i="1" s="1"/>
  <c r="FWH52" i="1" s="1"/>
  <c r="FWI52" i="1" s="1"/>
  <c r="FWJ52" i="1" s="1"/>
  <c r="FWK52" i="1" s="1"/>
  <c r="FWL52" i="1" s="1"/>
  <c r="FWM52" i="1" s="1"/>
  <c r="FWN52" i="1" s="1"/>
  <c r="FWO52" i="1" s="1"/>
  <c r="FWP52" i="1" s="1"/>
  <c r="FWQ52" i="1" s="1"/>
  <c r="FWR52" i="1" s="1"/>
  <c r="FWS52" i="1" s="1"/>
  <c r="FWT52" i="1" s="1"/>
  <c r="FWU52" i="1" s="1"/>
  <c r="FWV52" i="1" s="1"/>
  <c r="FWW52" i="1" s="1"/>
  <c r="FWX52" i="1" s="1"/>
  <c r="FWY52" i="1" s="1"/>
  <c r="FWZ52" i="1" s="1"/>
  <c r="FXA52" i="1" s="1"/>
  <c r="FXB52" i="1" s="1"/>
  <c r="FXC52" i="1" s="1"/>
  <c r="FXD52" i="1" s="1"/>
  <c r="FXE52" i="1" s="1"/>
  <c r="FXF52" i="1" s="1"/>
  <c r="FXG52" i="1" s="1"/>
  <c r="FXH52" i="1" s="1"/>
  <c r="FXI52" i="1" s="1"/>
  <c r="FXJ52" i="1" s="1"/>
  <c r="FXK52" i="1" s="1"/>
  <c r="FXL52" i="1" s="1"/>
  <c r="FXM52" i="1" s="1"/>
  <c r="FXN52" i="1" s="1"/>
  <c r="FXO52" i="1" s="1"/>
  <c r="FXP52" i="1" s="1"/>
  <c r="FXQ52" i="1" s="1"/>
  <c r="FXR52" i="1" s="1"/>
  <c r="FXS52" i="1" s="1"/>
  <c r="FXT52" i="1" s="1"/>
  <c r="FXU52" i="1" s="1"/>
  <c r="FXV52" i="1" s="1"/>
  <c r="FXW52" i="1" s="1"/>
  <c r="FXX52" i="1" s="1"/>
  <c r="FXY52" i="1" s="1"/>
  <c r="FXZ52" i="1" s="1"/>
  <c r="FYA52" i="1" s="1"/>
  <c r="FYB52" i="1" s="1"/>
  <c r="FYC52" i="1" s="1"/>
  <c r="FYD52" i="1" s="1"/>
  <c r="FYE52" i="1" s="1"/>
  <c r="FYF52" i="1" s="1"/>
  <c r="FYG52" i="1" s="1"/>
  <c r="FYH52" i="1" s="1"/>
  <c r="FYI52" i="1" s="1"/>
  <c r="FYJ52" i="1" s="1"/>
  <c r="FYK52" i="1" s="1"/>
  <c r="FYL52" i="1" s="1"/>
  <c r="FYM52" i="1" s="1"/>
  <c r="FYN52" i="1" s="1"/>
  <c r="FYO52" i="1" s="1"/>
  <c r="FYP52" i="1" s="1"/>
  <c r="FYQ52" i="1" s="1"/>
  <c r="FYR52" i="1" s="1"/>
  <c r="FYS52" i="1" s="1"/>
  <c r="FYT52" i="1" s="1"/>
  <c r="FYU52" i="1" s="1"/>
  <c r="FYV52" i="1" s="1"/>
  <c r="FYW52" i="1" s="1"/>
  <c r="FYX52" i="1" s="1"/>
  <c r="FYY52" i="1" s="1"/>
  <c r="FYZ52" i="1" s="1"/>
  <c r="FZA52" i="1" s="1"/>
  <c r="FZB52" i="1" s="1"/>
  <c r="FZC52" i="1" s="1"/>
  <c r="FZD52" i="1" s="1"/>
  <c r="FZE52" i="1" s="1"/>
  <c r="FZF52" i="1" s="1"/>
  <c r="FZG52" i="1" s="1"/>
  <c r="FZH52" i="1" s="1"/>
  <c r="FZI52" i="1" s="1"/>
  <c r="FZJ52" i="1" s="1"/>
  <c r="FZK52" i="1" s="1"/>
  <c r="FZL52" i="1" s="1"/>
  <c r="FZM52" i="1" s="1"/>
  <c r="FZN52" i="1" s="1"/>
  <c r="FZO52" i="1" s="1"/>
  <c r="FZP52" i="1" s="1"/>
  <c r="FZQ52" i="1" s="1"/>
  <c r="FZR52" i="1" s="1"/>
  <c r="FZS52" i="1" s="1"/>
  <c r="FZT52" i="1" s="1"/>
  <c r="FZU52" i="1" s="1"/>
  <c r="FZV52" i="1" s="1"/>
  <c r="FZW52" i="1" s="1"/>
  <c r="FZX52" i="1" s="1"/>
  <c r="FZY52" i="1" s="1"/>
  <c r="FZZ52" i="1" s="1"/>
  <c r="GAA52" i="1" s="1"/>
  <c r="GAB52" i="1" s="1"/>
  <c r="GAC52" i="1" s="1"/>
  <c r="GAD52" i="1" s="1"/>
  <c r="GAE52" i="1" s="1"/>
  <c r="GAF52" i="1" s="1"/>
  <c r="GAG52" i="1" s="1"/>
  <c r="GAH52" i="1" s="1"/>
  <c r="GAI52" i="1" s="1"/>
  <c r="GAJ52" i="1" s="1"/>
  <c r="GAK52" i="1" s="1"/>
  <c r="GAL52" i="1" s="1"/>
  <c r="GAM52" i="1" s="1"/>
  <c r="GAN52" i="1" s="1"/>
  <c r="GAO52" i="1" s="1"/>
  <c r="GAP52" i="1" s="1"/>
  <c r="GAQ52" i="1" s="1"/>
  <c r="GAR52" i="1" s="1"/>
  <c r="GAS52" i="1" s="1"/>
  <c r="GAT52" i="1" s="1"/>
  <c r="GAU52" i="1" s="1"/>
  <c r="GAV52" i="1" s="1"/>
  <c r="GAW52" i="1" s="1"/>
  <c r="GAX52" i="1" s="1"/>
  <c r="GAY52" i="1" s="1"/>
  <c r="GAZ52" i="1" s="1"/>
  <c r="GBA52" i="1" s="1"/>
  <c r="GBB52" i="1" s="1"/>
  <c r="GBC52" i="1" s="1"/>
  <c r="GBD52" i="1" s="1"/>
  <c r="GBE52" i="1" s="1"/>
  <c r="GBF52" i="1" s="1"/>
  <c r="GBG52" i="1" s="1"/>
  <c r="GBH52" i="1" s="1"/>
  <c r="GBI52" i="1" s="1"/>
  <c r="GBJ52" i="1" s="1"/>
  <c r="GBK52" i="1" s="1"/>
  <c r="GBL52" i="1" s="1"/>
  <c r="GBM52" i="1" s="1"/>
  <c r="GBN52" i="1" s="1"/>
  <c r="GBO52" i="1" s="1"/>
  <c r="GBP52" i="1" s="1"/>
  <c r="GBQ52" i="1" s="1"/>
  <c r="GBR52" i="1" s="1"/>
  <c r="GBS52" i="1" s="1"/>
  <c r="GBT52" i="1" s="1"/>
  <c r="GBU52" i="1" s="1"/>
  <c r="GBV52" i="1" s="1"/>
  <c r="GBW52" i="1" s="1"/>
  <c r="GBX52" i="1" s="1"/>
  <c r="GBY52" i="1" s="1"/>
  <c r="GBZ52" i="1" s="1"/>
  <c r="GCA52" i="1" s="1"/>
  <c r="GCB52" i="1" s="1"/>
  <c r="GCC52" i="1" s="1"/>
  <c r="GCD52" i="1" s="1"/>
  <c r="GCE52" i="1" s="1"/>
  <c r="GCF52" i="1" s="1"/>
  <c r="GCG52" i="1" s="1"/>
  <c r="GCH52" i="1" s="1"/>
  <c r="GCI52" i="1" s="1"/>
  <c r="GCJ52" i="1" s="1"/>
  <c r="GCK52" i="1" s="1"/>
  <c r="GCL52" i="1" s="1"/>
  <c r="GCM52" i="1" s="1"/>
  <c r="GCN52" i="1" s="1"/>
  <c r="GCO52" i="1" s="1"/>
  <c r="GCP52" i="1" s="1"/>
  <c r="GCQ52" i="1" s="1"/>
  <c r="GCR52" i="1" s="1"/>
  <c r="GCS52" i="1" s="1"/>
  <c r="GCT52" i="1" s="1"/>
  <c r="GCU52" i="1" s="1"/>
  <c r="GCV52" i="1" s="1"/>
  <c r="GCW52" i="1" s="1"/>
  <c r="GCX52" i="1" s="1"/>
  <c r="GCY52" i="1" s="1"/>
  <c r="GCZ52" i="1" s="1"/>
  <c r="GDA52" i="1" s="1"/>
  <c r="GDB52" i="1" s="1"/>
  <c r="GDC52" i="1" s="1"/>
  <c r="GDD52" i="1" s="1"/>
  <c r="GDE52" i="1" s="1"/>
  <c r="GDF52" i="1" s="1"/>
  <c r="GDG52" i="1" s="1"/>
  <c r="GDH52" i="1" s="1"/>
  <c r="GDI52" i="1" s="1"/>
  <c r="GDJ52" i="1" s="1"/>
  <c r="GDK52" i="1" s="1"/>
  <c r="GDL52" i="1" s="1"/>
  <c r="GDM52" i="1" s="1"/>
  <c r="GDN52" i="1" s="1"/>
  <c r="GDO52" i="1" s="1"/>
  <c r="GDP52" i="1" s="1"/>
  <c r="GDQ52" i="1" s="1"/>
  <c r="GDR52" i="1" s="1"/>
  <c r="GDS52" i="1" s="1"/>
  <c r="GDT52" i="1" s="1"/>
  <c r="GDU52" i="1" s="1"/>
  <c r="GDV52" i="1" s="1"/>
  <c r="GDW52" i="1" s="1"/>
  <c r="GDX52" i="1" s="1"/>
  <c r="GDY52" i="1" s="1"/>
  <c r="GDZ52" i="1" s="1"/>
  <c r="GEA52" i="1" s="1"/>
  <c r="GEB52" i="1" s="1"/>
  <c r="GEC52" i="1" s="1"/>
  <c r="GED52" i="1" s="1"/>
  <c r="GEE52" i="1" s="1"/>
  <c r="GEF52" i="1" s="1"/>
  <c r="GEG52" i="1" s="1"/>
  <c r="GEH52" i="1" s="1"/>
  <c r="GEI52" i="1" s="1"/>
  <c r="GEJ52" i="1" s="1"/>
  <c r="GEK52" i="1" s="1"/>
  <c r="GEL52" i="1" s="1"/>
  <c r="GEM52" i="1" s="1"/>
  <c r="GEN52" i="1" s="1"/>
  <c r="GEO52" i="1" s="1"/>
  <c r="GEP52" i="1" s="1"/>
  <c r="GEQ52" i="1" s="1"/>
  <c r="GER52" i="1" s="1"/>
  <c r="GES52" i="1" s="1"/>
  <c r="GET52" i="1" s="1"/>
  <c r="GEU52" i="1" s="1"/>
  <c r="GEV52" i="1" s="1"/>
  <c r="GEW52" i="1" s="1"/>
  <c r="GEX52" i="1" s="1"/>
  <c r="GEY52" i="1" s="1"/>
  <c r="GEZ52" i="1" s="1"/>
  <c r="GFA52" i="1" s="1"/>
  <c r="GFB52" i="1" s="1"/>
  <c r="GFC52" i="1" s="1"/>
  <c r="GFD52" i="1" s="1"/>
  <c r="GFE52" i="1" s="1"/>
  <c r="GFF52" i="1" s="1"/>
  <c r="GFG52" i="1" s="1"/>
  <c r="GFH52" i="1" s="1"/>
  <c r="GFI52" i="1" s="1"/>
  <c r="GFJ52" i="1" s="1"/>
  <c r="GFK52" i="1" s="1"/>
  <c r="GFL52" i="1" s="1"/>
  <c r="GFM52" i="1" s="1"/>
  <c r="GFN52" i="1" s="1"/>
  <c r="GFO52" i="1" s="1"/>
  <c r="GFP52" i="1" s="1"/>
  <c r="GFQ52" i="1" s="1"/>
  <c r="GFR52" i="1" s="1"/>
  <c r="GFS52" i="1" s="1"/>
  <c r="GFT52" i="1" s="1"/>
  <c r="GFU52" i="1" s="1"/>
  <c r="GFV52" i="1" s="1"/>
  <c r="GFW52" i="1" s="1"/>
  <c r="GFX52" i="1" s="1"/>
  <c r="GFY52" i="1" s="1"/>
  <c r="GFZ52" i="1" s="1"/>
  <c r="GGA52" i="1" s="1"/>
  <c r="GGB52" i="1" s="1"/>
  <c r="GGC52" i="1" s="1"/>
  <c r="GGD52" i="1" s="1"/>
  <c r="GGE52" i="1" s="1"/>
  <c r="GGF52" i="1" s="1"/>
  <c r="GGG52" i="1" s="1"/>
  <c r="GGH52" i="1" s="1"/>
  <c r="GGI52" i="1" s="1"/>
  <c r="GGJ52" i="1" s="1"/>
  <c r="GGK52" i="1" s="1"/>
  <c r="GGL52" i="1" s="1"/>
  <c r="GGM52" i="1" s="1"/>
  <c r="GGN52" i="1" s="1"/>
  <c r="GGO52" i="1" s="1"/>
  <c r="GGP52" i="1" s="1"/>
  <c r="GGQ52" i="1" s="1"/>
  <c r="GGR52" i="1" s="1"/>
  <c r="GGS52" i="1" s="1"/>
  <c r="GGT52" i="1" s="1"/>
  <c r="GGU52" i="1" s="1"/>
  <c r="GGV52" i="1" s="1"/>
  <c r="GGW52" i="1" s="1"/>
  <c r="GGX52" i="1" s="1"/>
  <c r="GGY52" i="1" s="1"/>
  <c r="GGZ52" i="1" s="1"/>
  <c r="GHA52" i="1" s="1"/>
  <c r="GHB52" i="1" s="1"/>
  <c r="GHC52" i="1" s="1"/>
  <c r="GHD52" i="1" s="1"/>
  <c r="GHE52" i="1" s="1"/>
  <c r="GHF52" i="1" s="1"/>
  <c r="GHG52" i="1" s="1"/>
  <c r="GHH52" i="1" s="1"/>
  <c r="GHI52" i="1" s="1"/>
  <c r="GHJ52" i="1" s="1"/>
  <c r="GHK52" i="1" s="1"/>
  <c r="GHL52" i="1" s="1"/>
  <c r="GHM52" i="1" s="1"/>
  <c r="GHN52" i="1" s="1"/>
  <c r="GHO52" i="1" s="1"/>
  <c r="GHP52" i="1" s="1"/>
  <c r="GHQ52" i="1" s="1"/>
  <c r="GHR52" i="1" s="1"/>
  <c r="GHS52" i="1" s="1"/>
  <c r="GHT52" i="1" s="1"/>
  <c r="GHU52" i="1" s="1"/>
  <c r="GHV52" i="1" s="1"/>
  <c r="GHW52" i="1" s="1"/>
  <c r="GHX52" i="1" s="1"/>
  <c r="GHY52" i="1" s="1"/>
  <c r="GHZ52" i="1" s="1"/>
  <c r="GIA52" i="1" s="1"/>
  <c r="GIB52" i="1" s="1"/>
  <c r="GIC52" i="1" s="1"/>
  <c r="GID52" i="1" s="1"/>
  <c r="GIE52" i="1" s="1"/>
  <c r="GIF52" i="1" s="1"/>
  <c r="GIG52" i="1" s="1"/>
  <c r="GIH52" i="1" s="1"/>
  <c r="GII52" i="1" s="1"/>
  <c r="GIJ52" i="1" s="1"/>
  <c r="GIK52" i="1" s="1"/>
  <c r="GIL52" i="1" s="1"/>
  <c r="GIM52" i="1" s="1"/>
  <c r="GIN52" i="1" s="1"/>
  <c r="GIO52" i="1" s="1"/>
  <c r="GIP52" i="1" s="1"/>
  <c r="GIQ52" i="1" s="1"/>
  <c r="GIR52" i="1" s="1"/>
  <c r="GIS52" i="1" s="1"/>
  <c r="GIT52" i="1" s="1"/>
  <c r="GIU52" i="1" s="1"/>
  <c r="GIV52" i="1" s="1"/>
  <c r="GIW52" i="1" s="1"/>
  <c r="GIX52" i="1" s="1"/>
  <c r="GIY52" i="1" s="1"/>
  <c r="GIZ52" i="1" s="1"/>
  <c r="GJA52" i="1" s="1"/>
  <c r="GJB52" i="1" s="1"/>
  <c r="GJC52" i="1" s="1"/>
  <c r="GJD52" i="1" s="1"/>
  <c r="GJE52" i="1" s="1"/>
  <c r="GJF52" i="1" s="1"/>
  <c r="GJG52" i="1" s="1"/>
  <c r="GJH52" i="1" s="1"/>
  <c r="GJI52" i="1" s="1"/>
  <c r="GJJ52" i="1" s="1"/>
  <c r="GJK52" i="1" s="1"/>
  <c r="GJL52" i="1" s="1"/>
  <c r="GJM52" i="1" s="1"/>
  <c r="GJN52" i="1" s="1"/>
  <c r="GJO52" i="1" s="1"/>
  <c r="GJP52" i="1" s="1"/>
  <c r="GJQ52" i="1" s="1"/>
  <c r="GJR52" i="1" s="1"/>
  <c r="GJS52" i="1" s="1"/>
  <c r="GJT52" i="1" s="1"/>
  <c r="GJU52" i="1" s="1"/>
  <c r="GJV52" i="1" s="1"/>
  <c r="GJW52" i="1" s="1"/>
  <c r="GJX52" i="1" s="1"/>
  <c r="GJY52" i="1" s="1"/>
  <c r="GJZ52" i="1" s="1"/>
  <c r="GKA52" i="1" s="1"/>
  <c r="GKB52" i="1" s="1"/>
  <c r="GKC52" i="1" s="1"/>
  <c r="GKD52" i="1" s="1"/>
  <c r="GKE52" i="1" s="1"/>
  <c r="GKF52" i="1" s="1"/>
  <c r="GKG52" i="1" s="1"/>
  <c r="GKH52" i="1" s="1"/>
  <c r="GKI52" i="1" s="1"/>
  <c r="GKJ52" i="1" s="1"/>
  <c r="GKK52" i="1" s="1"/>
  <c r="GKL52" i="1" s="1"/>
  <c r="GKM52" i="1" s="1"/>
  <c r="GKN52" i="1" s="1"/>
  <c r="GKO52" i="1" s="1"/>
  <c r="GKP52" i="1" s="1"/>
  <c r="GKQ52" i="1" s="1"/>
  <c r="GKR52" i="1" s="1"/>
  <c r="GKS52" i="1" s="1"/>
  <c r="GKT52" i="1" s="1"/>
  <c r="GKU52" i="1" s="1"/>
  <c r="GKV52" i="1" s="1"/>
  <c r="GKW52" i="1" s="1"/>
  <c r="GKX52" i="1" s="1"/>
  <c r="GKY52" i="1" s="1"/>
  <c r="GKZ52" i="1" s="1"/>
  <c r="GLA52" i="1" s="1"/>
  <c r="GLB52" i="1" s="1"/>
  <c r="GLC52" i="1" s="1"/>
  <c r="GLD52" i="1" s="1"/>
  <c r="GLE52" i="1" s="1"/>
  <c r="GLF52" i="1" s="1"/>
  <c r="GLG52" i="1" s="1"/>
  <c r="GLH52" i="1" s="1"/>
  <c r="GLI52" i="1" s="1"/>
  <c r="GLJ52" i="1" s="1"/>
  <c r="GLK52" i="1" s="1"/>
  <c r="GLL52" i="1" s="1"/>
  <c r="GLM52" i="1" s="1"/>
  <c r="GLN52" i="1" s="1"/>
  <c r="GLO52" i="1" s="1"/>
  <c r="GLP52" i="1" s="1"/>
  <c r="GLQ52" i="1" s="1"/>
  <c r="GLR52" i="1" s="1"/>
  <c r="GLS52" i="1" s="1"/>
  <c r="GLT52" i="1" s="1"/>
  <c r="GLU52" i="1" s="1"/>
  <c r="GLV52" i="1" s="1"/>
  <c r="GLW52" i="1" s="1"/>
  <c r="GLX52" i="1" s="1"/>
  <c r="GLY52" i="1" s="1"/>
  <c r="GLZ52" i="1" s="1"/>
  <c r="GMA52" i="1" s="1"/>
  <c r="GMB52" i="1" s="1"/>
  <c r="GMC52" i="1" s="1"/>
  <c r="GMD52" i="1" s="1"/>
  <c r="GME52" i="1" s="1"/>
  <c r="GMF52" i="1" s="1"/>
  <c r="GMG52" i="1" s="1"/>
  <c r="GMH52" i="1" s="1"/>
  <c r="GMI52" i="1" s="1"/>
  <c r="GMJ52" i="1" s="1"/>
  <c r="GMK52" i="1" s="1"/>
  <c r="GML52" i="1" s="1"/>
  <c r="GMM52" i="1" s="1"/>
  <c r="GMN52" i="1" s="1"/>
  <c r="GMO52" i="1" s="1"/>
  <c r="GMP52" i="1" s="1"/>
  <c r="GMQ52" i="1" s="1"/>
  <c r="GMR52" i="1" s="1"/>
  <c r="GMS52" i="1" s="1"/>
  <c r="GMT52" i="1" s="1"/>
  <c r="GMU52" i="1" s="1"/>
  <c r="GMV52" i="1" s="1"/>
  <c r="GMW52" i="1" s="1"/>
  <c r="GMX52" i="1" s="1"/>
  <c r="GMY52" i="1" s="1"/>
  <c r="GMZ52" i="1" s="1"/>
  <c r="GNA52" i="1" s="1"/>
  <c r="GNB52" i="1" s="1"/>
  <c r="GNC52" i="1" s="1"/>
  <c r="GND52" i="1" s="1"/>
  <c r="GNE52" i="1" s="1"/>
  <c r="GNF52" i="1" s="1"/>
  <c r="GNG52" i="1" s="1"/>
  <c r="GNH52" i="1" s="1"/>
  <c r="GNI52" i="1" s="1"/>
  <c r="GNJ52" i="1" s="1"/>
  <c r="GNK52" i="1" s="1"/>
  <c r="GNL52" i="1" s="1"/>
  <c r="GNM52" i="1" s="1"/>
  <c r="GNN52" i="1" s="1"/>
  <c r="GNO52" i="1" s="1"/>
  <c r="GNP52" i="1" s="1"/>
  <c r="GNQ52" i="1" s="1"/>
  <c r="GNR52" i="1" s="1"/>
  <c r="GNS52" i="1" s="1"/>
  <c r="GNT52" i="1" s="1"/>
  <c r="GNU52" i="1" s="1"/>
  <c r="GNV52" i="1" s="1"/>
  <c r="GNW52" i="1" s="1"/>
  <c r="GNX52" i="1" s="1"/>
  <c r="GNY52" i="1" s="1"/>
  <c r="GNZ52" i="1" s="1"/>
  <c r="GOA52" i="1" s="1"/>
  <c r="GOB52" i="1" s="1"/>
  <c r="GOC52" i="1" s="1"/>
  <c r="GOD52" i="1" s="1"/>
  <c r="GOE52" i="1" s="1"/>
  <c r="GOF52" i="1" s="1"/>
  <c r="GOG52" i="1" s="1"/>
  <c r="GOH52" i="1" s="1"/>
  <c r="GOI52" i="1" s="1"/>
  <c r="GOJ52" i="1" s="1"/>
  <c r="GOK52" i="1" s="1"/>
  <c r="GOL52" i="1" s="1"/>
  <c r="GOM52" i="1" s="1"/>
  <c r="GON52" i="1" s="1"/>
  <c r="GOO52" i="1" s="1"/>
  <c r="GOP52" i="1" s="1"/>
  <c r="GOQ52" i="1" s="1"/>
  <c r="GOR52" i="1" s="1"/>
  <c r="GOS52" i="1" s="1"/>
  <c r="GOT52" i="1" s="1"/>
  <c r="GOU52" i="1" s="1"/>
  <c r="GOV52" i="1" s="1"/>
  <c r="GOW52" i="1" s="1"/>
  <c r="GOX52" i="1" s="1"/>
  <c r="GOY52" i="1" s="1"/>
  <c r="GOZ52" i="1" s="1"/>
  <c r="GPA52" i="1" s="1"/>
  <c r="GPB52" i="1" s="1"/>
  <c r="GPC52" i="1" s="1"/>
  <c r="GPD52" i="1" s="1"/>
  <c r="GPE52" i="1" s="1"/>
  <c r="GPF52" i="1" s="1"/>
  <c r="GPG52" i="1" s="1"/>
  <c r="GPH52" i="1" s="1"/>
  <c r="GPI52" i="1" s="1"/>
  <c r="GPJ52" i="1" s="1"/>
  <c r="GPK52" i="1" s="1"/>
  <c r="GPL52" i="1" s="1"/>
  <c r="GPM52" i="1" s="1"/>
  <c r="GPN52" i="1" s="1"/>
  <c r="GPO52" i="1" s="1"/>
  <c r="GPP52" i="1" s="1"/>
  <c r="GPQ52" i="1" s="1"/>
  <c r="GPR52" i="1" s="1"/>
  <c r="GPS52" i="1" s="1"/>
  <c r="GPT52" i="1" s="1"/>
  <c r="GPU52" i="1" s="1"/>
  <c r="GPV52" i="1" s="1"/>
  <c r="GPW52" i="1" s="1"/>
  <c r="GPX52" i="1" s="1"/>
  <c r="GPY52" i="1" s="1"/>
  <c r="GPZ52" i="1" s="1"/>
  <c r="GQA52" i="1" s="1"/>
  <c r="GQB52" i="1" s="1"/>
  <c r="GQC52" i="1" s="1"/>
  <c r="GQD52" i="1" s="1"/>
  <c r="GQE52" i="1" s="1"/>
  <c r="GQF52" i="1" s="1"/>
  <c r="GQG52" i="1" s="1"/>
  <c r="GQH52" i="1" s="1"/>
  <c r="GQI52" i="1" s="1"/>
  <c r="GQJ52" i="1" s="1"/>
  <c r="GQK52" i="1" s="1"/>
  <c r="GQL52" i="1" s="1"/>
  <c r="GQM52" i="1" s="1"/>
  <c r="GQN52" i="1" s="1"/>
  <c r="GQO52" i="1" s="1"/>
  <c r="GQP52" i="1" s="1"/>
  <c r="GQQ52" i="1" s="1"/>
  <c r="GQR52" i="1" s="1"/>
  <c r="GQS52" i="1" s="1"/>
  <c r="GQT52" i="1" s="1"/>
  <c r="GQU52" i="1" s="1"/>
  <c r="GQV52" i="1" s="1"/>
  <c r="GQW52" i="1" s="1"/>
  <c r="GQX52" i="1" s="1"/>
  <c r="GQY52" i="1" s="1"/>
  <c r="GQZ52" i="1" s="1"/>
  <c r="GRA52" i="1" s="1"/>
  <c r="GRB52" i="1" s="1"/>
  <c r="GRC52" i="1" s="1"/>
  <c r="GRD52" i="1" s="1"/>
  <c r="GRE52" i="1" s="1"/>
  <c r="GRF52" i="1" s="1"/>
  <c r="GRG52" i="1" s="1"/>
  <c r="GRH52" i="1" s="1"/>
  <c r="GRI52" i="1" s="1"/>
  <c r="GRJ52" i="1" s="1"/>
  <c r="GRK52" i="1" s="1"/>
  <c r="GRL52" i="1" s="1"/>
  <c r="GRM52" i="1" s="1"/>
  <c r="GRN52" i="1" s="1"/>
  <c r="GRO52" i="1" s="1"/>
  <c r="GRP52" i="1" s="1"/>
  <c r="GRQ52" i="1" s="1"/>
  <c r="GRR52" i="1" s="1"/>
  <c r="GRS52" i="1" s="1"/>
  <c r="GRT52" i="1" s="1"/>
  <c r="GRU52" i="1" s="1"/>
  <c r="GRV52" i="1" s="1"/>
  <c r="GRW52" i="1" s="1"/>
  <c r="GRX52" i="1" s="1"/>
  <c r="GRY52" i="1" s="1"/>
  <c r="GRZ52" i="1" s="1"/>
  <c r="GSA52" i="1" s="1"/>
  <c r="GSB52" i="1" s="1"/>
  <c r="GSC52" i="1" s="1"/>
  <c r="GSD52" i="1" s="1"/>
  <c r="GSE52" i="1" s="1"/>
  <c r="GSF52" i="1" s="1"/>
  <c r="GSG52" i="1" s="1"/>
  <c r="GSH52" i="1" s="1"/>
  <c r="GSI52" i="1" s="1"/>
  <c r="GSJ52" i="1" s="1"/>
  <c r="GSK52" i="1" s="1"/>
  <c r="GSL52" i="1" s="1"/>
  <c r="GSM52" i="1" s="1"/>
  <c r="GSN52" i="1" s="1"/>
  <c r="GSO52" i="1" s="1"/>
  <c r="GSP52" i="1" s="1"/>
  <c r="GSQ52" i="1" s="1"/>
  <c r="GSR52" i="1" s="1"/>
  <c r="GSS52" i="1" s="1"/>
  <c r="GST52" i="1" s="1"/>
  <c r="GSU52" i="1" s="1"/>
  <c r="GSV52" i="1" s="1"/>
  <c r="GSW52" i="1" s="1"/>
  <c r="GSX52" i="1" s="1"/>
  <c r="GSY52" i="1" s="1"/>
  <c r="GSZ52" i="1" s="1"/>
  <c r="GTA52" i="1" s="1"/>
  <c r="GTB52" i="1" s="1"/>
  <c r="GTC52" i="1" s="1"/>
  <c r="GTD52" i="1" s="1"/>
  <c r="GTE52" i="1" s="1"/>
  <c r="GTF52" i="1" s="1"/>
  <c r="GTG52" i="1" s="1"/>
  <c r="GTH52" i="1" s="1"/>
  <c r="GTI52" i="1" s="1"/>
  <c r="GTJ52" i="1" s="1"/>
  <c r="GTK52" i="1" s="1"/>
  <c r="GTL52" i="1" s="1"/>
  <c r="GTM52" i="1" s="1"/>
  <c r="GTN52" i="1" s="1"/>
  <c r="GTO52" i="1" s="1"/>
  <c r="GTP52" i="1" s="1"/>
  <c r="GTQ52" i="1" s="1"/>
  <c r="GTR52" i="1" s="1"/>
  <c r="GTS52" i="1" s="1"/>
  <c r="GTT52" i="1" s="1"/>
  <c r="GTU52" i="1" s="1"/>
  <c r="GTV52" i="1" s="1"/>
  <c r="GTW52" i="1" s="1"/>
  <c r="GTX52" i="1" s="1"/>
  <c r="GTY52" i="1" s="1"/>
  <c r="GTZ52" i="1" s="1"/>
  <c r="GUA52" i="1" s="1"/>
  <c r="GUB52" i="1" s="1"/>
  <c r="GUC52" i="1" s="1"/>
  <c r="GUD52" i="1" s="1"/>
  <c r="GUE52" i="1" s="1"/>
  <c r="GUF52" i="1" s="1"/>
  <c r="GUG52" i="1" s="1"/>
  <c r="GUH52" i="1" s="1"/>
  <c r="GUI52" i="1" s="1"/>
  <c r="GUJ52" i="1" s="1"/>
  <c r="GUK52" i="1" s="1"/>
  <c r="GUL52" i="1" s="1"/>
  <c r="GUM52" i="1" s="1"/>
  <c r="GUN52" i="1" s="1"/>
  <c r="GUO52" i="1" s="1"/>
  <c r="GUP52" i="1" s="1"/>
  <c r="GUQ52" i="1" s="1"/>
  <c r="GUR52" i="1" s="1"/>
  <c r="GUS52" i="1" s="1"/>
  <c r="GUT52" i="1" s="1"/>
  <c r="GUU52" i="1" s="1"/>
  <c r="GUV52" i="1" s="1"/>
  <c r="GUW52" i="1" s="1"/>
  <c r="GUX52" i="1" s="1"/>
  <c r="GUY52" i="1" s="1"/>
  <c r="GUZ52" i="1" s="1"/>
  <c r="GVA52" i="1" s="1"/>
  <c r="GVB52" i="1" s="1"/>
  <c r="GVC52" i="1" s="1"/>
  <c r="GVD52" i="1" s="1"/>
  <c r="GVE52" i="1" s="1"/>
  <c r="GVF52" i="1" s="1"/>
  <c r="GVG52" i="1" s="1"/>
  <c r="GVH52" i="1" s="1"/>
  <c r="GVI52" i="1" s="1"/>
  <c r="GVJ52" i="1" s="1"/>
  <c r="GVK52" i="1" s="1"/>
  <c r="GVL52" i="1" s="1"/>
  <c r="GVM52" i="1" s="1"/>
  <c r="GVN52" i="1" s="1"/>
  <c r="GVO52" i="1" s="1"/>
  <c r="GVP52" i="1" s="1"/>
  <c r="GVQ52" i="1" s="1"/>
  <c r="GVR52" i="1" s="1"/>
  <c r="GVS52" i="1" s="1"/>
  <c r="GVT52" i="1" s="1"/>
  <c r="GVU52" i="1" s="1"/>
  <c r="GVV52" i="1" s="1"/>
  <c r="GVW52" i="1" s="1"/>
  <c r="GVX52" i="1" s="1"/>
  <c r="GVY52" i="1" s="1"/>
  <c r="GVZ52" i="1" s="1"/>
  <c r="GWA52" i="1" s="1"/>
  <c r="GWB52" i="1" s="1"/>
  <c r="GWC52" i="1" s="1"/>
  <c r="GWD52" i="1" s="1"/>
  <c r="GWE52" i="1" s="1"/>
  <c r="GWF52" i="1" s="1"/>
  <c r="GWG52" i="1" s="1"/>
  <c r="GWH52" i="1" s="1"/>
  <c r="GWI52" i="1" s="1"/>
  <c r="GWJ52" i="1" s="1"/>
  <c r="GWK52" i="1" s="1"/>
  <c r="GWL52" i="1" s="1"/>
  <c r="GWM52" i="1" s="1"/>
  <c r="GWN52" i="1" s="1"/>
  <c r="GWO52" i="1" s="1"/>
  <c r="GWP52" i="1" s="1"/>
  <c r="GWQ52" i="1" s="1"/>
  <c r="GWR52" i="1" s="1"/>
  <c r="GWS52" i="1" s="1"/>
  <c r="GWT52" i="1" s="1"/>
  <c r="GWU52" i="1" s="1"/>
  <c r="GWV52" i="1" s="1"/>
  <c r="GWW52" i="1" s="1"/>
  <c r="GWX52" i="1" s="1"/>
  <c r="GWY52" i="1" s="1"/>
  <c r="GWZ52" i="1" s="1"/>
  <c r="GXA52" i="1" s="1"/>
  <c r="GXB52" i="1" s="1"/>
  <c r="GXC52" i="1" s="1"/>
  <c r="GXD52" i="1" s="1"/>
  <c r="GXE52" i="1" s="1"/>
  <c r="GXF52" i="1" s="1"/>
  <c r="GXG52" i="1" s="1"/>
  <c r="GXH52" i="1" s="1"/>
  <c r="GXI52" i="1" s="1"/>
  <c r="GXJ52" i="1" s="1"/>
  <c r="GXK52" i="1" s="1"/>
  <c r="GXL52" i="1" s="1"/>
  <c r="GXM52" i="1" s="1"/>
  <c r="GXN52" i="1" s="1"/>
  <c r="GXO52" i="1" s="1"/>
  <c r="GXP52" i="1" s="1"/>
  <c r="GXQ52" i="1" s="1"/>
  <c r="GXR52" i="1" s="1"/>
  <c r="GXS52" i="1" s="1"/>
  <c r="GXT52" i="1" s="1"/>
  <c r="GXU52" i="1" s="1"/>
  <c r="GXV52" i="1" s="1"/>
  <c r="GXW52" i="1" s="1"/>
  <c r="GXX52" i="1" s="1"/>
  <c r="GXY52" i="1" s="1"/>
  <c r="GXZ52" i="1" s="1"/>
  <c r="GYA52" i="1" s="1"/>
  <c r="GYB52" i="1" s="1"/>
  <c r="GYC52" i="1" s="1"/>
  <c r="GYD52" i="1" s="1"/>
  <c r="GYE52" i="1" s="1"/>
  <c r="GYF52" i="1" s="1"/>
  <c r="GYG52" i="1" s="1"/>
  <c r="GYH52" i="1" s="1"/>
  <c r="GYI52" i="1" s="1"/>
  <c r="GYJ52" i="1" s="1"/>
  <c r="GYK52" i="1" s="1"/>
  <c r="GYL52" i="1" s="1"/>
  <c r="GYM52" i="1" s="1"/>
  <c r="GYN52" i="1" s="1"/>
  <c r="GYO52" i="1" s="1"/>
  <c r="GYP52" i="1" s="1"/>
  <c r="GYQ52" i="1" s="1"/>
  <c r="GYR52" i="1" s="1"/>
  <c r="GYS52" i="1" s="1"/>
  <c r="GYT52" i="1" s="1"/>
  <c r="GYU52" i="1" s="1"/>
  <c r="GYV52" i="1" s="1"/>
  <c r="GYW52" i="1" s="1"/>
  <c r="GYX52" i="1" s="1"/>
  <c r="GYY52" i="1" s="1"/>
  <c r="GYZ52" i="1" s="1"/>
  <c r="GZA52" i="1" s="1"/>
  <c r="GZB52" i="1" s="1"/>
  <c r="GZC52" i="1" s="1"/>
  <c r="GZD52" i="1" s="1"/>
  <c r="GZE52" i="1" s="1"/>
  <c r="GZF52" i="1" s="1"/>
  <c r="GZG52" i="1" s="1"/>
  <c r="GZH52" i="1" s="1"/>
  <c r="GZI52" i="1" s="1"/>
  <c r="GZJ52" i="1" s="1"/>
  <c r="GZK52" i="1" s="1"/>
  <c r="GZL52" i="1" s="1"/>
  <c r="GZM52" i="1" s="1"/>
  <c r="GZN52" i="1" s="1"/>
  <c r="GZO52" i="1" s="1"/>
  <c r="GZP52" i="1" s="1"/>
  <c r="GZQ52" i="1" s="1"/>
  <c r="GZR52" i="1" s="1"/>
  <c r="GZS52" i="1" s="1"/>
  <c r="GZT52" i="1" s="1"/>
  <c r="GZU52" i="1" s="1"/>
  <c r="GZV52" i="1" s="1"/>
  <c r="GZW52" i="1" s="1"/>
  <c r="GZX52" i="1" s="1"/>
  <c r="GZY52" i="1" s="1"/>
  <c r="GZZ52" i="1" s="1"/>
  <c r="HAA52" i="1" s="1"/>
  <c r="HAB52" i="1" s="1"/>
  <c r="HAC52" i="1" s="1"/>
  <c r="HAD52" i="1" s="1"/>
  <c r="HAE52" i="1" s="1"/>
  <c r="HAF52" i="1" s="1"/>
  <c r="HAG52" i="1" s="1"/>
  <c r="HAH52" i="1" s="1"/>
  <c r="HAI52" i="1" s="1"/>
  <c r="HAJ52" i="1" s="1"/>
  <c r="HAK52" i="1" s="1"/>
  <c r="HAL52" i="1" s="1"/>
  <c r="HAM52" i="1" s="1"/>
  <c r="HAN52" i="1" s="1"/>
  <c r="HAO52" i="1" s="1"/>
  <c r="HAP52" i="1" s="1"/>
  <c r="HAQ52" i="1" s="1"/>
  <c r="HAR52" i="1" s="1"/>
  <c r="HAS52" i="1" s="1"/>
  <c r="HAT52" i="1" s="1"/>
  <c r="HAU52" i="1" s="1"/>
  <c r="HAV52" i="1" s="1"/>
  <c r="HAW52" i="1" s="1"/>
  <c r="HAX52" i="1" s="1"/>
  <c r="HAY52" i="1" s="1"/>
  <c r="HAZ52" i="1" s="1"/>
  <c r="HBA52" i="1" s="1"/>
  <c r="HBB52" i="1" s="1"/>
  <c r="HBC52" i="1" s="1"/>
  <c r="HBD52" i="1" s="1"/>
  <c r="HBE52" i="1" s="1"/>
  <c r="HBF52" i="1" s="1"/>
  <c r="HBG52" i="1" s="1"/>
  <c r="HBH52" i="1" s="1"/>
  <c r="HBI52" i="1" s="1"/>
  <c r="HBJ52" i="1" s="1"/>
  <c r="HBK52" i="1" s="1"/>
  <c r="HBL52" i="1" s="1"/>
  <c r="HBM52" i="1" s="1"/>
  <c r="HBN52" i="1" s="1"/>
  <c r="HBO52" i="1" s="1"/>
  <c r="HBP52" i="1" s="1"/>
  <c r="HBQ52" i="1" s="1"/>
  <c r="HBR52" i="1" s="1"/>
  <c r="HBS52" i="1" s="1"/>
  <c r="HBT52" i="1" s="1"/>
  <c r="HBU52" i="1" s="1"/>
  <c r="HBV52" i="1" s="1"/>
  <c r="HBW52" i="1" s="1"/>
  <c r="HBX52" i="1" s="1"/>
  <c r="HBY52" i="1" s="1"/>
  <c r="HBZ52" i="1" s="1"/>
  <c r="HCA52" i="1" s="1"/>
  <c r="HCB52" i="1" s="1"/>
  <c r="HCC52" i="1" s="1"/>
  <c r="HCD52" i="1" s="1"/>
  <c r="HCE52" i="1" s="1"/>
  <c r="HCF52" i="1" s="1"/>
  <c r="HCG52" i="1" s="1"/>
  <c r="HCH52" i="1" s="1"/>
  <c r="HCI52" i="1" s="1"/>
  <c r="HCJ52" i="1" s="1"/>
  <c r="HCK52" i="1" s="1"/>
  <c r="HCL52" i="1" s="1"/>
  <c r="HCM52" i="1" s="1"/>
  <c r="HCN52" i="1" s="1"/>
  <c r="HCO52" i="1" s="1"/>
  <c r="HCP52" i="1" s="1"/>
  <c r="HCQ52" i="1" s="1"/>
  <c r="HCR52" i="1" s="1"/>
  <c r="HCS52" i="1" s="1"/>
  <c r="HCT52" i="1" s="1"/>
  <c r="HCU52" i="1" s="1"/>
  <c r="HCV52" i="1" s="1"/>
  <c r="HCW52" i="1" s="1"/>
  <c r="HCX52" i="1" s="1"/>
  <c r="HCY52" i="1" s="1"/>
  <c r="HCZ52" i="1" s="1"/>
  <c r="HDA52" i="1" s="1"/>
  <c r="HDB52" i="1" s="1"/>
  <c r="HDC52" i="1" s="1"/>
  <c r="HDD52" i="1" s="1"/>
  <c r="HDE52" i="1" s="1"/>
  <c r="HDF52" i="1" s="1"/>
  <c r="HDG52" i="1" s="1"/>
  <c r="HDH52" i="1" s="1"/>
  <c r="HDI52" i="1" s="1"/>
  <c r="HDJ52" i="1" s="1"/>
  <c r="HDK52" i="1" s="1"/>
  <c r="HDL52" i="1" s="1"/>
  <c r="HDM52" i="1" s="1"/>
  <c r="HDN52" i="1" s="1"/>
  <c r="HDO52" i="1" s="1"/>
  <c r="HDP52" i="1" s="1"/>
  <c r="HDQ52" i="1" s="1"/>
  <c r="HDR52" i="1" s="1"/>
  <c r="HDS52" i="1" s="1"/>
  <c r="HDT52" i="1" s="1"/>
  <c r="HDU52" i="1" s="1"/>
  <c r="HDV52" i="1" s="1"/>
  <c r="HDW52" i="1" s="1"/>
  <c r="HDX52" i="1" s="1"/>
  <c r="HDY52" i="1" s="1"/>
  <c r="HDZ52" i="1" s="1"/>
  <c r="HEA52" i="1" s="1"/>
  <c r="HEB52" i="1" s="1"/>
  <c r="HEC52" i="1" s="1"/>
  <c r="HED52" i="1" s="1"/>
  <c r="HEE52" i="1" s="1"/>
  <c r="HEF52" i="1" s="1"/>
  <c r="HEG52" i="1" s="1"/>
  <c r="HEH52" i="1" s="1"/>
  <c r="HEI52" i="1" s="1"/>
  <c r="HEJ52" i="1" s="1"/>
  <c r="HEK52" i="1" s="1"/>
  <c r="HEL52" i="1" s="1"/>
  <c r="HEM52" i="1" s="1"/>
  <c r="HEN52" i="1" s="1"/>
  <c r="HEO52" i="1" s="1"/>
  <c r="HEP52" i="1" s="1"/>
  <c r="HEQ52" i="1" s="1"/>
  <c r="HER52" i="1" s="1"/>
  <c r="HES52" i="1" s="1"/>
  <c r="HET52" i="1" s="1"/>
  <c r="HEU52" i="1" s="1"/>
  <c r="HEV52" i="1" s="1"/>
  <c r="HEW52" i="1" s="1"/>
  <c r="HEX52" i="1" s="1"/>
  <c r="HEY52" i="1" s="1"/>
  <c r="HEZ52" i="1" s="1"/>
  <c r="HFA52" i="1" s="1"/>
  <c r="HFB52" i="1" s="1"/>
  <c r="HFC52" i="1" s="1"/>
  <c r="HFD52" i="1" s="1"/>
  <c r="HFE52" i="1" s="1"/>
  <c r="HFF52" i="1" s="1"/>
  <c r="HFG52" i="1" s="1"/>
  <c r="HFH52" i="1" s="1"/>
  <c r="HFI52" i="1" s="1"/>
  <c r="HFJ52" i="1" s="1"/>
  <c r="HFK52" i="1" s="1"/>
  <c r="HFL52" i="1" s="1"/>
  <c r="HFM52" i="1" s="1"/>
  <c r="HFN52" i="1" s="1"/>
  <c r="HFO52" i="1" s="1"/>
  <c r="HFP52" i="1" s="1"/>
  <c r="HFQ52" i="1" s="1"/>
  <c r="HFR52" i="1" s="1"/>
  <c r="HFS52" i="1" s="1"/>
  <c r="HFT52" i="1" s="1"/>
  <c r="HFU52" i="1" s="1"/>
  <c r="HFV52" i="1" s="1"/>
  <c r="HFW52" i="1" s="1"/>
  <c r="HFX52" i="1" s="1"/>
  <c r="HFY52" i="1" s="1"/>
  <c r="HFZ52" i="1" s="1"/>
  <c r="HGA52" i="1" s="1"/>
  <c r="HGB52" i="1" s="1"/>
  <c r="HGC52" i="1" s="1"/>
  <c r="HGD52" i="1" s="1"/>
  <c r="HGE52" i="1" s="1"/>
  <c r="HGF52" i="1" s="1"/>
  <c r="HGG52" i="1" s="1"/>
  <c r="HGH52" i="1" s="1"/>
  <c r="HGI52" i="1" s="1"/>
  <c r="HGJ52" i="1" s="1"/>
  <c r="HGK52" i="1" s="1"/>
  <c r="HGL52" i="1" s="1"/>
  <c r="HGM52" i="1" s="1"/>
  <c r="HGN52" i="1" s="1"/>
  <c r="HGO52" i="1" s="1"/>
  <c r="HGP52" i="1" s="1"/>
  <c r="HGQ52" i="1" s="1"/>
  <c r="HGR52" i="1" s="1"/>
  <c r="HGS52" i="1" s="1"/>
  <c r="HGT52" i="1" s="1"/>
  <c r="HGU52" i="1" s="1"/>
  <c r="HGV52" i="1" s="1"/>
  <c r="HGW52" i="1" s="1"/>
  <c r="HGX52" i="1" s="1"/>
  <c r="HGY52" i="1" s="1"/>
  <c r="HGZ52" i="1" s="1"/>
  <c r="HHA52" i="1" s="1"/>
  <c r="HHB52" i="1" s="1"/>
  <c r="HHC52" i="1" s="1"/>
  <c r="HHD52" i="1" s="1"/>
  <c r="HHE52" i="1" s="1"/>
  <c r="HHF52" i="1" s="1"/>
  <c r="HHG52" i="1" s="1"/>
  <c r="HHH52" i="1" s="1"/>
  <c r="HHI52" i="1" s="1"/>
  <c r="HHJ52" i="1" s="1"/>
  <c r="HHK52" i="1" s="1"/>
  <c r="HHL52" i="1" s="1"/>
  <c r="HHM52" i="1" s="1"/>
  <c r="HHN52" i="1" s="1"/>
  <c r="HHO52" i="1" s="1"/>
  <c r="HHP52" i="1" s="1"/>
  <c r="HHQ52" i="1" s="1"/>
  <c r="HHR52" i="1" s="1"/>
  <c r="HHS52" i="1" s="1"/>
  <c r="HHT52" i="1" s="1"/>
  <c r="HHU52" i="1" s="1"/>
  <c r="HHV52" i="1" s="1"/>
  <c r="HHW52" i="1" s="1"/>
  <c r="HHX52" i="1" s="1"/>
  <c r="HHY52" i="1" s="1"/>
  <c r="HHZ52" i="1" s="1"/>
  <c r="HIA52" i="1" s="1"/>
  <c r="HIB52" i="1" s="1"/>
  <c r="HIC52" i="1" s="1"/>
  <c r="HID52" i="1" s="1"/>
  <c r="HIE52" i="1" s="1"/>
  <c r="HIF52" i="1" s="1"/>
  <c r="HIG52" i="1" s="1"/>
  <c r="HIH52" i="1" s="1"/>
  <c r="HII52" i="1" s="1"/>
  <c r="HIJ52" i="1" s="1"/>
  <c r="HIK52" i="1" s="1"/>
  <c r="HIL52" i="1" s="1"/>
  <c r="HIM52" i="1" s="1"/>
  <c r="HIN52" i="1" s="1"/>
  <c r="HIO52" i="1" s="1"/>
  <c r="HIP52" i="1" s="1"/>
  <c r="HIQ52" i="1" s="1"/>
  <c r="HIR52" i="1" s="1"/>
  <c r="HIS52" i="1" s="1"/>
  <c r="HIT52" i="1" s="1"/>
  <c r="HIU52" i="1" s="1"/>
  <c r="HIV52" i="1" s="1"/>
  <c r="HIW52" i="1" s="1"/>
  <c r="HIX52" i="1" s="1"/>
  <c r="HIY52" i="1" s="1"/>
  <c r="HIZ52" i="1" s="1"/>
  <c r="HJA52" i="1" s="1"/>
  <c r="HJB52" i="1" s="1"/>
  <c r="HJC52" i="1" s="1"/>
  <c r="HJD52" i="1" s="1"/>
  <c r="HJE52" i="1" s="1"/>
  <c r="HJF52" i="1" s="1"/>
  <c r="HJG52" i="1" s="1"/>
  <c r="HJH52" i="1" s="1"/>
  <c r="HJI52" i="1" s="1"/>
  <c r="HJJ52" i="1" s="1"/>
  <c r="HJK52" i="1" s="1"/>
  <c r="HJL52" i="1" s="1"/>
  <c r="HJM52" i="1" s="1"/>
  <c r="HJN52" i="1" s="1"/>
  <c r="HJO52" i="1" s="1"/>
  <c r="HJP52" i="1" s="1"/>
  <c r="HJQ52" i="1" s="1"/>
  <c r="HJR52" i="1" s="1"/>
  <c r="HJS52" i="1" s="1"/>
  <c r="HJT52" i="1" s="1"/>
  <c r="HJU52" i="1" s="1"/>
  <c r="HJV52" i="1" s="1"/>
  <c r="HJW52" i="1" s="1"/>
  <c r="HJX52" i="1" s="1"/>
  <c r="HJY52" i="1" s="1"/>
  <c r="HJZ52" i="1" s="1"/>
  <c r="HKA52" i="1" s="1"/>
  <c r="HKB52" i="1" s="1"/>
  <c r="HKC52" i="1" s="1"/>
  <c r="HKD52" i="1" s="1"/>
  <c r="HKE52" i="1" s="1"/>
  <c r="HKF52" i="1" s="1"/>
  <c r="HKG52" i="1" s="1"/>
  <c r="HKH52" i="1" s="1"/>
  <c r="HKI52" i="1" s="1"/>
  <c r="HKJ52" i="1" s="1"/>
  <c r="HKK52" i="1" s="1"/>
  <c r="HKL52" i="1" s="1"/>
  <c r="HKM52" i="1" s="1"/>
  <c r="HKN52" i="1" s="1"/>
  <c r="HKO52" i="1" s="1"/>
  <c r="HKP52" i="1" s="1"/>
  <c r="HKQ52" i="1" s="1"/>
  <c r="HKR52" i="1" s="1"/>
  <c r="HKS52" i="1" s="1"/>
  <c r="HKT52" i="1" s="1"/>
  <c r="HKU52" i="1" s="1"/>
  <c r="HKV52" i="1" s="1"/>
  <c r="HKW52" i="1" s="1"/>
  <c r="HKX52" i="1" s="1"/>
  <c r="HKY52" i="1" s="1"/>
  <c r="HKZ52" i="1" s="1"/>
  <c r="HLA52" i="1" s="1"/>
  <c r="HLB52" i="1" s="1"/>
  <c r="HLC52" i="1" s="1"/>
  <c r="HLD52" i="1" s="1"/>
  <c r="HLE52" i="1" s="1"/>
  <c r="HLF52" i="1" s="1"/>
  <c r="HLG52" i="1" s="1"/>
  <c r="HLH52" i="1" s="1"/>
  <c r="HLI52" i="1" s="1"/>
  <c r="HLJ52" i="1" s="1"/>
  <c r="HLK52" i="1" s="1"/>
  <c r="HLL52" i="1" s="1"/>
  <c r="HLM52" i="1" s="1"/>
  <c r="HLN52" i="1" s="1"/>
  <c r="HLO52" i="1" s="1"/>
  <c r="HLP52" i="1" s="1"/>
  <c r="HLQ52" i="1" s="1"/>
  <c r="HLR52" i="1" s="1"/>
  <c r="HLS52" i="1" s="1"/>
  <c r="HLT52" i="1" s="1"/>
  <c r="HLU52" i="1" s="1"/>
  <c r="HLV52" i="1" s="1"/>
  <c r="HLW52" i="1" s="1"/>
  <c r="HLX52" i="1" s="1"/>
  <c r="HLY52" i="1" s="1"/>
  <c r="HLZ52" i="1" s="1"/>
  <c r="HMA52" i="1" s="1"/>
  <c r="HMB52" i="1" s="1"/>
  <c r="HMC52" i="1" s="1"/>
  <c r="HMD52" i="1" s="1"/>
  <c r="HME52" i="1" s="1"/>
  <c r="HMF52" i="1" s="1"/>
  <c r="HMG52" i="1" s="1"/>
  <c r="HMH52" i="1" s="1"/>
  <c r="HMI52" i="1" s="1"/>
  <c r="HMJ52" i="1" s="1"/>
  <c r="HMK52" i="1" s="1"/>
  <c r="HML52" i="1" s="1"/>
  <c r="HMM52" i="1" s="1"/>
  <c r="HMN52" i="1" s="1"/>
  <c r="HMO52" i="1" s="1"/>
  <c r="HMP52" i="1" s="1"/>
  <c r="HMQ52" i="1" s="1"/>
  <c r="HMR52" i="1" s="1"/>
  <c r="HMS52" i="1" s="1"/>
  <c r="HMT52" i="1" s="1"/>
  <c r="HMU52" i="1" s="1"/>
  <c r="HMV52" i="1" s="1"/>
  <c r="HMW52" i="1" s="1"/>
  <c r="HMX52" i="1" s="1"/>
  <c r="HMY52" i="1" s="1"/>
  <c r="HMZ52" i="1" s="1"/>
  <c r="HNA52" i="1" s="1"/>
  <c r="HNB52" i="1" s="1"/>
  <c r="HNC52" i="1" s="1"/>
  <c r="HND52" i="1" s="1"/>
  <c r="HNE52" i="1" s="1"/>
  <c r="HNF52" i="1" s="1"/>
  <c r="HNG52" i="1" s="1"/>
  <c r="HNH52" i="1" s="1"/>
  <c r="HNI52" i="1" s="1"/>
  <c r="HNJ52" i="1" s="1"/>
  <c r="HNK52" i="1" s="1"/>
  <c r="HNL52" i="1" s="1"/>
  <c r="HNM52" i="1" s="1"/>
  <c r="HNN52" i="1" s="1"/>
  <c r="HNO52" i="1" s="1"/>
  <c r="HNP52" i="1" s="1"/>
  <c r="HNQ52" i="1" s="1"/>
  <c r="HNR52" i="1" s="1"/>
  <c r="HNS52" i="1" s="1"/>
  <c r="HNT52" i="1" s="1"/>
  <c r="HNU52" i="1" s="1"/>
  <c r="HNV52" i="1" s="1"/>
  <c r="HNW52" i="1" s="1"/>
  <c r="HNX52" i="1" s="1"/>
  <c r="HNY52" i="1" s="1"/>
  <c r="HNZ52" i="1" s="1"/>
  <c r="HOA52" i="1" s="1"/>
  <c r="HOB52" i="1" s="1"/>
  <c r="HOC52" i="1" s="1"/>
  <c r="HOD52" i="1" s="1"/>
  <c r="HOE52" i="1" s="1"/>
  <c r="HOF52" i="1" s="1"/>
  <c r="HOG52" i="1" s="1"/>
  <c r="HOH52" i="1" s="1"/>
  <c r="HOI52" i="1" s="1"/>
  <c r="HOJ52" i="1" s="1"/>
  <c r="HOK52" i="1" s="1"/>
  <c r="HOL52" i="1" s="1"/>
  <c r="HOM52" i="1" s="1"/>
  <c r="HON52" i="1" s="1"/>
  <c r="HOO52" i="1" s="1"/>
  <c r="HOP52" i="1" s="1"/>
  <c r="HOQ52" i="1" s="1"/>
  <c r="HOR52" i="1" s="1"/>
  <c r="HOS52" i="1" s="1"/>
  <c r="HOT52" i="1" s="1"/>
  <c r="HOU52" i="1" s="1"/>
  <c r="HOV52" i="1" s="1"/>
  <c r="HOW52" i="1" s="1"/>
  <c r="HOX52" i="1" s="1"/>
  <c r="HOY52" i="1" s="1"/>
  <c r="HOZ52" i="1" s="1"/>
  <c r="HPA52" i="1" s="1"/>
  <c r="HPB52" i="1" s="1"/>
  <c r="HPC52" i="1" s="1"/>
  <c r="HPD52" i="1" s="1"/>
  <c r="HPE52" i="1" s="1"/>
  <c r="HPF52" i="1" s="1"/>
  <c r="HPG52" i="1" s="1"/>
  <c r="HPH52" i="1" s="1"/>
  <c r="HPI52" i="1" s="1"/>
  <c r="HPJ52" i="1" s="1"/>
  <c r="HPK52" i="1" s="1"/>
  <c r="HPL52" i="1" s="1"/>
  <c r="HPM52" i="1" s="1"/>
  <c r="HPN52" i="1" s="1"/>
  <c r="HPO52" i="1" s="1"/>
  <c r="HPP52" i="1" s="1"/>
  <c r="HPQ52" i="1" s="1"/>
  <c r="HPR52" i="1" s="1"/>
  <c r="HPS52" i="1" s="1"/>
  <c r="HPT52" i="1" s="1"/>
  <c r="HPU52" i="1" s="1"/>
  <c r="HPV52" i="1" s="1"/>
  <c r="HPW52" i="1" s="1"/>
  <c r="HPX52" i="1" s="1"/>
  <c r="HPY52" i="1" s="1"/>
  <c r="HPZ52" i="1" s="1"/>
  <c r="HQA52" i="1" s="1"/>
  <c r="HQB52" i="1" s="1"/>
  <c r="HQC52" i="1" s="1"/>
  <c r="HQD52" i="1" s="1"/>
  <c r="HQE52" i="1" s="1"/>
  <c r="HQF52" i="1" s="1"/>
  <c r="HQG52" i="1" s="1"/>
  <c r="HQH52" i="1" s="1"/>
  <c r="HQI52" i="1" s="1"/>
  <c r="HQJ52" i="1" s="1"/>
  <c r="HQK52" i="1" s="1"/>
  <c r="HQL52" i="1" s="1"/>
  <c r="HQM52" i="1" s="1"/>
  <c r="HQN52" i="1" s="1"/>
  <c r="HQO52" i="1" s="1"/>
  <c r="HQP52" i="1" s="1"/>
  <c r="HQQ52" i="1" s="1"/>
  <c r="HQR52" i="1" s="1"/>
  <c r="HQS52" i="1" s="1"/>
  <c r="HQT52" i="1" s="1"/>
  <c r="HQU52" i="1" s="1"/>
  <c r="HQV52" i="1" s="1"/>
  <c r="HQW52" i="1" s="1"/>
  <c r="HQX52" i="1" s="1"/>
  <c r="HQY52" i="1" s="1"/>
  <c r="HQZ52" i="1" s="1"/>
  <c r="HRA52" i="1" s="1"/>
  <c r="HRB52" i="1" s="1"/>
  <c r="HRC52" i="1" s="1"/>
  <c r="HRD52" i="1" s="1"/>
  <c r="HRE52" i="1" s="1"/>
  <c r="HRF52" i="1" s="1"/>
  <c r="HRG52" i="1" s="1"/>
  <c r="HRH52" i="1" s="1"/>
  <c r="HRI52" i="1" s="1"/>
  <c r="HRJ52" i="1" s="1"/>
  <c r="HRK52" i="1" s="1"/>
  <c r="HRL52" i="1" s="1"/>
  <c r="HRM52" i="1" s="1"/>
  <c r="HRN52" i="1" s="1"/>
  <c r="HRO52" i="1" s="1"/>
  <c r="HRP52" i="1" s="1"/>
  <c r="HRQ52" i="1" s="1"/>
  <c r="HRR52" i="1" s="1"/>
  <c r="HRS52" i="1" s="1"/>
  <c r="HRT52" i="1" s="1"/>
  <c r="HRU52" i="1" s="1"/>
  <c r="HRV52" i="1" s="1"/>
  <c r="HRW52" i="1" s="1"/>
  <c r="HRX52" i="1" s="1"/>
  <c r="HRY52" i="1" s="1"/>
  <c r="HRZ52" i="1" s="1"/>
  <c r="HSA52" i="1" s="1"/>
  <c r="HSB52" i="1" s="1"/>
  <c r="HSC52" i="1" s="1"/>
  <c r="HSD52" i="1" s="1"/>
  <c r="HSE52" i="1" s="1"/>
  <c r="HSF52" i="1" s="1"/>
  <c r="HSG52" i="1" s="1"/>
  <c r="HSH52" i="1" s="1"/>
  <c r="HSI52" i="1" s="1"/>
  <c r="HSJ52" i="1" s="1"/>
  <c r="HSK52" i="1" s="1"/>
  <c r="HSL52" i="1" s="1"/>
  <c r="HSM52" i="1" s="1"/>
  <c r="HSN52" i="1" s="1"/>
  <c r="HSO52" i="1" s="1"/>
  <c r="HSP52" i="1" s="1"/>
  <c r="HSQ52" i="1" s="1"/>
  <c r="HSR52" i="1" s="1"/>
  <c r="HSS52" i="1" s="1"/>
  <c r="HST52" i="1" s="1"/>
  <c r="HSU52" i="1" s="1"/>
  <c r="HSV52" i="1" s="1"/>
  <c r="HSW52" i="1" s="1"/>
  <c r="HSX52" i="1" s="1"/>
  <c r="HSY52" i="1" s="1"/>
  <c r="HSZ52" i="1" s="1"/>
  <c r="HTA52" i="1" s="1"/>
  <c r="HTB52" i="1" s="1"/>
  <c r="HTC52" i="1" s="1"/>
  <c r="HTD52" i="1" s="1"/>
  <c r="HTE52" i="1" s="1"/>
  <c r="HTF52" i="1" s="1"/>
  <c r="HTG52" i="1" s="1"/>
  <c r="HTH52" i="1" s="1"/>
  <c r="HTI52" i="1" s="1"/>
  <c r="HTJ52" i="1" s="1"/>
  <c r="HTK52" i="1" s="1"/>
  <c r="HTL52" i="1" s="1"/>
  <c r="HTM52" i="1" s="1"/>
  <c r="HTN52" i="1" s="1"/>
  <c r="HTO52" i="1" s="1"/>
  <c r="HTP52" i="1" s="1"/>
  <c r="HTQ52" i="1" s="1"/>
  <c r="HTR52" i="1" s="1"/>
  <c r="HTS52" i="1" s="1"/>
  <c r="HTT52" i="1" s="1"/>
  <c r="HTU52" i="1" s="1"/>
  <c r="HTV52" i="1" s="1"/>
  <c r="HTW52" i="1" s="1"/>
  <c r="HTX52" i="1" s="1"/>
  <c r="HTY52" i="1" s="1"/>
  <c r="HTZ52" i="1" s="1"/>
  <c r="HUA52" i="1" s="1"/>
  <c r="HUB52" i="1" s="1"/>
  <c r="HUC52" i="1" s="1"/>
  <c r="HUD52" i="1" s="1"/>
  <c r="HUE52" i="1" s="1"/>
  <c r="HUF52" i="1" s="1"/>
  <c r="HUG52" i="1" s="1"/>
  <c r="HUH52" i="1" s="1"/>
  <c r="HUI52" i="1" s="1"/>
  <c r="HUJ52" i="1" s="1"/>
  <c r="HUK52" i="1" s="1"/>
  <c r="HUL52" i="1" s="1"/>
  <c r="HUM52" i="1" s="1"/>
  <c r="HUN52" i="1" s="1"/>
  <c r="HUO52" i="1" s="1"/>
  <c r="HUP52" i="1" s="1"/>
  <c r="HUQ52" i="1" s="1"/>
  <c r="HUR52" i="1" s="1"/>
  <c r="HUS52" i="1" s="1"/>
  <c r="HUT52" i="1" s="1"/>
  <c r="HUU52" i="1" s="1"/>
  <c r="HUV52" i="1" s="1"/>
  <c r="HUW52" i="1" s="1"/>
  <c r="HUX52" i="1" s="1"/>
  <c r="HUY52" i="1" s="1"/>
  <c r="HUZ52" i="1" s="1"/>
  <c r="HVA52" i="1" s="1"/>
  <c r="HVB52" i="1" s="1"/>
  <c r="HVC52" i="1" s="1"/>
  <c r="HVD52" i="1" s="1"/>
  <c r="HVE52" i="1" s="1"/>
  <c r="HVF52" i="1" s="1"/>
  <c r="HVG52" i="1" s="1"/>
  <c r="HVH52" i="1" s="1"/>
  <c r="HVI52" i="1" s="1"/>
  <c r="HVJ52" i="1" s="1"/>
  <c r="HVK52" i="1" s="1"/>
  <c r="HVL52" i="1" s="1"/>
  <c r="HVM52" i="1" s="1"/>
  <c r="HVN52" i="1" s="1"/>
  <c r="HVO52" i="1" s="1"/>
  <c r="HVP52" i="1" s="1"/>
  <c r="HVQ52" i="1" s="1"/>
  <c r="HVR52" i="1" s="1"/>
  <c r="HVS52" i="1" s="1"/>
  <c r="HVT52" i="1" s="1"/>
  <c r="HVU52" i="1" s="1"/>
  <c r="HVV52" i="1" s="1"/>
  <c r="HVW52" i="1" s="1"/>
  <c r="HVX52" i="1" s="1"/>
  <c r="HVY52" i="1" s="1"/>
  <c r="HVZ52" i="1" s="1"/>
  <c r="HWA52" i="1" s="1"/>
  <c r="HWB52" i="1" s="1"/>
  <c r="HWC52" i="1" s="1"/>
  <c r="HWD52" i="1" s="1"/>
  <c r="HWE52" i="1" s="1"/>
  <c r="HWF52" i="1" s="1"/>
  <c r="HWG52" i="1" s="1"/>
  <c r="HWH52" i="1" s="1"/>
  <c r="HWI52" i="1" s="1"/>
  <c r="HWJ52" i="1" s="1"/>
  <c r="HWK52" i="1" s="1"/>
  <c r="HWL52" i="1" s="1"/>
  <c r="HWM52" i="1" s="1"/>
  <c r="HWN52" i="1" s="1"/>
  <c r="HWO52" i="1" s="1"/>
  <c r="HWP52" i="1" s="1"/>
  <c r="HWQ52" i="1" s="1"/>
  <c r="HWR52" i="1" s="1"/>
  <c r="HWS52" i="1" s="1"/>
  <c r="HWT52" i="1" s="1"/>
  <c r="HWU52" i="1" s="1"/>
  <c r="HWV52" i="1" s="1"/>
  <c r="HWW52" i="1" s="1"/>
  <c r="HWX52" i="1" s="1"/>
  <c r="HWY52" i="1" s="1"/>
  <c r="HWZ52" i="1" s="1"/>
  <c r="HXA52" i="1" s="1"/>
  <c r="HXB52" i="1" s="1"/>
  <c r="HXC52" i="1" s="1"/>
  <c r="HXD52" i="1" s="1"/>
  <c r="HXE52" i="1" s="1"/>
  <c r="HXF52" i="1" s="1"/>
  <c r="HXG52" i="1" s="1"/>
  <c r="HXH52" i="1" s="1"/>
  <c r="HXI52" i="1" s="1"/>
  <c r="HXJ52" i="1" s="1"/>
  <c r="HXK52" i="1" s="1"/>
  <c r="HXL52" i="1" s="1"/>
  <c r="HXM52" i="1" s="1"/>
  <c r="HXN52" i="1" s="1"/>
  <c r="HXO52" i="1" s="1"/>
  <c r="HXP52" i="1" s="1"/>
  <c r="HXQ52" i="1" s="1"/>
  <c r="HXR52" i="1" s="1"/>
  <c r="HXS52" i="1" s="1"/>
  <c r="HXT52" i="1" s="1"/>
  <c r="HXU52" i="1" s="1"/>
  <c r="HXV52" i="1" s="1"/>
  <c r="HXW52" i="1" s="1"/>
  <c r="HXX52" i="1" s="1"/>
  <c r="HXY52" i="1" s="1"/>
  <c r="HXZ52" i="1" s="1"/>
  <c r="HYA52" i="1" s="1"/>
  <c r="HYB52" i="1" s="1"/>
  <c r="HYC52" i="1" s="1"/>
  <c r="HYD52" i="1" s="1"/>
  <c r="HYE52" i="1" s="1"/>
  <c r="HYF52" i="1" s="1"/>
  <c r="HYG52" i="1" s="1"/>
  <c r="HYH52" i="1" s="1"/>
  <c r="HYI52" i="1" s="1"/>
  <c r="HYJ52" i="1" s="1"/>
  <c r="HYK52" i="1" s="1"/>
  <c r="HYL52" i="1" s="1"/>
  <c r="HYM52" i="1" s="1"/>
  <c r="HYN52" i="1" s="1"/>
  <c r="HYO52" i="1" s="1"/>
  <c r="HYP52" i="1" s="1"/>
  <c r="HYQ52" i="1" s="1"/>
  <c r="HYR52" i="1" s="1"/>
  <c r="HYS52" i="1" s="1"/>
  <c r="HYT52" i="1" s="1"/>
  <c r="HYU52" i="1" s="1"/>
  <c r="HYV52" i="1" s="1"/>
  <c r="HYW52" i="1" s="1"/>
  <c r="HYX52" i="1" s="1"/>
  <c r="HYY52" i="1" s="1"/>
  <c r="HYZ52" i="1" s="1"/>
  <c r="HZA52" i="1" s="1"/>
  <c r="HZB52" i="1" s="1"/>
  <c r="HZC52" i="1" s="1"/>
  <c r="HZD52" i="1" s="1"/>
  <c r="HZE52" i="1" s="1"/>
  <c r="HZF52" i="1" s="1"/>
  <c r="HZG52" i="1" s="1"/>
  <c r="HZH52" i="1" s="1"/>
  <c r="HZI52" i="1" s="1"/>
  <c r="HZJ52" i="1" s="1"/>
  <c r="HZK52" i="1" s="1"/>
  <c r="HZL52" i="1" s="1"/>
  <c r="HZM52" i="1" s="1"/>
  <c r="HZN52" i="1" s="1"/>
  <c r="HZO52" i="1" s="1"/>
  <c r="HZP52" i="1" s="1"/>
  <c r="HZQ52" i="1" s="1"/>
  <c r="HZR52" i="1" s="1"/>
  <c r="HZS52" i="1" s="1"/>
  <c r="HZT52" i="1" s="1"/>
  <c r="HZU52" i="1" s="1"/>
  <c r="HZV52" i="1" s="1"/>
  <c r="HZW52" i="1" s="1"/>
  <c r="HZX52" i="1" s="1"/>
  <c r="HZY52" i="1" s="1"/>
  <c r="HZZ52" i="1" s="1"/>
  <c r="IAA52" i="1" s="1"/>
  <c r="IAB52" i="1" s="1"/>
  <c r="IAC52" i="1" s="1"/>
  <c r="IAD52" i="1" s="1"/>
  <c r="IAE52" i="1" s="1"/>
  <c r="IAF52" i="1" s="1"/>
  <c r="IAG52" i="1" s="1"/>
  <c r="IAH52" i="1" s="1"/>
  <c r="IAI52" i="1" s="1"/>
  <c r="IAJ52" i="1" s="1"/>
  <c r="IAK52" i="1" s="1"/>
  <c r="IAL52" i="1" s="1"/>
  <c r="IAM52" i="1" s="1"/>
  <c r="IAN52" i="1" s="1"/>
  <c r="IAO52" i="1" s="1"/>
  <c r="IAP52" i="1" s="1"/>
  <c r="IAQ52" i="1" s="1"/>
  <c r="IAR52" i="1" s="1"/>
  <c r="IAS52" i="1" s="1"/>
  <c r="IAT52" i="1" s="1"/>
  <c r="IAU52" i="1" s="1"/>
  <c r="IAV52" i="1" s="1"/>
  <c r="IAW52" i="1" s="1"/>
  <c r="IAX52" i="1" s="1"/>
  <c r="IAY52" i="1" s="1"/>
  <c r="IAZ52" i="1" s="1"/>
  <c r="IBA52" i="1" s="1"/>
  <c r="IBB52" i="1" s="1"/>
  <c r="IBC52" i="1" s="1"/>
  <c r="IBD52" i="1" s="1"/>
  <c r="IBE52" i="1" s="1"/>
  <c r="IBF52" i="1" s="1"/>
  <c r="IBG52" i="1" s="1"/>
  <c r="IBH52" i="1" s="1"/>
  <c r="IBI52" i="1" s="1"/>
  <c r="IBJ52" i="1" s="1"/>
  <c r="IBK52" i="1" s="1"/>
  <c r="IBL52" i="1" s="1"/>
  <c r="IBM52" i="1" s="1"/>
  <c r="IBN52" i="1" s="1"/>
  <c r="IBO52" i="1" s="1"/>
  <c r="IBP52" i="1" s="1"/>
  <c r="IBQ52" i="1" s="1"/>
  <c r="IBR52" i="1" s="1"/>
  <c r="IBS52" i="1" s="1"/>
  <c r="IBT52" i="1" s="1"/>
  <c r="IBU52" i="1" s="1"/>
  <c r="IBV52" i="1" s="1"/>
  <c r="IBW52" i="1" s="1"/>
  <c r="IBX52" i="1" s="1"/>
  <c r="IBY52" i="1" s="1"/>
  <c r="IBZ52" i="1" s="1"/>
  <c r="ICA52" i="1" s="1"/>
  <c r="ICB52" i="1" s="1"/>
  <c r="ICC52" i="1" s="1"/>
  <c r="ICD52" i="1" s="1"/>
  <c r="ICE52" i="1" s="1"/>
  <c r="ICF52" i="1" s="1"/>
  <c r="ICG52" i="1" s="1"/>
  <c r="ICH52" i="1" s="1"/>
  <c r="ICI52" i="1" s="1"/>
  <c r="ICJ52" i="1" s="1"/>
  <c r="ICK52" i="1" s="1"/>
  <c r="ICL52" i="1" s="1"/>
  <c r="ICM52" i="1" s="1"/>
  <c r="ICN52" i="1" s="1"/>
  <c r="ICO52" i="1" s="1"/>
  <c r="ICP52" i="1" s="1"/>
  <c r="ICQ52" i="1" s="1"/>
  <c r="ICR52" i="1" s="1"/>
  <c r="ICS52" i="1" s="1"/>
  <c r="ICT52" i="1" s="1"/>
  <c r="ICU52" i="1" s="1"/>
  <c r="ICV52" i="1" s="1"/>
  <c r="ICW52" i="1" s="1"/>
  <c r="ICX52" i="1" s="1"/>
  <c r="ICY52" i="1" s="1"/>
  <c r="ICZ52" i="1" s="1"/>
  <c r="IDA52" i="1" s="1"/>
  <c r="IDB52" i="1" s="1"/>
  <c r="IDC52" i="1" s="1"/>
  <c r="IDD52" i="1" s="1"/>
  <c r="IDE52" i="1" s="1"/>
  <c r="IDF52" i="1" s="1"/>
  <c r="IDG52" i="1" s="1"/>
  <c r="IDH52" i="1" s="1"/>
  <c r="IDI52" i="1" s="1"/>
  <c r="IDJ52" i="1" s="1"/>
  <c r="IDK52" i="1" s="1"/>
  <c r="IDL52" i="1" s="1"/>
  <c r="IDM52" i="1" s="1"/>
  <c r="IDN52" i="1" s="1"/>
  <c r="IDO52" i="1" s="1"/>
  <c r="IDP52" i="1" s="1"/>
  <c r="IDQ52" i="1" s="1"/>
  <c r="IDR52" i="1" s="1"/>
  <c r="IDS52" i="1" s="1"/>
  <c r="IDT52" i="1" s="1"/>
  <c r="IDU52" i="1" s="1"/>
  <c r="IDV52" i="1" s="1"/>
  <c r="IDW52" i="1" s="1"/>
  <c r="IDX52" i="1" s="1"/>
  <c r="IDY52" i="1" s="1"/>
  <c r="IDZ52" i="1" s="1"/>
  <c r="IEA52" i="1" s="1"/>
  <c r="IEB52" i="1" s="1"/>
  <c r="IEC52" i="1" s="1"/>
  <c r="IED52" i="1" s="1"/>
  <c r="IEE52" i="1" s="1"/>
  <c r="IEF52" i="1" s="1"/>
  <c r="IEG52" i="1" s="1"/>
  <c r="IEH52" i="1" s="1"/>
  <c r="IEI52" i="1" s="1"/>
  <c r="IEJ52" i="1" s="1"/>
  <c r="IEK52" i="1" s="1"/>
  <c r="IEL52" i="1" s="1"/>
  <c r="IEM52" i="1" s="1"/>
  <c r="IEN52" i="1" s="1"/>
  <c r="IEO52" i="1" s="1"/>
  <c r="IEP52" i="1" s="1"/>
  <c r="IEQ52" i="1" s="1"/>
  <c r="IER52" i="1" s="1"/>
  <c r="IES52" i="1" s="1"/>
  <c r="IET52" i="1" s="1"/>
  <c r="IEU52" i="1" s="1"/>
  <c r="IEV52" i="1" s="1"/>
  <c r="IEW52" i="1" s="1"/>
  <c r="IEX52" i="1" s="1"/>
  <c r="IEY52" i="1" s="1"/>
  <c r="IEZ52" i="1" s="1"/>
  <c r="IFA52" i="1" s="1"/>
  <c r="IFB52" i="1" s="1"/>
  <c r="IFC52" i="1" s="1"/>
  <c r="IFD52" i="1" s="1"/>
  <c r="IFE52" i="1" s="1"/>
  <c r="IFF52" i="1" s="1"/>
  <c r="IFG52" i="1" s="1"/>
  <c r="IFH52" i="1" s="1"/>
  <c r="IFI52" i="1" s="1"/>
  <c r="IFJ52" i="1" s="1"/>
  <c r="IFK52" i="1" s="1"/>
  <c r="IFL52" i="1" s="1"/>
  <c r="IFM52" i="1" s="1"/>
  <c r="IFN52" i="1" s="1"/>
  <c r="IFO52" i="1" s="1"/>
  <c r="IFP52" i="1" s="1"/>
  <c r="IFQ52" i="1" s="1"/>
  <c r="IFR52" i="1" s="1"/>
  <c r="IFS52" i="1" s="1"/>
  <c r="IFT52" i="1" s="1"/>
  <c r="IFU52" i="1" s="1"/>
  <c r="IFV52" i="1" s="1"/>
  <c r="IFW52" i="1" s="1"/>
  <c r="IFX52" i="1" s="1"/>
  <c r="IFY52" i="1" s="1"/>
  <c r="IFZ52" i="1" s="1"/>
  <c r="IGA52" i="1" s="1"/>
  <c r="IGB52" i="1" s="1"/>
  <c r="IGC52" i="1" s="1"/>
  <c r="IGD52" i="1" s="1"/>
  <c r="IGE52" i="1" s="1"/>
  <c r="IGF52" i="1" s="1"/>
  <c r="IGG52" i="1" s="1"/>
  <c r="IGH52" i="1" s="1"/>
  <c r="IGI52" i="1" s="1"/>
  <c r="IGJ52" i="1" s="1"/>
  <c r="IGK52" i="1" s="1"/>
  <c r="IGL52" i="1" s="1"/>
  <c r="IGM52" i="1" s="1"/>
  <c r="IGN52" i="1" s="1"/>
  <c r="IGO52" i="1" s="1"/>
  <c r="IGP52" i="1" s="1"/>
  <c r="IGQ52" i="1" s="1"/>
  <c r="IGR52" i="1" s="1"/>
  <c r="IGS52" i="1" s="1"/>
  <c r="IGT52" i="1" s="1"/>
  <c r="IGU52" i="1" s="1"/>
  <c r="IGV52" i="1" s="1"/>
  <c r="IGW52" i="1" s="1"/>
  <c r="IGX52" i="1" s="1"/>
  <c r="IGY52" i="1" s="1"/>
  <c r="IGZ52" i="1" s="1"/>
  <c r="IHA52" i="1" s="1"/>
  <c r="IHB52" i="1" s="1"/>
  <c r="IHC52" i="1" s="1"/>
  <c r="IHD52" i="1" s="1"/>
  <c r="IHE52" i="1" s="1"/>
  <c r="IHF52" i="1" s="1"/>
  <c r="IHG52" i="1" s="1"/>
  <c r="IHH52" i="1" s="1"/>
  <c r="IHI52" i="1" s="1"/>
  <c r="IHJ52" i="1" s="1"/>
  <c r="IHK52" i="1" s="1"/>
  <c r="IHL52" i="1" s="1"/>
  <c r="IHM52" i="1" s="1"/>
  <c r="IHN52" i="1" s="1"/>
  <c r="IHO52" i="1" s="1"/>
  <c r="IHP52" i="1" s="1"/>
  <c r="IHQ52" i="1" s="1"/>
  <c r="IHR52" i="1" s="1"/>
  <c r="IHS52" i="1" s="1"/>
  <c r="IHT52" i="1" s="1"/>
  <c r="IHU52" i="1" s="1"/>
  <c r="IHV52" i="1" s="1"/>
  <c r="IHW52" i="1" s="1"/>
  <c r="IHX52" i="1" s="1"/>
  <c r="IHY52" i="1" s="1"/>
  <c r="IHZ52" i="1" s="1"/>
  <c r="IIA52" i="1" s="1"/>
  <c r="IIB52" i="1" s="1"/>
  <c r="IIC52" i="1" s="1"/>
  <c r="IID52" i="1" s="1"/>
  <c r="IIE52" i="1" s="1"/>
  <c r="IIF52" i="1" s="1"/>
  <c r="IIG52" i="1" s="1"/>
  <c r="IIH52" i="1" s="1"/>
  <c r="III52" i="1" s="1"/>
  <c r="IIJ52" i="1" s="1"/>
  <c r="IIK52" i="1" s="1"/>
  <c r="IIL52" i="1" s="1"/>
  <c r="IIM52" i="1" s="1"/>
  <c r="IIN52" i="1" s="1"/>
  <c r="IIO52" i="1" s="1"/>
  <c r="IIP52" i="1" s="1"/>
  <c r="IIQ52" i="1" s="1"/>
  <c r="IIR52" i="1" s="1"/>
  <c r="IIS52" i="1" s="1"/>
  <c r="IIT52" i="1" s="1"/>
  <c r="IIU52" i="1" s="1"/>
  <c r="IIV52" i="1" s="1"/>
  <c r="IIW52" i="1" s="1"/>
  <c r="IIX52" i="1" s="1"/>
  <c r="IIY52" i="1" s="1"/>
  <c r="IIZ52" i="1" s="1"/>
  <c r="IJA52" i="1" s="1"/>
  <c r="IJB52" i="1" s="1"/>
  <c r="IJC52" i="1" s="1"/>
  <c r="IJD52" i="1" s="1"/>
  <c r="IJE52" i="1" s="1"/>
  <c r="IJF52" i="1" s="1"/>
  <c r="IJG52" i="1" s="1"/>
  <c r="IJH52" i="1" s="1"/>
  <c r="IJI52" i="1" s="1"/>
  <c r="IJJ52" i="1" s="1"/>
  <c r="IJK52" i="1" s="1"/>
  <c r="IJL52" i="1" s="1"/>
  <c r="IJM52" i="1" s="1"/>
  <c r="IJN52" i="1" s="1"/>
  <c r="IJO52" i="1" s="1"/>
  <c r="IJP52" i="1" s="1"/>
  <c r="IJQ52" i="1" s="1"/>
  <c r="IJR52" i="1" s="1"/>
  <c r="IJS52" i="1" s="1"/>
  <c r="IJT52" i="1" s="1"/>
  <c r="IJU52" i="1" s="1"/>
  <c r="IJV52" i="1" s="1"/>
  <c r="IJW52" i="1" s="1"/>
  <c r="IJX52" i="1" s="1"/>
  <c r="IJY52" i="1" s="1"/>
  <c r="IJZ52" i="1" s="1"/>
  <c r="IKA52" i="1" s="1"/>
  <c r="IKB52" i="1" s="1"/>
  <c r="IKC52" i="1" s="1"/>
  <c r="IKD52" i="1" s="1"/>
  <c r="IKE52" i="1" s="1"/>
  <c r="IKF52" i="1" s="1"/>
  <c r="IKG52" i="1" s="1"/>
  <c r="IKH52" i="1" s="1"/>
  <c r="IKI52" i="1" s="1"/>
  <c r="IKJ52" i="1" s="1"/>
  <c r="IKK52" i="1" s="1"/>
  <c r="IKL52" i="1" s="1"/>
  <c r="IKM52" i="1" s="1"/>
  <c r="IKN52" i="1" s="1"/>
  <c r="IKO52" i="1" s="1"/>
  <c r="IKP52" i="1" s="1"/>
  <c r="IKQ52" i="1" s="1"/>
  <c r="IKR52" i="1" s="1"/>
  <c r="IKS52" i="1" s="1"/>
  <c r="IKT52" i="1" s="1"/>
  <c r="IKU52" i="1" s="1"/>
  <c r="IKV52" i="1" s="1"/>
  <c r="IKW52" i="1" s="1"/>
  <c r="IKX52" i="1" s="1"/>
  <c r="IKY52" i="1" s="1"/>
  <c r="IKZ52" i="1" s="1"/>
  <c r="ILA52" i="1" s="1"/>
  <c r="ILB52" i="1" s="1"/>
  <c r="ILC52" i="1" s="1"/>
  <c r="ILD52" i="1" s="1"/>
  <c r="ILE52" i="1" s="1"/>
  <c r="ILF52" i="1" s="1"/>
  <c r="ILG52" i="1" s="1"/>
  <c r="ILH52" i="1" s="1"/>
  <c r="ILI52" i="1" s="1"/>
  <c r="ILJ52" i="1" s="1"/>
  <c r="ILK52" i="1" s="1"/>
  <c r="ILL52" i="1" s="1"/>
  <c r="ILM52" i="1" s="1"/>
  <c r="ILN52" i="1" s="1"/>
  <c r="ILO52" i="1" s="1"/>
  <c r="ILP52" i="1" s="1"/>
  <c r="ILQ52" i="1" s="1"/>
  <c r="ILR52" i="1" s="1"/>
  <c r="ILS52" i="1" s="1"/>
  <c r="ILT52" i="1" s="1"/>
  <c r="ILU52" i="1" s="1"/>
  <c r="ILV52" i="1" s="1"/>
  <c r="ILW52" i="1" s="1"/>
  <c r="ILX52" i="1" s="1"/>
  <c r="ILY52" i="1" s="1"/>
  <c r="ILZ52" i="1" s="1"/>
  <c r="IMA52" i="1" s="1"/>
  <c r="IMB52" i="1" s="1"/>
  <c r="IMC52" i="1" s="1"/>
  <c r="IMD52" i="1" s="1"/>
  <c r="IME52" i="1" s="1"/>
  <c r="IMF52" i="1" s="1"/>
  <c r="IMG52" i="1" s="1"/>
  <c r="IMH52" i="1" s="1"/>
  <c r="IMI52" i="1" s="1"/>
  <c r="IMJ52" i="1" s="1"/>
  <c r="IMK52" i="1" s="1"/>
  <c r="IML52" i="1" s="1"/>
  <c r="IMM52" i="1" s="1"/>
  <c r="IMN52" i="1" s="1"/>
  <c r="IMO52" i="1" s="1"/>
  <c r="IMP52" i="1" s="1"/>
  <c r="IMQ52" i="1" s="1"/>
  <c r="IMR52" i="1" s="1"/>
  <c r="IMS52" i="1" s="1"/>
  <c r="IMT52" i="1" s="1"/>
  <c r="IMU52" i="1" s="1"/>
  <c r="IMV52" i="1" s="1"/>
  <c r="IMW52" i="1" s="1"/>
  <c r="IMX52" i="1" s="1"/>
  <c r="IMY52" i="1" s="1"/>
  <c r="IMZ52" i="1" s="1"/>
  <c r="INA52" i="1" s="1"/>
  <c r="INB52" i="1" s="1"/>
  <c r="INC52" i="1" s="1"/>
  <c r="IND52" i="1" s="1"/>
  <c r="INE52" i="1" s="1"/>
  <c r="INF52" i="1" s="1"/>
  <c r="ING52" i="1" s="1"/>
  <c r="INH52" i="1" s="1"/>
  <c r="INI52" i="1" s="1"/>
  <c r="INJ52" i="1" s="1"/>
  <c r="INK52" i="1" s="1"/>
  <c r="INL52" i="1" s="1"/>
  <c r="INM52" i="1" s="1"/>
  <c r="INN52" i="1" s="1"/>
  <c r="INO52" i="1" s="1"/>
  <c r="INP52" i="1" s="1"/>
  <c r="INQ52" i="1" s="1"/>
  <c r="INR52" i="1" s="1"/>
  <c r="INS52" i="1" s="1"/>
  <c r="INT52" i="1" s="1"/>
  <c r="INU52" i="1" s="1"/>
  <c r="INV52" i="1" s="1"/>
  <c r="INW52" i="1" s="1"/>
  <c r="INX52" i="1" s="1"/>
  <c r="INY52" i="1" s="1"/>
  <c r="INZ52" i="1" s="1"/>
  <c r="IOA52" i="1" s="1"/>
  <c r="IOB52" i="1" s="1"/>
  <c r="IOC52" i="1" s="1"/>
  <c r="IOD52" i="1" s="1"/>
  <c r="IOE52" i="1" s="1"/>
  <c r="IOF52" i="1" s="1"/>
  <c r="IOG52" i="1" s="1"/>
  <c r="IOH52" i="1" s="1"/>
  <c r="IOI52" i="1" s="1"/>
  <c r="IOJ52" i="1" s="1"/>
  <c r="IOK52" i="1" s="1"/>
  <c r="IOL52" i="1" s="1"/>
  <c r="IOM52" i="1" s="1"/>
  <c r="ION52" i="1" s="1"/>
  <c r="IOO52" i="1" s="1"/>
  <c r="IOP52" i="1" s="1"/>
  <c r="IOQ52" i="1" s="1"/>
  <c r="IOR52" i="1" s="1"/>
  <c r="IOS52" i="1" s="1"/>
  <c r="IOT52" i="1" s="1"/>
  <c r="IOU52" i="1" s="1"/>
  <c r="IOV52" i="1" s="1"/>
  <c r="IOW52" i="1" s="1"/>
  <c r="IOX52" i="1" s="1"/>
  <c r="IOY52" i="1" s="1"/>
  <c r="IOZ52" i="1" s="1"/>
  <c r="IPA52" i="1" s="1"/>
  <c r="IPB52" i="1" s="1"/>
  <c r="IPC52" i="1" s="1"/>
  <c r="IPD52" i="1" s="1"/>
  <c r="IPE52" i="1" s="1"/>
  <c r="IPF52" i="1" s="1"/>
  <c r="IPG52" i="1" s="1"/>
  <c r="IPH52" i="1" s="1"/>
  <c r="IPI52" i="1" s="1"/>
  <c r="IPJ52" i="1" s="1"/>
  <c r="IPK52" i="1" s="1"/>
  <c r="IPL52" i="1" s="1"/>
  <c r="IPM52" i="1" s="1"/>
  <c r="IPN52" i="1" s="1"/>
  <c r="IPO52" i="1" s="1"/>
  <c r="IPP52" i="1" s="1"/>
  <c r="IPQ52" i="1" s="1"/>
  <c r="IPR52" i="1" s="1"/>
  <c r="IPS52" i="1" s="1"/>
  <c r="IPT52" i="1" s="1"/>
  <c r="IPU52" i="1" s="1"/>
  <c r="IPV52" i="1" s="1"/>
  <c r="IPW52" i="1" s="1"/>
  <c r="IPX52" i="1" s="1"/>
  <c r="IPY52" i="1" s="1"/>
  <c r="IPZ52" i="1" s="1"/>
  <c r="IQA52" i="1" s="1"/>
  <c r="IQB52" i="1" s="1"/>
  <c r="IQC52" i="1" s="1"/>
  <c r="IQD52" i="1" s="1"/>
  <c r="IQE52" i="1" s="1"/>
  <c r="IQF52" i="1" s="1"/>
  <c r="IQG52" i="1" s="1"/>
  <c r="IQH52" i="1" s="1"/>
  <c r="IQI52" i="1" s="1"/>
  <c r="IQJ52" i="1" s="1"/>
  <c r="IQK52" i="1" s="1"/>
  <c r="IQL52" i="1" s="1"/>
  <c r="IQM52" i="1" s="1"/>
  <c r="IQN52" i="1" s="1"/>
  <c r="IQO52" i="1" s="1"/>
  <c r="IQP52" i="1" s="1"/>
  <c r="IQQ52" i="1" s="1"/>
  <c r="IQR52" i="1" s="1"/>
  <c r="IQS52" i="1" s="1"/>
  <c r="IQT52" i="1" s="1"/>
  <c r="IQU52" i="1" s="1"/>
  <c r="IQV52" i="1" s="1"/>
  <c r="IQW52" i="1" s="1"/>
  <c r="IQX52" i="1" s="1"/>
  <c r="IQY52" i="1" s="1"/>
  <c r="IQZ52" i="1" s="1"/>
  <c r="IRA52" i="1" s="1"/>
  <c r="IRB52" i="1" s="1"/>
  <c r="IRC52" i="1" s="1"/>
  <c r="IRD52" i="1" s="1"/>
  <c r="IRE52" i="1" s="1"/>
  <c r="IRF52" i="1" s="1"/>
  <c r="IRG52" i="1" s="1"/>
  <c r="IRH52" i="1" s="1"/>
  <c r="IRI52" i="1" s="1"/>
  <c r="IRJ52" i="1" s="1"/>
  <c r="IRK52" i="1" s="1"/>
  <c r="IRL52" i="1" s="1"/>
  <c r="IRM52" i="1" s="1"/>
  <c r="IRN52" i="1" s="1"/>
  <c r="IRO52" i="1" s="1"/>
  <c r="IRP52" i="1" s="1"/>
  <c r="IRQ52" i="1" s="1"/>
  <c r="IRR52" i="1" s="1"/>
  <c r="IRS52" i="1" s="1"/>
  <c r="IRT52" i="1" s="1"/>
  <c r="IRU52" i="1" s="1"/>
  <c r="IRV52" i="1" s="1"/>
  <c r="IRW52" i="1" s="1"/>
  <c r="IRX52" i="1" s="1"/>
  <c r="IRY52" i="1" s="1"/>
  <c r="IRZ52" i="1" s="1"/>
  <c r="ISA52" i="1" s="1"/>
  <c r="ISB52" i="1" s="1"/>
  <c r="ISC52" i="1" s="1"/>
  <c r="ISD52" i="1" s="1"/>
  <c r="ISE52" i="1" s="1"/>
  <c r="ISF52" i="1" s="1"/>
  <c r="ISG52" i="1" s="1"/>
  <c r="ISH52" i="1" s="1"/>
  <c r="ISI52" i="1" s="1"/>
  <c r="ISJ52" i="1" s="1"/>
  <c r="ISK52" i="1" s="1"/>
  <c r="ISL52" i="1" s="1"/>
  <c r="ISM52" i="1" s="1"/>
  <c r="ISN52" i="1" s="1"/>
  <c r="ISO52" i="1" s="1"/>
  <c r="ISP52" i="1" s="1"/>
  <c r="ISQ52" i="1" s="1"/>
  <c r="ISR52" i="1" s="1"/>
  <c r="ISS52" i="1" s="1"/>
  <c r="IST52" i="1" s="1"/>
  <c r="ISU52" i="1" s="1"/>
  <c r="ISV52" i="1" s="1"/>
  <c r="ISW52" i="1" s="1"/>
  <c r="ISX52" i="1" s="1"/>
  <c r="ISY52" i="1" s="1"/>
  <c r="ISZ52" i="1" s="1"/>
  <c r="ITA52" i="1" s="1"/>
  <c r="ITB52" i="1" s="1"/>
  <c r="ITC52" i="1" s="1"/>
  <c r="ITD52" i="1" s="1"/>
  <c r="ITE52" i="1" s="1"/>
  <c r="ITF52" i="1" s="1"/>
  <c r="ITG52" i="1" s="1"/>
  <c r="ITH52" i="1" s="1"/>
  <c r="ITI52" i="1" s="1"/>
  <c r="ITJ52" i="1" s="1"/>
  <c r="ITK52" i="1" s="1"/>
  <c r="ITL52" i="1" s="1"/>
  <c r="ITM52" i="1" s="1"/>
  <c r="ITN52" i="1" s="1"/>
  <c r="ITO52" i="1" s="1"/>
  <c r="ITP52" i="1" s="1"/>
  <c r="ITQ52" i="1" s="1"/>
  <c r="ITR52" i="1" s="1"/>
  <c r="ITS52" i="1" s="1"/>
  <c r="ITT52" i="1" s="1"/>
  <c r="ITU52" i="1" s="1"/>
  <c r="ITV52" i="1" s="1"/>
  <c r="ITW52" i="1" s="1"/>
  <c r="ITX52" i="1" s="1"/>
  <c r="ITY52" i="1" s="1"/>
  <c r="ITZ52" i="1" s="1"/>
  <c r="IUA52" i="1" s="1"/>
  <c r="IUB52" i="1" s="1"/>
  <c r="IUC52" i="1" s="1"/>
  <c r="IUD52" i="1" s="1"/>
  <c r="IUE52" i="1" s="1"/>
  <c r="IUF52" i="1" s="1"/>
  <c r="IUG52" i="1" s="1"/>
  <c r="IUH52" i="1" s="1"/>
  <c r="IUI52" i="1" s="1"/>
  <c r="IUJ52" i="1" s="1"/>
  <c r="IUK52" i="1" s="1"/>
  <c r="IUL52" i="1" s="1"/>
  <c r="IUM52" i="1" s="1"/>
  <c r="IUN52" i="1" s="1"/>
  <c r="IUO52" i="1" s="1"/>
  <c r="IUP52" i="1" s="1"/>
  <c r="IUQ52" i="1" s="1"/>
  <c r="IUR52" i="1" s="1"/>
  <c r="IUS52" i="1" s="1"/>
  <c r="IUT52" i="1" s="1"/>
  <c r="IUU52" i="1" s="1"/>
  <c r="IUV52" i="1" s="1"/>
  <c r="IUW52" i="1" s="1"/>
  <c r="IUX52" i="1" s="1"/>
  <c r="IUY52" i="1" s="1"/>
  <c r="IUZ52" i="1" s="1"/>
  <c r="IVA52" i="1" s="1"/>
  <c r="IVB52" i="1" s="1"/>
  <c r="IVC52" i="1" s="1"/>
  <c r="IVD52" i="1" s="1"/>
  <c r="IVE52" i="1" s="1"/>
  <c r="IVF52" i="1" s="1"/>
  <c r="IVG52" i="1" s="1"/>
  <c r="IVH52" i="1" s="1"/>
  <c r="IVI52" i="1" s="1"/>
  <c r="IVJ52" i="1" s="1"/>
  <c r="IVK52" i="1" s="1"/>
  <c r="IVL52" i="1" s="1"/>
  <c r="IVM52" i="1" s="1"/>
  <c r="IVN52" i="1" s="1"/>
  <c r="IVO52" i="1" s="1"/>
  <c r="IVP52" i="1" s="1"/>
  <c r="IVQ52" i="1" s="1"/>
  <c r="IVR52" i="1" s="1"/>
  <c r="IVS52" i="1" s="1"/>
  <c r="IVT52" i="1" s="1"/>
  <c r="IVU52" i="1" s="1"/>
  <c r="IVV52" i="1" s="1"/>
  <c r="IVW52" i="1" s="1"/>
  <c r="IVX52" i="1" s="1"/>
  <c r="IVY52" i="1" s="1"/>
  <c r="IVZ52" i="1" s="1"/>
  <c r="IWA52" i="1" s="1"/>
  <c r="IWB52" i="1" s="1"/>
  <c r="IWC52" i="1" s="1"/>
  <c r="IWD52" i="1" s="1"/>
  <c r="IWE52" i="1" s="1"/>
  <c r="IWF52" i="1" s="1"/>
  <c r="IWG52" i="1" s="1"/>
  <c r="IWH52" i="1" s="1"/>
  <c r="IWI52" i="1" s="1"/>
  <c r="IWJ52" i="1" s="1"/>
  <c r="IWK52" i="1" s="1"/>
  <c r="IWL52" i="1" s="1"/>
  <c r="IWM52" i="1" s="1"/>
  <c r="IWN52" i="1" s="1"/>
  <c r="IWO52" i="1" s="1"/>
  <c r="IWP52" i="1" s="1"/>
  <c r="IWQ52" i="1" s="1"/>
  <c r="IWR52" i="1" s="1"/>
  <c r="IWS52" i="1" s="1"/>
  <c r="IWT52" i="1" s="1"/>
  <c r="IWU52" i="1" s="1"/>
  <c r="IWV52" i="1" s="1"/>
  <c r="IWW52" i="1" s="1"/>
  <c r="IWX52" i="1" s="1"/>
  <c r="IWY52" i="1" s="1"/>
  <c r="IWZ52" i="1" s="1"/>
  <c r="IXA52" i="1" s="1"/>
  <c r="IXB52" i="1" s="1"/>
  <c r="IXC52" i="1" s="1"/>
  <c r="IXD52" i="1" s="1"/>
  <c r="IXE52" i="1" s="1"/>
  <c r="IXF52" i="1" s="1"/>
  <c r="IXG52" i="1" s="1"/>
  <c r="IXH52" i="1" s="1"/>
  <c r="IXI52" i="1" s="1"/>
  <c r="IXJ52" i="1" s="1"/>
  <c r="IXK52" i="1" s="1"/>
  <c r="IXL52" i="1" s="1"/>
  <c r="IXM52" i="1" s="1"/>
  <c r="IXN52" i="1" s="1"/>
  <c r="IXO52" i="1" s="1"/>
  <c r="IXP52" i="1" s="1"/>
  <c r="IXQ52" i="1" s="1"/>
  <c r="IXR52" i="1" s="1"/>
  <c r="IXS52" i="1" s="1"/>
  <c r="IXT52" i="1" s="1"/>
  <c r="IXU52" i="1" s="1"/>
  <c r="IXV52" i="1" s="1"/>
  <c r="IXW52" i="1" s="1"/>
  <c r="IXX52" i="1" s="1"/>
  <c r="IXY52" i="1" s="1"/>
  <c r="IXZ52" i="1" s="1"/>
  <c r="IYA52" i="1" s="1"/>
  <c r="IYB52" i="1" s="1"/>
  <c r="IYC52" i="1" s="1"/>
  <c r="IYD52" i="1" s="1"/>
  <c r="IYE52" i="1" s="1"/>
  <c r="IYF52" i="1" s="1"/>
  <c r="IYG52" i="1" s="1"/>
  <c r="IYH52" i="1" s="1"/>
  <c r="IYI52" i="1" s="1"/>
  <c r="IYJ52" i="1" s="1"/>
  <c r="IYK52" i="1" s="1"/>
  <c r="IYL52" i="1" s="1"/>
  <c r="IYM52" i="1" s="1"/>
  <c r="IYN52" i="1" s="1"/>
  <c r="IYO52" i="1" s="1"/>
  <c r="IYP52" i="1" s="1"/>
  <c r="IYQ52" i="1" s="1"/>
  <c r="IYR52" i="1" s="1"/>
  <c r="IYS52" i="1" s="1"/>
  <c r="IYT52" i="1" s="1"/>
  <c r="IYU52" i="1" s="1"/>
  <c r="IYV52" i="1" s="1"/>
  <c r="IYW52" i="1" s="1"/>
  <c r="IYX52" i="1" s="1"/>
  <c r="IYY52" i="1" s="1"/>
  <c r="IYZ52" i="1" s="1"/>
  <c r="IZA52" i="1" s="1"/>
  <c r="IZB52" i="1" s="1"/>
  <c r="IZC52" i="1" s="1"/>
  <c r="IZD52" i="1" s="1"/>
  <c r="IZE52" i="1" s="1"/>
  <c r="IZF52" i="1" s="1"/>
  <c r="IZG52" i="1" s="1"/>
  <c r="IZH52" i="1" s="1"/>
  <c r="IZI52" i="1" s="1"/>
  <c r="IZJ52" i="1" s="1"/>
  <c r="IZK52" i="1" s="1"/>
  <c r="IZL52" i="1" s="1"/>
  <c r="IZM52" i="1" s="1"/>
  <c r="IZN52" i="1" s="1"/>
  <c r="IZO52" i="1" s="1"/>
  <c r="IZP52" i="1" s="1"/>
  <c r="IZQ52" i="1" s="1"/>
  <c r="IZR52" i="1" s="1"/>
  <c r="IZS52" i="1" s="1"/>
  <c r="IZT52" i="1" s="1"/>
  <c r="IZU52" i="1" s="1"/>
  <c r="IZV52" i="1" s="1"/>
  <c r="IZW52" i="1" s="1"/>
  <c r="IZX52" i="1" s="1"/>
  <c r="IZY52" i="1" s="1"/>
  <c r="IZZ52" i="1" s="1"/>
  <c r="JAA52" i="1" s="1"/>
  <c r="JAB52" i="1" s="1"/>
  <c r="JAC52" i="1" s="1"/>
  <c r="JAD52" i="1" s="1"/>
  <c r="JAE52" i="1" s="1"/>
  <c r="JAF52" i="1" s="1"/>
  <c r="JAG52" i="1" s="1"/>
  <c r="JAH52" i="1" s="1"/>
  <c r="JAI52" i="1" s="1"/>
  <c r="JAJ52" i="1" s="1"/>
  <c r="JAK52" i="1" s="1"/>
  <c r="JAL52" i="1" s="1"/>
  <c r="JAM52" i="1" s="1"/>
  <c r="JAN52" i="1" s="1"/>
  <c r="JAO52" i="1" s="1"/>
  <c r="JAP52" i="1" s="1"/>
  <c r="JAQ52" i="1" s="1"/>
  <c r="JAR52" i="1" s="1"/>
  <c r="JAS52" i="1" s="1"/>
  <c r="JAT52" i="1" s="1"/>
  <c r="JAU52" i="1" s="1"/>
  <c r="JAV52" i="1" s="1"/>
  <c r="JAW52" i="1" s="1"/>
  <c r="JAX52" i="1" s="1"/>
  <c r="JAY52" i="1" s="1"/>
  <c r="JAZ52" i="1" s="1"/>
  <c r="JBA52" i="1" s="1"/>
  <c r="JBB52" i="1" s="1"/>
  <c r="JBC52" i="1" s="1"/>
  <c r="JBD52" i="1" s="1"/>
  <c r="JBE52" i="1" s="1"/>
  <c r="JBF52" i="1" s="1"/>
  <c r="JBG52" i="1" s="1"/>
  <c r="JBH52" i="1" s="1"/>
  <c r="JBI52" i="1" s="1"/>
  <c r="JBJ52" i="1" s="1"/>
  <c r="JBK52" i="1" s="1"/>
  <c r="JBL52" i="1" s="1"/>
  <c r="JBM52" i="1" s="1"/>
  <c r="JBN52" i="1" s="1"/>
  <c r="JBO52" i="1" s="1"/>
  <c r="JBP52" i="1" s="1"/>
  <c r="JBQ52" i="1" s="1"/>
  <c r="JBR52" i="1" s="1"/>
  <c r="JBS52" i="1" s="1"/>
  <c r="JBT52" i="1" s="1"/>
  <c r="JBU52" i="1" s="1"/>
  <c r="JBV52" i="1" s="1"/>
  <c r="JBW52" i="1" s="1"/>
  <c r="JBX52" i="1" s="1"/>
  <c r="JBY52" i="1" s="1"/>
  <c r="JBZ52" i="1" s="1"/>
  <c r="JCA52" i="1" s="1"/>
  <c r="JCB52" i="1" s="1"/>
  <c r="JCC52" i="1" s="1"/>
  <c r="JCD52" i="1" s="1"/>
  <c r="JCE52" i="1" s="1"/>
  <c r="JCF52" i="1" s="1"/>
  <c r="JCG52" i="1" s="1"/>
  <c r="JCH52" i="1" s="1"/>
  <c r="JCI52" i="1" s="1"/>
  <c r="JCJ52" i="1" s="1"/>
  <c r="JCK52" i="1" s="1"/>
  <c r="JCL52" i="1" s="1"/>
  <c r="JCM52" i="1" s="1"/>
  <c r="JCN52" i="1" s="1"/>
  <c r="JCO52" i="1" s="1"/>
  <c r="JCP52" i="1" s="1"/>
  <c r="JCQ52" i="1" s="1"/>
  <c r="JCR52" i="1" s="1"/>
  <c r="JCS52" i="1" s="1"/>
  <c r="JCT52" i="1" s="1"/>
  <c r="JCU52" i="1" s="1"/>
  <c r="JCV52" i="1" s="1"/>
  <c r="JCW52" i="1" s="1"/>
  <c r="JCX52" i="1" s="1"/>
  <c r="JCY52" i="1" s="1"/>
  <c r="JCZ52" i="1" s="1"/>
  <c r="JDA52" i="1" s="1"/>
  <c r="JDB52" i="1" s="1"/>
  <c r="JDC52" i="1" s="1"/>
  <c r="JDD52" i="1" s="1"/>
  <c r="JDE52" i="1" s="1"/>
  <c r="JDF52" i="1" s="1"/>
  <c r="JDG52" i="1" s="1"/>
  <c r="JDH52" i="1" s="1"/>
  <c r="JDI52" i="1" s="1"/>
  <c r="JDJ52" i="1" s="1"/>
  <c r="JDK52" i="1" s="1"/>
  <c r="JDL52" i="1" s="1"/>
  <c r="JDM52" i="1" s="1"/>
  <c r="JDN52" i="1" s="1"/>
  <c r="JDO52" i="1" s="1"/>
  <c r="JDP52" i="1" s="1"/>
  <c r="JDQ52" i="1" s="1"/>
  <c r="JDR52" i="1" s="1"/>
  <c r="JDS52" i="1" s="1"/>
  <c r="JDT52" i="1" s="1"/>
  <c r="JDU52" i="1" s="1"/>
  <c r="JDV52" i="1" s="1"/>
  <c r="JDW52" i="1" s="1"/>
  <c r="JDX52" i="1" s="1"/>
  <c r="JDY52" i="1" s="1"/>
  <c r="JDZ52" i="1" s="1"/>
  <c r="JEA52" i="1" s="1"/>
  <c r="JEB52" i="1" s="1"/>
  <c r="JEC52" i="1" s="1"/>
  <c r="JED52" i="1" s="1"/>
  <c r="JEE52" i="1" s="1"/>
  <c r="JEF52" i="1" s="1"/>
  <c r="JEG52" i="1" s="1"/>
  <c r="JEH52" i="1" s="1"/>
  <c r="JEI52" i="1" s="1"/>
  <c r="JEJ52" i="1" s="1"/>
  <c r="JEK52" i="1" s="1"/>
  <c r="JEL52" i="1" s="1"/>
  <c r="JEM52" i="1" s="1"/>
  <c r="JEN52" i="1" s="1"/>
  <c r="JEO52" i="1" s="1"/>
  <c r="JEP52" i="1" s="1"/>
  <c r="JEQ52" i="1" s="1"/>
  <c r="JER52" i="1" s="1"/>
  <c r="JES52" i="1" s="1"/>
  <c r="JET52" i="1" s="1"/>
  <c r="JEU52" i="1" s="1"/>
  <c r="JEV52" i="1" s="1"/>
  <c r="JEW52" i="1" s="1"/>
  <c r="JEX52" i="1" s="1"/>
  <c r="JEY52" i="1" s="1"/>
  <c r="JEZ52" i="1" s="1"/>
  <c r="JFA52" i="1" s="1"/>
  <c r="JFB52" i="1" s="1"/>
  <c r="JFC52" i="1" s="1"/>
  <c r="JFD52" i="1" s="1"/>
  <c r="JFE52" i="1" s="1"/>
  <c r="JFF52" i="1" s="1"/>
  <c r="JFG52" i="1" s="1"/>
  <c r="JFH52" i="1" s="1"/>
  <c r="JFI52" i="1" s="1"/>
  <c r="JFJ52" i="1" s="1"/>
  <c r="JFK52" i="1" s="1"/>
  <c r="JFL52" i="1" s="1"/>
  <c r="JFM52" i="1" s="1"/>
  <c r="JFN52" i="1" s="1"/>
  <c r="JFO52" i="1" s="1"/>
  <c r="JFP52" i="1" s="1"/>
  <c r="JFQ52" i="1" s="1"/>
  <c r="JFR52" i="1" s="1"/>
  <c r="JFS52" i="1" s="1"/>
  <c r="JFT52" i="1" s="1"/>
  <c r="JFU52" i="1" s="1"/>
  <c r="JFV52" i="1" s="1"/>
  <c r="JFW52" i="1" s="1"/>
  <c r="JFX52" i="1" s="1"/>
  <c r="JFY52" i="1" s="1"/>
  <c r="JFZ52" i="1" s="1"/>
  <c r="JGA52" i="1" s="1"/>
  <c r="JGB52" i="1" s="1"/>
  <c r="JGC52" i="1" s="1"/>
  <c r="JGD52" i="1" s="1"/>
  <c r="JGE52" i="1" s="1"/>
  <c r="JGF52" i="1" s="1"/>
  <c r="JGG52" i="1" s="1"/>
  <c r="JGH52" i="1" s="1"/>
  <c r="JGI52" i="1" s="1"/>
  <c r="JGJ52" i="1" s="1"/>
  <c r="JGK52" i="1" s="1"/>
  <c r="JGL52" i="1" s="1"/>
  <c r="JGM52" i="1" s="1"/>
  <c r="JGN52" i="1" s="1"/>
  <c r="JGO52" i="1" s="1"/>
  <c r="JGP52" i="1" s="1"/>
  <c r="JGQ52" i="1" s="1"/>
  <c r="JGR52" i="1" s="1"/>
  <c r="JGS52" i="1" s="1"/>
  <c r="JGT52" i="1" s="1"/>
  <c r="JGU52" i="1" s="1"/>
  <c r="JGV52" i="1" s="1"/>
  <c r="JGW52" i="1" s="1"/>
  <c r="JGX52" i="1" s="1"/>
  <c r="JGY52" i="1" s="1"/>
  <c r="JGZ52" i="1" s="1"/>
  <c r="JHA52" i="1" s="1"/>
  <c r="JHB52" i="1" s="1"/>
  <c r="JHC52" i="1" s="1"/>
  <c r="JHD52" i="1" s="1"/>
  <c r="JHE52" i="1" s="1"/>
  <c r="JHF52" i="1" s="1"/>
  <c r="JHG52" i="1" s="1"/>
  <c r="JHH52" i="1" s="1"/>
  <c r="JHI52" i="1" s="1"/>
  <c r="JHJ52" i="1" s="1"/>
  <c r="JHK52" i="1" s="1"/>
  <c r="JHL52" i="1" s="1"/>
  <c r="JHM52" i="1" s="1"/>
  <c r="JHN52" i="1" s="1"/>
  <c r="JHO52" i="1" s="1"/>
  <c r="JHP52" i="1" s="1"/>
  <c r="JHQ52" i="1" s="1"/>
  <c r="JHR52" i="1" s="1"/>
  <c r="JHS52" i="1" s="1"/>
  <c r="JHT52" i="1" s="1"/>
  <c r="JHU52" i="1" s="1"/>
  <c r="JHV52" i="1" s="1"/>
  <c r="JHW52" i="1" s="1"/>
  <c r="JHX52" i="1" s="1"/>
  <c r="JHY52" i="1" s="1"/>
  <c r="JHZ52" i="1" s="1"/>
  <c r="JIA52" i="1" s="1"/>
  <c r="JIB52" i="1" s="1"/>
  <c r="JIC52" i="1" s="1"/>
  <c r="JID52" i="1" s="1"/>
  <c r="JIE52" i="1" s="1"/>
  <c r="JIF52" i="1" s="1"/>
  <c r="JIG52" i="1" s="1"/>
  <c r="JIH52" i="1" s="1"/>
  <c r="JII52" i="1" s="1"/>
  <c r="JIJ52" i="1" s="1"/>
  <c r="JIK52" i="1" s="1"/>
  <c r="JIL52" i="1" s="1"/>
  <c r="JIM52" i="1" s="1"/>
  <c r="JIN52" i="1" s="1"/>
  <c r="JIO52" i="1" s="1"/>
  <c r="JIP52" i="1" s="1"/>
  <c r="JIQ52" i="1" s="1"/>
  <c r="JIR52" i="1" s="1"/>
  <c r="JIS52" i="1" s="1"/>
  <c r="JIT52" i="1" s="1"/>
  <c r="JIU52" i="1" s="1"/>
  <c r="JIV52" i="1" s="1"/>
  <c r="JIW52" i="1" s="1"/>
  <c r="JIX52" i="1" s="1"/>
  <c r="JIY52" i="1" s="1"/>
  <c r="JIZ52" i="1" s="1"/>
  <c r="JJA52" i="1" s="1"/>
  <c r="JJB52" i="1" s="1"/>
  <c r="JJC52" i="1" s="1"/>
  <c r="JJD52" i="1" s="1"/>
  <c r="JJE52" i="1" s="1"/>
  <c r="JJF52" i="1" s="1"/>
  <c r="JJG52" i="1" s="1"/>
  <c r="JJH52" i="1" s="1"/>
  <c r="JJI52" i="1" s="1"/>
  <c r="JJJ52" i="1" s="1"/>
  <c r="JJK52" i="1" s="1"/>
  <c r="JJL52" i="1" s="1"/>
  <c r="JJM52" i="1" s="1"/>
  <c r="JJN52" i="1" s="1"/>
  <c r="JJO52" i="1" s="1"/>
  <c r="JJP52" i="1" s="1"/>
  <c r="JJQ52" i="1" s="1"/>
  <c r="JJR52" i="1" s="1"/>
  <c r="JJS52" i="1" s="1"/>
  <c r="JJT52" i="1" s="1"/>
  <c r="JJU52" i="1" s="1"/>
  <c r="JJV52" i="1" s="1"/>
  <c r="JJW52" i="1" s="1"/>
  <c r="JJX52" i="1" s="1"/>
  <c r="JJY52" i="1" s="1"/>
  <c r="JJZ52" i="1" s="1"/>
  <c r="JKA52" i="1" s="1"/>
  <c r="JKB52" i="1" s="1"/>
  <c r="JKC52" i="1" s="1"/>
  <c r="JKD52" i="1" s="1"/>
  <c r="JKE52" i="1" s="1"/>
  <c r="JKF52" i="1" s="1"/>
  <c r="JKG52" i="1" s="1"/>
  <c r="JKH52" i="1" s="1"/>
  <c r="JKI52" i="1" s="1"/>
  <c r="JKJ52" i="1" s="1"/>
  <c r="JKK52" i="1" s="1"/>
  <c r="JKL52" i="1" s="1"/>
  <c r="JKM52" i="1" s="1"/>
  <c r="JKN52" i="1" s="1"/>
  <c r="JKO52" i="1" s="1"/>
  <c r="JKP52" i="1" s="1"/>
  <c r="JKQ52" i="1" s="1"/>
  <c r="JKR52" i="1" s="1"/>
  <c r="JKS52" i="1" s="1"/>
  <c r="JKT52" i="1" s="1"/>
  <c r="JKU52" i="1" s="1"/>
  <c r="JKV52" i="1" s="1"/>
  <c r="JKW52" i="1" s="1"/>
  <c r="JKX52" i="1" s="1"/>
  <c r="JKY52" i="1" s="1"/>
  <c r="JKZ52" i="1" s="1"/>
  <c r="JLA52" i="1" s="1"/>
  <c r="JLB52" i="1" s="1"/>
  <c r="JLC52" i="1" s="1"/>
  <c r="JLD52" i="1" s="1"/>
  <c r="JLE52" i="1" s="1"/>
  <c r="JLF52" i="1" s="1"/>
  <c r="JLG52" i="1" s="1"/>
  <c r="JLH52" i="1" s="1"/>
  <c r="JLI52" i="1" s="1"/>
  <c r="JLJ52" i="1" s="1"/>
  <c r="JLK52" i="1" s="1"/>
  <c r="JLL52" i="1" s="1"/>
  <c r="JLM52" i="1" s="1"/>
  <c r="JLN52" i="1" s="1"/>
  <c r="JLO52" i="1" s="1"/>
  <c r="JLP52" i="1" s="1"/>
  <c r="JLQ52" i="1" s="1"/>
  <c r="JLR52" i="1" s="1"/>
  <c r="JLS52" i="1" s="1"/>
  <c r="JLT52" i="1" s="1"/>
  <c r="JLU52" i="1" s="1"/>
  <c r="JLV52" i="1" s="1"/>
  <c r="JLW52" i="1" s="1"/>
  <c r="JLX52" i="1" s="1"/>
  <c r="JLY52" i="1" s="1"/>
  <c r="JLZ52" i="1" s="1"/>
  <c r="JMA52" i="1" s="1"/>
  <c r="JMB52" i="1" s="1"/>
  <c r="JMC52" i="1" s="1"/>
  <c r="JMD52" i="1" s="1"/>
  <c r="JME52" i="1" s="1"/>
  <c r="JMF52" i="1" s="1"/>
  <c r="JMG52" i="1" s="1"/>
  <c r="JMH52" i="1" s="1"/>
  <c r="JMI52" i="1" s="1"/>
  <c r="JMJ52" i="1" s="1"/>
  <c r="JMK52" i="1" s="1"/>
  <c r="JML52" i="1" s="1"/>
  <c r="JMM52" i="1" s="1"/>
  <c r="JMN52" i="1" s="1"/>
  <c r="JMO52" i="1" s="1"/>
  <c r="JMP52" i="1" s="1"/>
  <c r="JMQ52" i="1" s="1"/>
  <c r="JMR52" i="1" s="1"/>
  <c r="JMS52" i="1" s="1"/>
  <c r="JMT52" i="1" s="1"/>
  <c r="JMU52" i="1" s="1"/>
  <c r="JMV52" i="1" s="1"/>
  <c r="JMW52" i="1" s="1"/>
  <c r="JMX52" i="1" s="1"/>
  <c r="JMY52" i="1" s="1"/>
  <c r="JMZ52" i="1" s="1"/>
  <c r="JNA52" i="1" s="1"/>
  <c r="JNB52" i="1" s="1"/>
  <c r="JNC52" i="1" s="1"/>
  <c r="JND52" i="1" s="1"/>
  <c r="JNE52" i="1" s="1"/>
  <c r="JNF52" i="1" s="1"/>
  <c r="JNG52" i="1" s="1"/>
  <c r="JNH52" i="1" s="1"/>
  <c r="JNI52" i="1" s="1"/>
  <c r="JNJ52" i="1" s="1"/>
  <c r="JNK52" i="1" s="1"/>
  <c r="JNL52" i="1" s="1"/>
  <c r="JNM52" i="1" s="1"/>
  <c r="JNN52" i="1" s="1"/>
  <c r="JNO52" i="1" s="1"/>
  <c r="JNP52" i="1" s="1"/>
  <c r="JNQ52" i="1" s="1"/>
  <c r="JNR52" i="1" s="1"/>
  <c r="JNS52" i="1" s="1"/>
  <c r="JNT52" i="1" s="1"/>
  <c r="JNU52" i="1" s="1"/>
  <c r="JNV52" i="1" s="1"/>
  <c r="JNW52" i="1" s="1"/>
  <c r="JNX52" i="1" s="1"/>
  <c r="JNY52" i="1" s="1"/>
  <c r="JNZ52" i="1" s="1"/>
  <c r="JOA52" i="1" s="1"/>
  <c r="JOB52" i="1" s="1"/>
  <c r="JOC52" i="1" s="1"/>
  <c r="JOD52" i="1" s="1"/>
  <c r="JOE52" i="1" s="1"/>
  <c r="JOF52" i="1" s="1"/>
  <c r="JOG52" i="1" s="1"/>
  <c r="JOH52" i="1" s="1"/>
  <c r="JOI52" i="1" s="1"/>
  <c r="JOJ52" i="1" s="1"/>
  <c r="JOK52" i="1" s="1"/>
  <c r="JOL52" i="1" s="1"/>
  <c r="JOM52" i="1" s="1"/>
  <c r="JON52" i="1" s="1"/>
  <c r="JOO52" i="1" s="1"/>
  <c r="JOP52" i="1" s="1"/>
  <c r="JOQ52" i="1" s="1"/>
  <c r="JOR52" i="1" s="1"/>
  <c r="JOS52" i="1" s="1"/>
  <c r="JOT52" i="1" s="1"/>
  <c r="JOU52" i="1" s="1"/>
  <c r="JOV52" i="1" s="1"/>
  <c r="JOW52" i="1" s="1"/>
  <c r="JOX52" i="1" s="1"/>
  <c r="JOY52" i="1" s="1"/>
  <c r="JOZ52" i="1" s="1"/>
  <c r="JPA52" i="1" s="1"/>
  <c r="JPB52" i="1" s="1"/>
  <c r="JPC52" i="1" s="1"/>
  <c r="JPD52" i="1" s="1"/>
  <c r="JPE52" i="1" s="1"/>
  <c r="JPF52" i="1" s="1"/>
  <c r="JPG52" i="1" s="1"/>
  <c r="JPH52" i="1" s="1"/>
  <c r="JPI52" i="1" s="1"/>
  <c r="JPJ52" i="1" s="1"/>
  <c r="JPK52" i="1" s="1"/>
  <c r="JPL52" i="1" s="1"/>
  <c r="JPM52" i="1" s="1"/>
  <c r="JPN52" i="1" s="1"/>
  <c r="JPO52" i="1" s="1"/>
  <c r="JPP52" i="1" s="1"/>
  <c r="JPQ52" i="1" s="1"/>
  <c r="JPR52" i="1" s="1"/>
  <c r="JPS52" i="1" s="1"/>
  <c r="JPT52" i="1" s="1"/>
  <c r="JPU52" i="1" s="1"/>
  <c r="JPV52" i="1" s="1"/>
  <c r="JPW52" i="1" s="1"/>
  <c r="JPX52" i="1" s="1"/>
  <c r="JPY52" i="1" s="1"/>
  <c r="JPZ52" i="1" s="1"/>
  <c r="JQA52" i="1" s="1"/>
  <c r="JQB52" i="1" s="1"/>
  <c r="JQC52" i="1" s="1"/>
  <c r="JQD52" i="1" s="1"/>
  <c r="JQE52" i="1" s="1"/>
  <c r="JQF52" i="1" s="1"/>
  <c r="JQG52" i="1" s="1"/>
  <c r="JQH52" i="1" s="1"/>
  <c r="JQI52" i="1" s="1"/>
  <c r="JQJ52" i="1" s="1"/>
  <c r="JQK52" i="1" s="1"/>
  <c r="JQL52" i="1" s="1"/>
  <c r="JQM52" i="1" s="1"/>
  <c r="JQN52" i="1" s="1"/>
  <c r="JQO52" i="1" s="1"/>
  <c r="JQP52" i="1" s="1"/>
  <c r="JQQ52" i="1" s="1"/>
  <c r="JQR52" i="1" s="1"/>
  <c r="JQS52" i="1" s="1"/>
  <c r="JQT52" i="1" s="1"/>
  <c r="JQU52" i="1" s="1"/>
  <c r="JQV52" i="1" s="1"/>
  <c r="JQW52" i="1" s="1"/>
  <c r="JQX52" i="1" s="1"/>
  <c r="JQY52" i="1" s="1"/>
  <c r="JQZ52" i="1" s="1"/>
  <c r="JRA52" i="1" s="1"/>
  <c r="JRB52" i="1" s="1"/>
  <c r="JRC52" i="1" s="1"/>
  <c r="JRD52" i="1" s="1"/>
  <c r="JRE52" i="1" s="1"/>
  <c r="JRF52" i="1" s="1"/>
  <c r="JRG52" i="1" s="1"/>
  <c r="JRH52" i="1" s="1"/>
  <c r="JRI52" i="1" s="1"/>
  <c r="JRJ52" i="1" s="1"/>
  <c r="JRK52" i="1" s="1"/>
  <c r="JRL52" i="1" s="1"/>
  <c r="JRM52" i="1" s="1"/>
  <c r="JRN52" i="1" s="1"/>
  <c r="JRO52" i="1" s="1"/>
  <c r="JRP52" i="1" s="1"/>
  <c r="JRQ52" i="1" s="1"/>
  <c r="JRR52" i="1" s="1"/>
  <c r="JRS52" i="1" s="1"/>
  <c r="JRT52" i="1" s="1"/>
  <c r="JRU52" i="1" s="1"/>
  <c r="JRV52" i="1" s="1"/>
  <c r="JRW52" i="1" s="1"/>
  <c r="JRX52" i="1" s="1"/>
  <c r="JRY52" i="1" s="1"/>
  <c r="JRZ52" i="1" s="1"/>
  <c r="JSA52" i="1" s="1"/>
  <c r="JSB52" i="1" s="1"/>
  <c r="JSC52" i="1" s="1"/>
  <c r="JSD52" i="1" s="1"/>
  <c r="JSE52" i="1" s="1"/>
  <c r="JSF52" i="1" s="1"/>
  <c r="JSG52" i="1" s="1"/>
  <c r="JSH52" i="1" s="1"/>
  <c r="JSI52" i="1" s="1"/>
  <c r="JSJ52" i="1" s="1"/>
  <c r="JSK52" i="1" s="1"/>
  <c r="JSL52" i="1" s="1"/>
  <c r="JSM52" i="1" s="1"/>
  <c r="JSN52" i="1" s="1"/>
  <c r="JSO52" i="1" s="1"/>
  <c r="JSP52" i="1" s="1"/>
  <c r="JSQ52" i="1" s="1"/>
  <c r="JSR52" i="1" s="1"/>
  <c r="JSS52" i="1" s="1"/>
  <c r="JST52" i="1" s="1"/>
  <c r="JSU52" i="1" s="1"/>
  <c r="JSV52" i="1" s="1"/>
  <c r="JSW52" i="1" s="1"/>
  <c r="JSX52" i="1" s="1"/>
  <c r="JSY52" i="1" s="1"/>
  <c r="JSZ52" i="1" s="1"/>
  <c r="JTA52" i="1" s="1"/>
  <c r="JTB52" i="1" s="1"/>
  <c r="JTC52" i="1" s="1"/>
  <c r="JTD52" i="1" s="1"/>
  <c r="JTE52" i="1" s="1"/>
  <c r="JTF52" i="1" s="1"/>
  <c r="JTG52" i="1" s="1"/>
  <c r="JTH52" i="1" s="1"/>
  <c r="JTI52" i="1" s="1"/>
  <c r="JTJ52" i="1" s="1"/>
  <c r="JTK52" i="1" s="1"/>
  <c r="JTL52" i="1" s="1"/>
  <c r="JTM52" i="1" s="1"/>
  <c r="JTN52" i="1" s="1"/>
  <c r="JTO52" i="1" s="1"/>
  <c r="JTP52" i="1" s="1"/>
  <c r="JTQ52" i="1" s="1"/>
  <c r="JTR52" i="1" s="1"/>
  <c r="JTS52" i="1" s="1"/>
  <c r="JTT52" i="1" s="1"/>
  <c r="JTU52" i="1" s="1"/>
  <c r="JTV52" i="1" s="1"/>
  <c r="JTW52" i="1" s="1"/>
  <c r="JTX52" i="1" s="1"/>
  <c r="JTY52" i="1" s="1"/>
  <c r="JTZ52" i="1" s="1"/>
  <c r="JUA52" i="1" s="1"/>
  <c r="JUB52" i="1" s="1"/>
  <c r="JUC52" i="1" s="1"/>
  <c r="JUD52" i="1" s="1"/>
  <c r="JUE52" i="1" s="1"/>
  <c r="JUF52" i="1" s="1"/>
  <c r="JUG52" i="1" s="1"/>
  <c r="JUH52" i="1" s="1"/>
  <c r="JUI52" i="1" s="1"/>
  <c r="JUJ52" i="1" s="1"/>
  <c r="JUK52" i="1" s="1"/>
  <c r="JUL52" i="1" s="1"/>
  <c r="JUM52" i="1" s="1"/>
  <c r="JUN52" i="1" s="1"/>
  <c r="JUO52" i="1" s="1"/>
  <c r="JUP52" i="1" s="1"/>
  <c r="JUQ52" i="1" s="1"/>
  <c r="JUR52" i="1" s="1"/>
  <c r="JUS52" i="1" s="1"/>
  <c r="JUT52" i="1" s="1"/>
  <c r="JUU52" i="1" s="1"/>
  <c r="JUV52" i="1" s="1"/>
  <c r="JUW52" i="1" s="1"/>
  <c r="JUX52" i="1" s="1"/>
  <c r="JUY52" i="1" s="1"/>
  <c r="JUZ52" i="1" s="1"/>
  <c r="JVA52" i="1" s="1"/>
  <c r="JVB52" i="1" s="1"/>
  <c r="JVC52" i="1" s="1"/>
  <c r="JVD52" i="1" s="1"/>
  <c r="JVE52" i="1" s="1"/>
  <c r="JVF52" i="1" s="1"/>
  <c r="JVG52" i="1" s="1"/>
  <c r="JVH52" i="1" s="1"/>
  <c r="JVI52" i="1" s="1"/>
  <c r="JVJ52" i="1" s="1"/>
  <c r="JVK52" i="1" s="1"/>
  <c r="JVL52" i="1" s="1"/>
  <c r="JVM52" i="1" s="1"/>
  <c r="JVN52" i="1" s="1"/>
  <c r="JVO52" i="1" s="1"/>
  <c r="JVP52" i="1" s="1"/>
  <c r="JVQ52" i="1" s="1"/>
  <c r="JVR52" i="1" s="1"/>
  <c r="JVS52" i="1" s="1"/>
  <c r="JVT52" i="1" s="1"/>
  <c r="JVU52" i="1" s="1"/>
  <c r="JVV52" i="1" s="1"/>
  <c r="JVW52" i="1" s="1"/>
  <c r="JVX52" i="1" s="1"/>
  <c r="JVY52" i="1" s="1"/>
  <c r="JVZ52" i="1" s="1"/>
  <c r="JWA52" i="1" s="1"/>
  <c r="JWB52" i="1" s="1"/>
  <c r="JWC52" i="1" s="1"/>
  <c r="JWD52" i="1" s="1"/>
  <c r="JWE52" i="1" s="1"/>
  <c r="JWF52" i="1" s="1"/>
  <c r="JWG52" i="1" s="1"/>
  <c r="JWH52" i="1" s="1"/>
  <c r="JWI52" i="1" s="1"/>
  <c r="JWJ52" i="1" s="1"/>
  <c r="JWK52" i="1" s="1"/>
  <c r="JWL52" i="1" s="1"/>
  <c r="JWM52" i="1" s="1"/>
  <c r="JWN52" i="1" s="1"/>
  <c r="JWO52" i="1" s="1"/>
  <c r="JWP52" i="1" s="1"/>
  <c r="JWQ52" i="1" s="1"/>
  <c r="JWR52" i="1" s="1"/>
  <c r="JWS52" i="1" s="1"/>
  <c r="JWT52" i="1" s="1"/>
  <c r="JWU52" i="1" s="1"/>
  <c r="JWV52" i="1" s="1"/>
  <c r="JWW52" i="1" s="1"/>
  <c r="JWX52" i="1" s="1"/>
  <c r="JWY52" i="1" s="1"/>
  <c r="JWZ52" i="1" s="1"/>
  <c r="JXA52" i="1" s="1"/>
  <c r="JXB52" i="1" s="1"/>
  <c r="JXC52" i="1" s="1"/>
  <c r="JXD52" i="1" s="1"/>
  <c r="JXE52" i="1" s="1"/>
  <c r="JXF52" i="1" s="1"/>
  <c r="JXG52" i="1" s="1"/>
  <c r="JXH52" i="1" s="1"/>
  <c r="JXI52" i="1" s="1"/>
  <c r="JXJ52" i="1" s="1"/>
  <c r="JXK52" i="1" s="1"/>
  <c r="JXL52" i="1" s="1"/>
  <c r="JXM52" i="1" s="1"/>
  <c r="JXN52" i="1" s="1"/>
  <c r="JXO52" i="1" s="1"/>
  <c r="JXP52" i="1" s="1"/>
  <c r="JXQ52" i="1" s="1"/>
  <c r="JXR52" i="1" s="1"/>
  <c r="JXS52" i="1" s="1"/>
  <c r="JXT52" i="1" s="1"/>
  <c r="JXU52" i="1" s="1"/>
  <c r="JXV52" i="1" s="1"/>
  <c r="JXW52" i="1" s="1"/>
  <c r="JXX52" i="1" s="1"/>
  <c r="JXY52" i="1" s="1"/>
  <c r="JXZ52" i="1" s="1"/>
  <c r="JYA52" i="1" s="1"/>
  <c r="JYB52" i="1" s="1"/>
  <c r="JYC52" i="1" s="1"/>
  <c r="JYD52" i="1" s="1"/>
  <c r="JYE52" i="1" s="1"/>
  <c r="JYF52" i="1" s="1"/>
  <c r="JYG52" i="1" s="1"/>
  <c r="JYH52" i="1" s="1"/>
  <c r="JYI52" i="1" s="1"/>
  <c r="JYJ52" i="1" s="1"/>
  <c r="JYK52" i="1" s="1"/>
  <c r="JYL52" i="1" s="1"/>
  <c r="JYM52" i="1" s="1"/>
  <c r="JYN52" i="1" s="1"/>
  <c r="JYO52" i="1" s="1"/>
  <c r="JYP52" i="1" s="1"/>
  <c r="JYQ52" i="1" s="1"/>
  <c r="JYR52" i="1" s="1"/>
  <c r="JYS52" i="1" s="1"/>
  <c r="JYT52" i="1" s="1"/>
  <c r="JYU52" i="1" s="1"/>
  <c r="JYV52" i="1" s="1"/>
  <c r="JYW52" i="1" s="1"/>
  <c r="JYX52" i="1" s="1"/>
  <c r="JYY52" i="1" s="1"/>
  <c r="JYZ52" i="1" s="1"/>
  <c r="JZA52" i="1" s="1"/>
  <c r="JZB52" i="1" s="1"/>
  <c r="JZC52" i="1" s="1"/>
  <c r="JZD52" i="1" s="1"/>
  <c r="JZE52" i="1" s="1"/>
  <c r="JZF52" i="1" s="1"/>
  <c r="JZG52" i="1" s="1"/>
  <c r="JZH52" i="1" s="1"/>
  <c r="JZI52" i="1" s="1"/>
  <c r="JZJ52" i="1" s="1"/>
  <c r="JZK52" i="1" s="1"/>
  <c r="JZL52" i="1" s="1"/>
  <c r="JZM52" i="1" s="1"/>
  <c r="JZN52" i="1" s="1"/>
  <c r="JZO52" i="1" s="1"/>
  <c r="JZP52" i="1" s="1"/>
  <c r="JZQ52" i="1" s="1"/>
  <c r="JZR52" i="1" s="1"/>
  <c r="JZS52" i="1" s="1"/>
  <c r="JZT52" i="1" s="1"/>
  <c r="JZU52" i="1" s="1"/>
  <c r="JZV52" i="1" s="1"/>
  <c r="JZW52" i="1" s="1"/>
  <c r="JZX52" i="1" s="1"/>
  <c r="JZY52" i="1" s="1"/>
  <c r="JZZ52" i="1" s="1"/>
  <c r="KAA52" i="1" s="1"/>
  <c r="KAB52" i="1" s="1"/>
  <c r="KAC52" i="1" s="1"/>
  <c r="KAD52" i="1" s="1"/>
  <c r="KAE52" i="1" s="1"/>
  <c r="KAF52" i="1" s="1"/>
  <c r="KAG52" i="1" s="1"/>
  <c r="KAH52" i="1" s="1"/>
  <c r="KAI52" i="1" s="1"/>
  <c r="KAJ52" i="1" s="1"/>
  <c r="KAK52" i="1" s="1"/>
  <c r="KAL52" i="1" s="1"/>
  <c r="KAM52" i="1" s="1"/>
  <c r="KAN52" i="1" s="1"/>
  <c r="KAO52" i="1" s="1"/>
  <c r="KAP52" i="1" s="1"/>
  <c r="KAQ52" i="1" s="1"/>
  <c r="KAR52" i="1" s="1"/>
  <c r="KAS52" i="1" s="1"/>
  <c r="KAT52" i="1" s="1"/>
  <c r="KAU52" i="1" s="1"/>
  <c r="KAV52" i="1" s="1"/>
  <c r="KAW52" i="1" s="1"/>
  <c r="KAX52" i="1" s="1"/>
  <c r="KAY52" i="1" s="1"/>
  <c r="KAZ52" i="1" s="1"/>
  <c r="KBA52" i="1" s="1"/>
  <c r="KBB52" i="1" s="1"/>
  <c r="KBC52" i="1" s="1"/>
  <c r="KBD52" i="1" s="1"/>
  <c r="KBE52" i="1" s="1"/>
  <c r="KBF52" i="1" s="1"/>
  <c r="KBG52" i="1" s="1"/>
  <c r="KBH52" i="1" s="1"/>
  <c r="KBI52" i="1" s="1"/>
  <c r="KBJ52" i="1" s="1"/>
  <c r="KBK52" i="1" s="1"/>
  <c r="KBL52" i="1" s="1"/>
  <c r="KBM52" i="1" s="1"/>
  <c r="KBN52" i="1" s="1"/>
  <c r="KBO52" i="1" s="1"/>
  <c r="KBP52" i="1" s="1"/>
  <c r="KBQ52" i="1" s="1"/>
  <c r="KBR52" i="1" s="1"/>
  <c r="KBS52" i="1" s="1"/>
  <c r="KBT52" i="1" s="1"/>
  <c r="KBU52" i="1" s="1"/>
  <c r="KBV52" i="1" s="1"/>
  <c r="KBW52" i="1" s="1"/>
  <c r="KBX52" i="1" s="1"/>
  <c r="KBY52" i="1" s="1"/>
  <c r="KBZ52" i="1" s="1"/>
  <c r="KCA52" i="1" s="1"/>
  <c r="KCB52" i="1" s="1"/>
  <c r="KCC52" i="1" s="1"/>
  <c r="KCD52" i="1" s="1"/>
  <c r="KCE52" i="1" s="1"/>
  <c r="KCF52" i="1" s="1"/>
  <c r="KCG52" i="1" s="1"/>
  <c r="KCH52" i="1" s="1"/>
  <c r="KCI52" i="1" s="1"/>
  <c r="KCJ52" i="1" s="1"/>
  <c r="KCK52" i="1" s="1"/>
  <c r="KCL52" i="1" s="1"/>
  <c r="KCM52" i="1" s="1"/>
  <c r="KCN52" i="1" s="1"/>
  <c r="KCO52" i="1" s="1"/>
  <c r="KCP52" i="1" s="1"/>
  <c r="KCQ52" i="1" s="1"/>
  <c r="KCR52" i="1" s="1"/>
  <c r="KCS52" i="1" s="1"/>
  <c r="KCT52" i="1" s="1"/>
  <c r="KCU52" i="1" s="1"/>
  <c r="KCV52" i="1" s="1"/>
  <c r="KCW52" i="1" s="1"/>
  <c r="KCX52" i="1" s="1"/>
  <c r="KCY52" i="1" s="1"/>
  <c r="KCZ52" i="1" s="1"/>
  <c r="KDA52" i="1" s="1"/>
  <c r="KDB52" i="1" s="1"/>
  <c r="KDC52" i="1" s="1"/>
  <c r="KDD52" i="1" s="1"/>
  <c r="KDE52" i="1" s="1"/>
  <c r="KDF52" i="1" s="1"/>
  <c r="KDG52" i="1" s="1"/>
  <c r="KDH52" i="1" s="1"/>
  <c r="KDI52" i="1" s="1"/>
  <c r="KDJ52" i="1" s="1"/>
  <c r="KDK52" i="1" s="1"/>
  <c r="KDL52" i="1" s="1"/>
  <c r="KDM52" i="1" s="1"/>
  <c r="KDN52" i="1" s="1"/>
  <c r="KDO52" i="1" s="1"/>
  <c r="KDP52" i="1" s="1"/>
  <c r="KDQ52" i="1" s="1"/>
  <c r="KDR52" i="1" s="1"/>
  <c r="KDS52" i="1" s="1"/>
  <c r="KDT52" i="1" s="1"/>
  <c r="KDU52" i="1" s="1"/>
  <c r="KDV52" i="1" s="1"/>
  <c r="KDW52" i="1" s="1"/>
  <c r="KDX52" i="1" s="1"/>
  <c r="KDY52" i="1" s="1"/>
  <c r="KDZ52" i="1" s="1"/>
  <c r="KEA52" i="1" s="1"/>
  <c r="KEB52" i="1" s="1"/>
  <c r="KEC52" i="1" s="1"/>
  <c r="KED52" i="1" s="1"/>
  <c r="KEE52" i="1" s="1"/>
  <c r="KEF52" i="1" s="1"/>
  <c r="KEG52" i="1" s="1"/>
  <c r="KEH52" i="1" s="1"/>
  <c r="KEI52" i="1" s="1"/>
  <c r="KEJ52" i="1" s="1"/>
  <c r="KEK52" i="1" s="1"/>
  <c r="KEL52" i="1" s="1"/>
  <c r="KEM52" i="1" s="1"/>
  <c r="KEN52" i="1" s="1"/>
  <c r="KEO52" i="1" s="1"/>
  <c r="KEP52" i="1" s="1"/>
  <c r="KEQ52" i="1" s="1"/>
  <c r="KER52" i="1" s="1"/>
  <c r="KES52" i="1" s="1"/>
  <c r="KET52" i="1" s="1"/>
  <c r="KEU52" i="1" s="1"/>
  <c r="KEV52" i="1" s="1"/>
  <c r="KEW52" i="1" s="1"/>
  <c r="KEX52" i="1" s="1"/>
  <c r="KEY52" i="1" s="1"/>
  <c r="KEZ52" i="1" s="1"/>
  <c r="KFA52" i="1" s="1"/>
  <c r="KFB52" i="1" s="1"/>
  <c r="KFC52" i="1" s="1"/>
  <c r="KFD52" i="1" s="1"/>
  <c r="KFE52" i="1" s="1"/>
  <c r="KFF52" i="1" s="1"/>
  <c r="KFG52" i="1" s="1"/>
  <c r="KFH52" i="1" s="1"/>
  <c r="KFI52" i="1" s="1"/>
  <c r="KFJ52" i="1" s="1"/>
  <c r="KFK52" i="1" s="1"/>
  <c r="KFL52" i="1" s="1"/>
  <c r="KFM52" i="1" s="1"/>
  <c r="KFN52" i="1" s="1"/>
  <c r="KFO52" i="1" s="1"/>
  <c r="KFP52" i="1" s="1"/>
  <c r="KFQ52" i="1" s="1"/>
  <c r="KFR52" i="1" s="1"/>
  <c r="KFS52" i="1" s="1"/>
  <c r="KFT52" i="1" s="1"/>
  <c r="KFU52" i="1" s="1"/>
  <c r="KFV52" i="1" s="1"/>
  <c r="KFW52" i="1" s="1"/>
  <c r="KFX52" i="1" s="1"/>
  <c r="KFY52" i="1" s="1"/>
  <c r="KFZ52" i="1" s="1"/>
  <c r="KGA52" i="1" s="1"/>
  <c r="KGB52" i="1" s="1"/>
  <c r="KGC52" i="1" s="1"/>
  <c r="KGD52" i="1" s="1"/>
  <c r="KGE52" i="1" s="1"/>
  <c r="KGF52" i="1" s="1"/>
  <c r="KGG52" i="1" s="1"/>
  <c r="KGH52" i="1" s="1"/>
  <c r="KGI52" i="1" s="1"/>
  <c r="KGJ52" i="1" s="1"/>
  <c r="KGK52" i="1" s="1"/>
  <c r="KGL52" i="1" s="1"/>
  <c r="KGM52" i="1" s="1"/>
  <c r="KGN52" i="1" s="1"/>
  <c r="KGO52" i="1" s="1"/>
  <c r="KGP52" i="1" s="1"/>
  <c r="KGQ52" i="1" s="1"/>
  <c r="KGR52" i="1" s="1"/>
  <c r="KGS52" i="1" s="1"/>
  <c r="KGT52" i="1" s="1"/>
  <c r="KGU52" i="1" s="1"/>
  <c r="KGV52" i="1" s="1"/>
  <c r="KGW52" i="1" s="1"/>
  <c r="KGX52" i="1" s="1"/>
  <c r="KGY52" i="1" s="1"/>
  <c r="KGZ52" i="1" s="1"/>
  <c r="KHA52" i="1" s="1"/>
  <c r="KHB52" i="1" s="1"/>
  <c r="KHC52" i="1" s="1"/>
  <c r="KHD52" i="1" s="1"/>
  <c r="KHE52" i="1" s="1"/>
  <c r="KHF52" i="1" s="1"/>
  <c r="KHG52" i="1" s="1"/>
  <c r="KHH52" i="1" s="1"/>
  <c r="KHI52" i="1" s="1"/>
  <c r="KHJ52" i="1" s="1"/>
  <c r="KHK52" i="1" s="1"/>
  <c r="KHL52" i="1" s="1"/>
  <c r="KHM52" i="1" s="1"/>
  <c r="KHN52" i="1" s="1"/>
  <c r="KHO52" i="1" s="1"/>
  <c r="KHP52" i="1" s="1"/>
  <c r="KHQ52" i="1" s="1"/>
  <c r="KHR52" i="1" s="1"/>
  <c r="KHS52" i="1" s="1"/>
  <c r="KHT52" i="1" s="1"/>
  <c r="KHU52" i="1" s="1"/>
  <c r="KHV52" i="1" s="1"/>
  <c r="KHW52" i="1" s="1"/>
  <c r="KHX52" i="1" s="1"/>
  <c r="KHY52" i="1" s="1"/>
  <c r="KHZ52" i="1" s="1"/>
  <c r="KIA52" i="1" s="1"/>
  <c r="KIB52" i="1" s="1"/>
  <c r="KIC52" i="1" s="1"/>
  <c r="KID52" i="1" s="1"/>
  <c r="KIE52" i="1" s="1"/>
  <c r="KIF52" i="1" s="1"/>
  <c r="KIG52" i="1" s="1"/>
  <c r="KIH52" i="1" s="1"/>
  <c r="KII52" i="1" s="1"/>
  <c r="KIJ52" i="1" s="1"/>
  <c r="KIK52" i="1" s="1"/>
  <c r="KIL52" i="1" s="1"/>
  <c r="KIM52" i="1" s="1"/>
  <c r="KIN52" i="1" s="1"/>
  <c r="KIO52" i="1" s="1"/>
  <c r="KIP52" i="1" s="1"/>
  <c r="KIQ52" i="1" s="1"/>
  <c r="KIR52" i="1" s="1"/>
  <c r="KIS52" i="1" s="1"/>
  <c r="KIT52" i="1" s="1"/>
  <c r="KIU52" i="1" s="1"/>
  <c r="KIV52" i="1" s="1"/>
  <c r="KIW52" i="1" s="1"/>
  <c r="KIX52" i="1" s="1"/>
  <c r="KIY52" i="1" s="1"/>
  <c r="KIZ52" i="1" s="1"/>
  <c r="KJA52" i="1" s="1"/>
  <c r="KJB52" i="1" s="1"/>
  <c r="KJC52" i="1" s="1"/>
  <c r="KJD52" i="1" s="1"/>
  <c r="KJE52" i="1" s="1"/>
  <c r="KJF52" i="1" s="1"/>
  <c r="KJG52" i="1" s="1"/>
  <c r="KJH52" i="1" s="1"/>
  <c r="KJI52" i="1" s="1"/>
  <c r="KJJ52" i="1" s="1"/>
  <c r="KJK52" i="1" s="1"/>
  <c r="KJL52" i="1" s="1"/>
  <c r="KJM52" i="1" s="1"/>
  <c r="KJN52" i="1" s="1"/>
  <c r="KJO52" i="1" s="1"/>
  <c r="KJP52" i="1" s="1"/>
  <c r="KJQ52" i="1" s="1"/>
  <c r="KJR52" i="1" s="1"/>
  <c r="KJS52" i="1" s="1"/>
  <c r="KJT52" i="1" s="1"/>
  <c r="KJU52" i="1" s="1"/>
  <c r="KJV52" i="1" s="1"/>
  <c r="KJW52" i="1" s="1"/>
  <c r="KJX52" i="1" s="1"/>
  <c r="KJY52" i="1" s="1"/>
  <c r="KJZ52" i="1" s="1"/>
  <c r="KKA52" i="1" s="1"/>
  <c r="KKB52" i="1" s="1"/>
  <c r="KKC52" i="1" s="1"/>
  <c r="KKD52" i="1" s="1"/>
  <c r="KKE52" i="1" s="1"/>
  <c r="KKF52" i="1" s="1"/>
  <c r="KKG52" i="1" s="1"/>
  <c r="KKH52" i="1" s="1"/>
  <c r="KKI52" i="1" s="1"/>
  <c r="KKJ52" i="1" s="1"/>
  <c r="KKK52" i="1" s="1"/>
  <c r="KKL52" i="1" s="1"/>
  <c r="KKM52" i="1" s="1"/>
  <c r="KKN52" i="1" s="1"/>
  <c r="KKO52" i="1" s="1"/>
  <c r="KKP52" i="1" s="1"/>
  <c r="KKQ52" i="1" s="1"/>
  <c r="KKR52" i="1" s="1"/>
  <c r="KKS52" i="1" s="1"/>
  <c r="KKT52" i="1" s="1"/>
  <c r="KKU52" i="1" s="1"/>
  <c r="KKV52" i="1" s="1"/>
  <c r="KKW52" i="1" s="1"/>
  <c r="KKX52" i="1" s="1"/>
  <c r="KKY52" i="1" s="1"/>
  <c r="KKZ52" i="1" s="1"/>
  <c r="KLA52" i="1" s="1"/>
  <c r="KLB52" i="1" s="1"/>
  <c r="KLC52" i="1" s="1"/>
  <c r="KLD52" i="1" s="1"/>
  <c r="KLE52" i="1" s="1"/>
  <c r="KLF52" i="1" s="1"/>
  <c r="KLG52" i="1" s="1"/>
  <c r="KLH52" i="1" s="1"/>
  <c r="KLI52" i="1" s="1"/>
  <c r="KLJ52" i="1" s="1"/>
  <c r="KLK52" i="1" s="1"/>
  <c r="KLL52" i="1" s="1"/>
  <c r="KLM52" i="1" s="1"/>
  <c r="KLN52" i="1" s="1"/>
  <c r="KLO52" i="1" s="1"/>
  <c r="KLP52" i="1" s="1"/>
  <c r="KLQ52" i="1" s="1"/>
  <c r="KLR52" i="1" s="1"/>
  <c r="KLS52" i="1" s="1"/>
  <c r="KLT52" i="1" s="1"/>
  <c r="KLU52" i="1" s="1"/>
  <c r="KLV52" i="1" s="1"/>
  <c r="KLW52" i="1" s="1"/>
  <c r="KLX52" i="1" s="1"/>
  <c r="KLY52" i="1" s="1"/>
  <c r="KLZ52" i="1" s="1"/>
  <c r="KMA52" i="1" s="1"/>
  <c r="KMB52" i="1" s="1"/>
  <c r="KMC52" i="1" s="1"/>
  <c r="KMD52" i="1" s="1"/>
  <c r="KME52" i="1" s="1"/>
  <c r="KMF52" i="1" s="1"/>
  <c r="KMG52" i="1" s="1"/>
  <c r="KMH52" i="1" s="1"/>
  <c r="KMI52" i="1" s="1"/>
  <c r="KMJ52" i="1" s="1"/>
  <c r="KMK52" i="1" s="1"/>
  <c r="KML52" i="1" s="1"/>
  <c r="KMM52" i="1" s="1"/>
  <c r="KMN52" i="1" s="1"/>
  <c r="KMO52" i="1" s="1"/>
  <c r="KMP52" i="1" s="1"/>
  <c r="KMQ52" i="1" s="1"/>
  <c r="KMR52" i="1" s="1"/>
  <c r="KMS52" i="1" s="1"/>
  <c r="KMT52" i="1" s="1"/>
  <c r="KMU52" i="1" s="1"/>
  <c r="KMV52" i="1" s="1"/>
  <c r="KMW52" i="1" s="1"/>
  <c r="KMX52" i="1" s="1"/>
  <c r="KMY52" i="1" s="1"/>
  <c r="KMZ52" i="1" s="1"/>
  <c r="KNA52" i="1" s="1"/>
  <c r="KNB52" i="1" s="1"/>
  <c r="KNC52" i="1" s="1"/>
  <c r="KND52" i="1" s="1"/>
  <c r="KNE52" i="1" s="1"/>
  <c r="KNF52" i="1" s="1"/>
  <c r="KNG52" i="1" s="1"/>
  <c r="KNH52" i="1" s="1"/>
  <c r="KNI52" i="1" s="1"/>
  <c r="KNJ52" i="1" s="1"/>
  <c r="KNK52" i="1" s="1"/>
  <c r="KNL52" i="1" s="1"/>
  <c r="KNM52" i="1" s="1"/>
  <c r="KNN52" i="1" s="1"/>
  <c r="KNO52" i="1" s="1"/>
  <c r="KNP52" i="1" s="1"/>
  <c r="KNQ52" i="1" s="1"/>
  <c r="KNR52" i="1" s="1"/>
  <c r="KNS52" i="1" s="1"/>
  <c r="KNT52" i="1" s="1"/>
  <c r="KNU52" i="1" s="1"/>
  <c r="KNV52" i="1" s="1"/>
  <c r="KNW52" i="1" s="1"/>
  <c r="KNX52" i="1" s="1"/>
  <c r="KNY52" i="1" s="1"/>
  <c r="KNZ52" i="1" s="1"/>
  <c r="KOA52" i="1" s="1"/>
  <c r="KOB52" i="1" s="1"/>
  <c r="KOC52" i="1" s="1"/>
  <c r="KOD52" i="1" s="1"/>
  <c r="KOE52" i="1" s="1"/>
  <c r="KOF52" i="1" s="1"/>
  <c r="KOG52" i="1" s="1"/>
  <c r="KOH52" i="1" s="1"/>
  <c r="KOI52" i="1" s="1"/>
  <c r="KOJ52" i="1" s="1"/>
  <c r="KOK52" i="1" s="1"/>
  <c r="KOL52" i="1" s="1"/>
  <c r="KOM52" i="1" s="1"/>
  <c r="KON52" i="1" s="1"/>
  <c r="KOO52" i="1" s="1"/>
  <c r="KOP52" i="1" s="1"/>
  <c r="KOQ52" i="1" s="1"/>
  <c r="KOR52" i="1" s="1"/>
  <c r="KOS52" i="1" s="1"/>
  <c r="KOT52" i="1" s="1"/>
  <c r="KOU52" i="1" s="1"/>
  <c r="KOV52" i="1" s="1"/>
  <c r="KOW52" i="1" s="1"/>
  <c r="KOX52" i="1" s="1"/>
  <c r="KOY52" i="1" s="1"/>
  <c r="KOZ52" i="1" s="1"/>
  <c r="KPA52" i="1" s="1"/>
  <c r="KPB52" i="1" s="1"/>
  <c r="KPC52" i="1" s="1"/>
  <c r="KPD52" i="1" s="1"/>
  <c r="KPE52" i="1" s="1"/>
  <c r="KPF52" i="1" s="1"/>
  <c r="KPG52" i="1" s="1"/>
  <c r="KPH52" i="1" s="1"/>
  <c r="KPI52" i="1" s="1"/>
  <c r="KPJ52" i="1" s="1"/>
  <c r="KPK52" i="1" s="1"/>
  <c r="KPL52" i="1" s="1"/>
  <c r="KPM52" i="1" s="1"/>
  <c r="KPN52" i="1" s="1"/>
  <c r="KPO52" i="1" s="1"/>
  <c r="KPP52" i="1" s="1"/>
  <c r="KPQ52" i="1" s="1"/>
  <c r="KPR52" i="1" s="1"/>
  <c r="KPS52" i="1" s="1"/>
  <c r="KPT52" i="1" s="1"/>
  <c r="KPU52" i="1" s="1"/>
  <c r="KPV52" i="1" s="1"/>
  <c r="KPW52" i="1" s="1"/>
  <c r="KPX52" i="1" s="1"/>
  <c r="KPY52" i="1" s="1"/>
  <c r="KPZ52" i="1" s="1"/>
  <c r="KQA52" i="1" s="1"/>
  <c r="KQB52" i="1" s="1"/>
  <c r="KQC52" i="1" s="1"/>
  <c r="KQD52" i="1" s="1"/>
  <c r="KQE52" i="1" s="1"/>
  <c r="KQF52" i="1" s="1"/>
  <c r="KQG52" i="1" s="1"/>
  <c r="KQH52" i="1" s="1"/>
  <c r="KQI52" i="1" s="1"/>
  <c r="KQJ52" i="1" s="1"/>
  <c r="KQK52" i="1" s="1"/>
  <c r="KQL52" i="1" s="1"/>
  <c r="KQM52" i="1" s="1"/>
  <c r="KQN52" i="1" s="1"/>
  <c r="KQO52" i="1" s="1"/>
  <c r="KQP52" i="1" s="1"/>
  <c r="KQQ52" i="1" s="1"/>
  <c r="KQR52" i="1" s="1"/>
  <c r="KQS52" i="1" s="1"/>
  <c r="KQT52" i="1" s="1"/>
  <c r="KQU52" i="1" s="1"/>
  <c r="KQV52" i="1" s="1"/>
  <c r="KQW52" i="1" s="1"/>
  <c r="KQX52" i="1" s="1"/>
  <c r="KQY52" i="1" s="1"/>
  <c r="KQZ52" i="1" s="1"/>
  <c r="KRA52" i="1" s="1"/>
  <c r="KRB52" i="1" s="1"/>
  <c r="KRC52" i="1" s="1"/>
  <c r="KRD52" i="1" s="1"/>
  <c r="KRE52" i="1" s="1"/>
  <c r="KRF52" i="1" s="1"/>
  <c r="KRG52" i="1" s="1"/>
  <c r="KRH52" i="1" s="1"/>
  <c r="KRI52" i="1" s="1"/>
  <c r="KRJ52" i="1" s="1"/>
  <c r="KRK52" i="1" s="1"/>
  <c r="KRL52" i="1" s="1"/>
  <c r="KRM52" i="1" s="1"/>
  <c r="KRN52" i="1" s="1"/>
  <c r="KRO52" i="1" s="1"/>
  <c r="KRP52" i="1" s="1"/>
  <c r="KRQ52" i="1" s="1"/>
  <c r="KRR52" i="1" s="1"/>
  <c r="KRS52" i="1" s="1"/>
  <c r="KRT52" i="1" s="1"/>
  <c r="KRU52" i="1" s="1"/>
  <c r="KRV52" i="1" s="1"/>
  <c r="KRW52" i="1" s="1"/>
  <c r="KRX52" i="1" s="1"/>
  <c r="KRY52" i="1" s="1"/>
  <c r="KRZ52" i="1" s="1"/>
  <c r="KSA52" i="1" s="1"/>
  <c r="KSB52" i="1" s="1"/>
  <c r="KSC52" i="1" s="1"/>
  <c r="KSD52" i="1" s="1"/>
  <c r="KSE52" i="1" s="1"/>
  <c r="KSF52" i="1" s="1"/>
  <c r="KSG52" i="1" s="1"/>
  <c r="KSH52" i="1" s="1"/>
  <c r="KSI52" i="1" s="1"/>
  <c r="KSJ52" i="1" s="1"/>
  <c r="KSK52" i="1" s="1"/>
  <c r="KSL52" i="1" s="1"/>
  <c r="KSM52" i="1" s="1"/>
  <c r="KSN52" i="1" s="1"/>
  <c r="KSO52" i="1" s="1"/>
  <c r="KSP52" i="1" s="1"/>
  <c r="KSQ52" i="1" s="1"/>
  <c r="KSR52" i="1" s="1"/>
  <c r="KSS52" i="1" s="1"/>
  <c r="KST52" i="1" s="1"/>
  <c r="KSU52" i="1" s="1"/>
  <c r="KSV52" i="1" s="1"/>
  <c r="KSW52" i="1" s="1"/>
  <c r="KSX52" i="1" s="1"/>
  <c r="KSY52" i="1" s="1"/>
  <c r="KSZ52" i="1" s="1"/>
  <c r="KTA52" i="1" s="1"/>
  <c r="KTB52" i="1" s="1"/>
  <c r="KTC52" i="1" s="1"/>
  <c r="KTD52" i="1" s="1"/>
  <c r="KTE52" i="1" s="1"/>
  <c r="KTF52" i="1" s="1"/>
  <c r="KTG52" i="1" s="1"/>
  <c r="KTH52" i="1" s="1"/>
  <c r="KTI52" i="1" s="1"/>
  <c r="KTJ52" i="1" s="1"/>
  <c r="KTK52" i="1" s="1"/>
  <c r="KTL52" i="1" s="1"/>
  <c r="KTM52" i="1" s="1"/>
  <c r="KTN52" i="1" s="1"/>
  <c r="KTO52" i="1" s="1"/>
  <c r="KTP52" i="1" s="1"/>
  <c r="KTQ52" i="1" s="1"/>
  <c r="KTR52" i="1" s="1"/>
  <c r="KTS52" i="1" s="1"/>
  <c r="KTT52" i="1" s="1"/>
  <c r="KTU52" i="1" s="1"/>
  <c r="KTV52" i="1" s="1"/>
  <c r="KTW52" i="1" s="1"/>
  <c r="KTX52" i="1" s="1"/>
  <c r="KTY52" i="1" s="1"/>
  <c r="KTZ52" i="1" s="1"/>
  <c r="KUA52" i="1" s="1"/>
  <c r="KUB52" i="1" s="1"/>
  <c r="KUC52" i="1" s="1"/>
  <c r="KUD52" i="1" s="1"/>
  <c r="KUE52" i="1" s="1"/>
  <c r="KUF52" i="1" s="1"/>
  <c r="KUG52" i="1" s="1"/>
  <c r="KUH52" i="1" s="1"/>
  <c r="KUI52" i="1" s="1"/>
  <c r="KUJ52" i="1" s="1"/>
  <c r="KUK52" i="1" s="1"/>
  <c r="KUL52" i="1" s="1"/>
  <c r="KUM52" i="1" s="1"/>
  <c r="KUN52" i="1" s="1"/>
  <c r="KUO52" i="1" s="1"/>
  <c r="KUP52" i="1" s="1"/>
  <c r="KUQ52" i="1" s="1"/>
  <c r="KUR52" i="1" s="1"/>
  <c r="KUS52" i="1" s="1"/>
  <c r="KUT52" i="1" s="1"/>
  <c r="KUU52" i="1" s="1"/>
  <c r="KUV52" i="1" s="1"/>
  <c r="KUW52" i="1" s="1"/>
  <c r="KUX52" i="1" s="1"/>
  <c r="KUY52" i="1" s="1"/>
  <c r="KUZ52" i="1" s="1"/>
  <c r="KVA52" i="1" s="1"/>
  <c r="KVB52" i="1" s="1"/>
  <c r="KVC52" i="1" s="1"/>
  <c r="KVD52" i="1" s="1"/>
  <c r="KVE52" i="1" s="1"/>
  <c r="KVF52" i="1" s="1"/>
  <c r="KVG52" i="1" s="1"/>
  <c r="KVH52" i="1" s="1"/>
  <c r="KVI52" i="1" s="1"/>
  <c r="KVJ52" i="1" s="1"/>
  <c r="KVK52" i="1" s="1"/>
  <c r="KVL52" i="1" s="1"/>
  <c r="KVM52" i="1" s="1"/>
  <c r="KVN52" i="1" s="1"/>
  <c r="KVO52" i="1" s="1"/>
  <c r="KVP52" i="1" s="1"/>
  <c r="KVQ52" i="1" s="1"/>
  <c r="KVR52" i="1" s="1"/>
  <c r="KVS52" i="1" s="1"/>
  <c r="KVT52" i="1" s="1"/>
  <c r="KVU52" i="1" s="1"/>
  <c r="KVV52" i="1" s="1"/>
  <c r="KVW52" i="1" s="1"/>
  <c r="KVX52" i="1" s="1"/>
  <c r="KVY52" i="1" s="1"/>
  <c r="KVZ52" i="1" s="1"/>
  <c r="KWA52" i="1" s="1"/>
  <c r="KWB52" i="1" s="1"/>
  <c r="KWC52" i="1" s="1"/>
  <c r="KWD52" i="1" s="1"/>
  <c r="KWE52" i="1" s="1"/>
  <c r="KWF52" i="1" s="1"/>
  <c r="KWG52" i="1" s="1"/>
  <c r="KWH52" i="1" s="1"/>
  <c r="KWI52" i="1" s="1"/>
  <c r="KWJ52" i="1" s="1"/>
  <c r="KWK52" i="1" s="1"/>
  <c r="KWL52" i="1" s="1"/>
  <c r="KWM52" i="1" s="1"/>
  <c r="KWN52" i="1" s="1"/>
  <c r="KWO52" i="1" s="1"/>
  <c r="KWP52" i="1" s="1"/>
  <c r="KWQ52" i="1" s="1"/>
  <c r="KWR52" i="1" s="1"/>
  <c r="KWS52" i="1" s="1"/>
  <c r="KWT52" i="1" s="1"/>
  <c r="KWU52" i="1" s="1"/>
  <c r="KWV52" i="1" s="1"/>
  <c r="KWW52" i="1" s="1"/>
  <c r="KWX52" i="1" s="1"/>
  <c r="KWY52" i="1" s="1"/>
  <c r="KWZ52" i="1" s="1"/>
  <c r="KXA52" i="1" s="1"/>
  <c r="KXB52" i="1" s="1"/>
  <c r="KXC52" i="1" s="1"/>
  <c r="KXD52" i="1" s="1"/>
  <c r="KXE52" i="1" s="1"/>
  <c r="KXF52" i="1" s="1"/>
  <c r="KXG52" i="1" s="1"/>
  <c r="KXH52" i="1" s="1"/>
  <c r="KXI52" i="1" s="1"/>
  <c r="KXJ52" i="1" s="1"/>
  <c r="KXK52" i="1" s="1"/>
  <c r="KXL52" i="1" s="1"/>
  <c r="KXM52" i="1" s="1"/>
  <c r="KXN52" i="1" s="1"/>
  <c r="KXO52" i="1" s="1"/>
  <c r="KXP52" i="1" s="1"/>
  <c r="KXQ52" i="1" s="1"/>
  <c r="KXR52" i="1" s="1"/>
  <c r="KXS52" i="1" s="1"/>
  <c r="KXT52" i="1" s="1"/>
  <c r="KXU52" i="1" s="1"/>
  <c r="KXV52" i="1" s="1"/>
  <c r="KXW52" i="1" s="1"/>
  <c r="KXX52" i="1" s="1"/>
  <c r="KXY52" i="1" s="1"/>
  <c r="KXZ52" i="1" s="1"/>
  <c r="KYA52" i="1" s="1"/>
  <c r="KYB52" i="1" s="1"/>
  <c r="KYC52" i="1" s="1"/>
  <c r="KYD52" i="1" s="1"/>
  <c r="KYE52" i="1" s="1"/>
  <c r="KYF52" i="1" s="1"/>
  <c r="KYG52" i="1" s="1"/>
  <c r="KYH52" i="1" s="1"/>
  <c r="KYI52" i="1" s="1"/>
  <c r="KYJ52" i="1" s="1"/>
  <c r="KYK52" i="1" s="1"/>
  <c r="KYL52" i="1" s="1"/>
  <c r="KYM52" i="1" s="1"/>
  <c r="KYN52" i="1" s="1"/>
  <c r="KYO52" i="1" s="1"/>
  <c r="KYP52" i="1" s="1"/>
  <c r="KYQ52" i="1" s="1"/>
  <c r="KYR52" i="1" s="1"/>
  <c r="KYS52" i="1" s="1"/>
  <c r="KYT52" i="1" s="1"/>
  <c r="KYU52" i="1" s="1"/>
  <c r="KYV52" i="1" s="1"/>
  <c r="KYW52" i="1" s="1"/>
  <c r="KYX52" i="1" s="1"/>
  <c r="KYY52" i="1" s="1"/>
  <c r="KYZ52" i="1" s="1"/>
  <c r="KZA52" i="1" s="1"/>
  <c r="KZB52" i="1" s="1"/>
  <c r="KZC52" i="1" s="1"/>
  <c r="KZD52" i="1" s="1"/>
  <c r="KZE52" i="1" s="1"/>
  <c r="KZF52" i="1" s="1"/>
  <c r="KZG52" i="1" s="1"/>
  <c r="KZH52" i="1" s="1"/>
  <c r="KZI52" i="1" s="1"/>
  <c r="KZJ52" i="1" s="1"/>
  <c r="KZK52" i="1" s="1"/>
  <c r="KZL52" i="1" s="1"/>
  <c r="KZM52" i="1" s="1"/>
  <c r="KZN52" i="1" s="1"/>
  <c r="KZO52" i="1" s="1"/>
  <c r="KZP52" i="1" s="1"/>
  <c r="KZQ52" i="1" s="1"/>
  <c r="KZR52" i="1" s="1"/>
  <c r="KZS52" i="1" s="1"/>
  <c r="KZT52" i="1" s="1"/>
  <c r="KZU52" i="1" s="1"/>
  <c r="KZV52" i="1" s="1"/>
  <c r="KZW52" i="1" s="1"/>
  <c r="KZX52" i="1" s="1"/>
  <c r="KZY52" i="1" s="1"/>
  <c r="KZZ52" i="1" s="1"/>
  <c r="LAA52" i="1" s="1"/>
  <c r="LAB52" i="1" s="1"/>
  <c r="LAC52" i="1" s="1"/>
  <c r="LAD52" i="1" s="1"/>
  <c r="LAE52" i="1" s="1"/>
  <c r="LAF52" i="1" s="1"/>
  <c r="LAG52" i="1" s="1"/>
  <c r="LAH52" i="1" s="1"/>
  <c r="LAI52" i="1" s="1"/>
  <c r="LAJ52" i="1" s="1"/>
  <c r="LAK52" i="1" s="1"/>
  <c r="LAL52" i="1" s="1"/>
  <c r="LAM52" i="1" s="1"/>
  <c r="LAN52" i="1" s="1"/>
  <c r="LAO52" i="1" s="1"/>
  <c r="LAP52" i="1" s="1"/>
  <c r="LAQ52" i="1" s="1"/>
  <c r="LAR52" i="1" s="1"/>
  <c r="LAS52" i="1" s="1"/>
  <c r="LAT52" i="1" s="1"/>
  <c r="LAU52" i="1" s="1"/>
  <c r="LAV52" i="1" s="1"/>
  <c r="LAW52" i="1" s="1"/>
  <c r="LAX52" i="1" s="1"/>
  <c r="LAY52" i="1" s="1"/>
  <c r="LAZ52" i="1" s="1"/>
  <c r="LBA52" i="1" s="1"/>
  <c r="LBB52" i="1" s="1"/>
  <c r="LBC52" i="1" s="1"/>
  <c r="LBD52" i="1" s="1"/>
  <c r="LBE52" i="1" s="1"/>
  <c r="LBF52" i="1" s="1"/>
  <c r="LBG52" i="1" s="1"/>
  <c r="LBH52" i="1" s="1"/>
  <c r="LBI52" i="1" s="1"/>
  <c r="LBJ52" i="1" s="1"/>
  <c r="LBK52" i="1" s="1"/>
  <c r="LBL52" i="1" s="1"/>
  <c r="LBM52" i="1" s="1"/>
  <c r="LBN52" i="1" s="1"/>
  <c r="LBO52" i="1" s="1"/>
  <c r="LBP52" i="1" s="1"/>
  <c r="LBQ52" i="1" s="1"/>
  <c r="LBR52" i="1" s="1"/>
  <c r="LBS52" i="1" s="1"/>
  <c r="LBT52" i="1" s="1"/>
  <c r="LBU52" i="1" s="1"/>
  <c r="LBV52" i="1" s="1"/>
  <c r="LBW52" i="1" s="1"/>
  <c r="LBX52" i="1" s="1"/>
  <c r="LBY52" i="1" s="1"/>
  <c r="LBZ52" i="1" s="1"/>
  <c r="LCA52" i="1" s="1"/>
  <c r="LCB52" i="1" s="1"/>
  <c r="LCC52" i="1" s="1"/>
  <c r="LCD52" i="1" s="1"/>
  <c r="LCE52" i="1" s="1"/>
  <c r="LCF52" i="1" s="1"/>
  <c r="LCG52" i="1" s="1"/>
  <c r="LCH52" i="1" s="1"/>
  <c r="LCI52" i="1" s="1"/>
  <c r="LCJ52" i="1" s="1"/>
  <c r="LCK52" i="1" s="1"/>
  <c r="LCL52" i="1" s="1"/>
  <c r="LCM52" i="1" s="1"/>
  <c r="LCN52" i="1" s="1"/>
  <c r="LCO52" i="1" s="1"/>
  <c r="LCP52" i="1" s="1"/>
  <c r="LCQ52" i="1" s="1"/>
  <c r="LCR52" i="1" s="1"/>
  <c r="LCS52" i="1" s="1"/>
  <c r="LCT52" i="1" s="1"/>
  <c r="LCU52" i="1" s="1"/>
  <c r="LCV52" i="1" s="1"/>
  <c r="LCW52" i="1" s="1"/>
  <c r="LCX52" i="1" s="1"/>
  <c r="LCY52" i="1" s="1"/>
  <c r="LCZ52" i="1" s="1"/>
  <c r="LDA52" i="1" s="1"/>
  <c r="LDB52" i="1" s="1"/>
  <c r="LDC52" i="1" s="1"/>
  <c r="LDD52" i="1" s="1"/>
  <c r="LDE52" i="1" s="1"/>
  <c r="LDF52" i="1" s="1"/>
  <c r="LDG52" i="1" s="1"/>
  <c r="LDH52" i="1" s="1"/>
  <c r="LDI52" i="1" s="1"/>
  <c r="LDJ52" i="1" s="1"/>
  <c r="LDK52" i="1" s="1"/>
  <c r="LDL52" i="1" s="1"/>
  <c r="LDM52" i="1" s="1"/>
  <c r="LDN52" i="1" s="1"/>
  <c r="LDO52" i="1" s="1"/>
  <c r="LDP52" i="1" s="1"/>
  <c r="LDQ52" i="1" s="1"/>
  <c r="LDR52" i="1" s="1"/>
  <c r="LDS52" i="1" s="1"/>
  <c r="LDT52" i="1" s="1"/>
  <c r="LDU52" i="1" s="1"/>
  <c r="LDV52" i="1" s="1"/>
  <c r="LDW52" i="1" s="1"/>
  <c r="LDX52" i="1" s="1"/>
  <c r="LDY52" i="1" s="1"/>
  <c r="LDZ52" i="1" s="1"/>
  <c r="LEA52" i="1" s="1"/>
  <c r="LEB52" i="1" s="1"/>
  <c r="LEC52" i="1" s="1"/>
  <c r="LED52" i="1" s="1"/>
  <c r="LEE52" i="1" s="1"/>
  <c r="LEF52" i="1" s="1"/>
  <c r="LEG52" i="1" s="1"/>
  <c r="LEH52" i="1" s="1"/>
  <c r="LEI52" i="1" s="1"/>
  <c r="LEJ52" i="1" s="1"/>
  <c r="LEK52" i="1" s="1"/>
  <c r="LEL52" i="1" s="1"/>
  <c r="LEM52" i="1" s="1"/>
  <c r="LEN52" i="1" s="1"/>
  <c r="LEO52" i="1" s="1"/>
  <c r="LEP52" i="1" s="1"/>
  <c r="LEQ52" i="1" s="1"/>
  <c r="LER52" i="1" s="1"/>
  <c r="LES52" i="1" s="1"/>
  <c r="LET52" i="1" s="1"/>
  <c r="LEU52" i="1" s="1"/>
  <c r="LEV52" i="1" s="1"/>
  <c r="LEW52" i="1" s="1"/>
  <c r="LEX52" i="1" s="1"/>
  <c r="LEY52" i="1" s="1"/>
  <c r="LEZ52" i="1" s="1"/>
  <c r="LFA52" i="1" s="1"/>
  <c r="LFB52" i="1" s="1"/>
  <c r="LFC52" i="1" s="1"/>
  <c r="LFD52" i="1" s="1"/>
  <c r="LFE52" i="1" s="1"/>
  <c r="LFF52" i="1" s="1"/>
  <c r="LFG52" i="1" s="1"/>
  <c r="LFH52" i="1" s="1"/>
  <c r="LFI52" i="1" s="1"/>
  <c r="LFJ52" i="1" s="1"/>
  <c r="LFK52" i="1" s="1"/>
  <c r="LFL52" i="1" s="1"/>
  <c r="LFM52" i="1" s="1"/>
  <c r="LFN52" i="1" s="1"/>
  <c r="LFO52" i="1" s="1"/>
  <c r="LFP52" i="1" s="1"/>
  <c r="LFQ52" i="1" s="1"/>
  <c r="LFR52" i="1" s="1"/>
  <c r="LFS52" i="1" s="1"/>
  <c r="LFT52" i="1" s="1"/>
  <c r="LFU52" i="1" s="1"/>
  <c r="LFV52" i="1" s="1"/>
  <c r="LFW52" i="1" s="1"/>
  <c r="LFX52" i="1" s="1"/>
  <c r="LFY52" i="1" s="1"/>
  <c r="LFZ52" i="1" s="1"/>
  <c r="LGA52" i="1" s="1"/>
  <c r="LGB52" i="1" s="1"/>
  <c r="LGC52" i="1" s="1"/>
  <c r="LGD52" i="1" s="1"/>
  <c r="LGE52" i="1" s="1"/>
  <c r="LGF52" i="1" s="1"/>
  <c r="LGG52" i="1" s="1"/>
  <c r="LGH52" i="1" s="1"/>
  <c r="LGI52" i="1" s="1"/>
  <c r="LGJ52" i="1" s="1"/>
  <c r="LGK52" i="1" s="1"/>
  <c r="LGL52" i="1" s="1"/>
  <c r="LGM52" i="1" s="1"/>
  <c r="LGN52" i="1" s="1"/>
  <c r="LGO52" i="1" s="1"/>
  <c r="LGP52" i="1" s="1"/>
  <c r="LGQ52" i="1" s="1"/>
  <c r="LGR52" i="1" s="1"/>
  <c r="LGS52" i="1" s="1"/>
  <c r="LGT52" i="1" s="1"/>
  <c r="LGU52" i="1" s="1"/>
  <c r="LGV52" i="1" s="1"/>
  <c r="LGW52" i="1" s="1"/>
  <c r="LGX52" i="1" s="1"/>
  <c r="LGY52" i="1" s="1"/>
  <c r="LGZ52" i="1" s="1"/>
  <c r="LHA52" i="1" s="1"/>
  <c r="LHB52" i="1" s="1"/>
  <c r="LHC52" i="1" s="1"/>
  <c r="LHD52" i="1" s="1"/>
  <c r="LHE52" i="1" s="1"/>
  <c r="LHF52" i="1" s="1"/>
  <c r="LHG52" i="1" s="1"/>
  <c r="LHH52" i="1" s="1"/>
  <c r="LHI52" i="1" s="1"/>
  <c r="LHJ52" i="1" s="1"/>
  <c r="LHK52" i="1" s="1"/>
  <c r="LHL52" i="1" s="1"/>
  <c r="LHM52" i="1" s="1"/>
  <c r="LHN52" i="1" s="1"/>
  <c r="LHO52" i="1" s="1"/>
  <c r="LHP52" i="1" s="1"/>
  <c r="LHQ52" i="1" s="1"/>
  <c r="LHR52" i="1" s="1"/>
  <c r="LHS52" i="1" s="1"/>
  <c r="LHT52" i="1" s="1"/>
  <c r="LHU52" i="1" s="1"/>
  <c r="LHV52" i="1" s="1"/>
  <c r="LHW52" i="1" s="1"/>
  <c r="LHX52" i="1" s="1"/>
  <c r="LHY52" i="1" s="1"/>
  <c r="LHZ52" i="1" s="1"/>
  <c r="LIA52" i="1" s="1"/>
  <c r="LIB52" i="1" s="1"/>
  <c r="LIC52" i="1" s="1"/>
  <c r="LID52" i="1" s="1"/>
  <c r="LIE52" i="1" s="1"/>
  <c r="LIF52" i="1" s="1"/>
  <c r="LIG52" i="1" s="1"/>
  <c r="LIH52" i="1" s="1"/>
  <c r="LII52" i="1" s="1"/>
  <c r="LIJ52" i="1" s="1"/>
  <c r="LIK52" i="1" s="1"/>
  <c r="LIL52" i="1" s="1"/>
  <c r="LIM52" i="1" s="1"/>
  <c r="LIN52" i="1" s="1"/>
  <c r="LIO52" i="1" s="1"/>
  <c r="LIP52" i="1" s="1"/>
  <c r="LIQ52" i="1" s="1"/>
  <c r="LIR52" i="1" s="1"/>
  <c r="LIS52" i="1" s="1"/>
  <c r="LIT52" i="1" s="1"/>
  <c r="LIU52" i="1" s="1"/>
  <c r="LIV52" i="1" s="1"/>
  <c r="LIW52" i="1" s="1"/>
  <c r="LIX52" i="1" s="1"/>
  <c r="LIY52" i="1" s="1"/>
  <c r="LIZ52" i="1" s="1"/>
  <c r="LJA52" i="1" s="1"/>
  <c r="LJB52" i="1" s="1"/>
  <c r="LJC52" i="1" s="1"/>
  <c r="LJD52" i="1" s="1"/>
  <c r="LJE52" i="1" s="1"/>
  <c r="LJF52" i="1" s="1"/>
  <c r="LJG52" i="1" s="1"/>
  <c r="LJH52" i="1" s="1"/>
  <c r="LJI52" i="1" s="1"/>
  <c r="LJJ52" i="1" s="1"/>
  <c r="LJK52" i="1" s="1"/>
  <c r="LJL52" i="1" s="1"/>
  <c r="LJM52" i="1" s="1"/>
  <c r="LJN52" i="1" s="1"/>
  <c r="LJO52" i="1" s="1"/>
  <c r="LJP52" i="1" s="1"/>
  <c r="LJQ52" i="1" s="1"/>
  <c r="LJR52" i="1" s="1"/>
  <c r="LJS52" i="1" s="1"/>
  <c r="LJT52" i="1" s="1"/>
  <c r="LJU52" i="1" s="1"/>
  <c r="LJV52" i="1" s="1"/>
  <c r="LJW52" i="1" s="1"/>
  <c r="LJX52" i="1" s="1"/>
  <c r="LJY52" i="1" s="1"/>
  <c r="LJZ52" i="1" s="1"/>
  <c r="LKA52" i="1" s="1"/>
  <c r="LKB52" i="1" s="1"/>
  <c r="LKC52" i="1" s="1"/>
  <c r="LKD52" i="1" s="1"/>
  <c r="LKE52" i="1" s="1"/>
  <c r="LKF52" i="1" s="1"/>
  <c r="LKG52" i="1" s="1"/>
  <c r="LKH52" i="1" s="1"/>
  <c r="LKI52" i="1" s="1"/>
  <c r="LKJ52" i="1" s="1"/>
  <c r="LKK52" i="1" s="1"/>
  <c r="LKL52" i="1" s="1"/>
  <c r="LKM52" i="1" s="1"/>
  <c r="LKN52" i="1" s="1"/>
  <c r="LKO52" i="1" s="1"/>
  <c r="LKP52" i="1" s="1"/>
  <c r="LKQ52" i="1" s="1"/>
  <c r="LKR52" i="1" s="1"/>
  <c r="LKS52" i="1" s="1"/>
  <c r="LKT52" i="1" s="1"/>
  <c r="LKU52" i="1" s="1"/>
  <c r="LKV52" i="1" s="1"/>
  <c r="LKW52" i="1" s="1"/>
  <c r="LKX52" i="1" s="1"/>
  <c r="LKY52" i="1" s="1"/>
  <c r="LKZ52" i="1" s="1"/>
  <c r="LLA52" i="1" s="1"/>
  <c r="LLB52" i="1" s="1"/>
  <c r="LLC52" i="1" s="1"/>
  <c r="LLD52" i="1" s="1"/>
  <c r="LLE52" i="1" s="1"/>
  <c r="LLF52" i="1" s="1"/>
  <c r="LLG52" i="1" s="1"/>
  <c r="LLH52" i="1" s="1"/>
  <c r="LLI52" i="1" s="1"/>
  <c r="LLJ52" i="1" s="1"/>
  <c r="LLK52" i="1" s="1"/>
  <c r="LLL52" i="1" s="1"/>
  <c r="LLM52" i="1" s="1"/>
  <c r="LLN52" i="1" s="1"/>
  <c r="LLO52" i="1" s="1"/>
  <c r="LLP52" i="1" s="1"/>
  <c r="LLQ52" i="1" s="1"/>
  <c r="LLR52" i="1" s="1"/>
  <c r="LLS52" i="1" s="1"/>
  <c r="LLT52" i="1" s="1"/>
  <c r="LLU52" i="1" s="1"/>
  <c r="LLV52" i="1" s="1"/>
  <c r="LLW52" i="1" s="1"/>
  <c r="LLX52" i="1" s="1"/>
  <c r="LLY52" i="1" s="1"/>
  <c r="LLZ52" i="1" s="1"/>
  <c r="LMA52" i="1" s="1"/>
  <c r="LMB52" i="1" s="1"/>
  <c r="LMC52" i="1" s="1"/>
  <c r="LMD52" i="1" s="1"/>
  <c r="LME52" i="1" s="1"/>
  <c r="LMF52" i="1" s="1"/>
  <c r="LMG52" i="1" s="1"/>
  <c r="LMH52" i="1" s="1"/>
  <c r="LMI52" i="1" s="1"/>
  <c r="LMJ52" i="1" s="1"/>
  <c r="LMK52" i="1" s="1"/>
  <c r="LML52" i="1" s="1"/>
  <c r="LMM52" i="1" s="1"/>
  <c r="LMN52" i="1" s="1"/>
  <c r="LMO52" i="1" s="1"/>
  <c r="LMP52" i="1" s="1"/>
  <c r="LMQ52" i="1" s="1"/>
  <c r="LMR52" i="1" s="1"/>
  <c r="LMS52" i="1" s="1"/>
  <c r="LMT52" i="1" s="1"/>
  <c r="LMU52" i="1" s="1"/>
  <c r="LMV52" i="1" s="1"/>
  <c r="LMW52" i="1" s="1"/>
  <c r="LMX52" i="1" s="1"/>
  <c r="LMY52" i="1" s="1"/>
  <c r="LMZ52" i="1" s="1"/>
  <c r="LNA52" i="1" s="1"/>
  <c r="LNB52" i="1" s="1"/>
  <c r="LNC52" i="1" s="1"/>
  <c r="LND52" i="1" s="1"/>
  <c r="LNE52" i="1" s="1"/>
  <c r="LNF52" i="1" s="1"/>
  <c r="LNG52" i="1" s="1"/>
  <c r="LNH52" i="1" s="1"/>
  <c r="LNI52" i="1" s="1"/>
  <c r="LNJ52" i="1" s="1"/>
  <c r="LNK52" i="1" s="1"/>
  <c r="LNL52" i="1" s="1"/>
  <c r="LNM52" i="1" s="1"/>
  <c r="LNN52" i="1" s="1"/>
  <c r="LNO52" i="1" s="1"/>
  <c r="LNP52" i="1" s="1"/>
  <c r="LNQ52" i="1" s="1"/>
  <c r="LNR52" i="1" s="1"/>
  <c r="LNS52" i="1" s="1"/>
  <c r="LNT52" i="1" s="1"/>
  <c r="LNU52" i="1" s="1"/>
  <c r="LNV52" i="1" s="1"/>
  <c r="LNW52" i="1" s="1"/>
  <c r="LNX52" i="1" s="1"/>
  <c r="LNY52" i="1" s="1"/>
  <c r="LNZ52" i="1" s="1"/>
  <c r="LOA52" i="1" s="1"/>
  <c r="LOB52" i="1" s="1"/>
  <c r="LOC52" i="1" s="1"/>
  <c r="LOD52" i="1" s="1"/>
  <c r="LOE52" i="1" s="1"/>
  <c r="LOF52" i="1" s="1"/>
  <c r="LOG52" i="1" s="1"/>
  <c r="LOH52" i="1" s="1"/>
  <c r="LOI52" i="1" s="1"/>
  <c r="LOJ52" i="1" s="1"/>
  <c r="LOK52" i="1" s="1"/>
  <c r="LOL52" i="1" s="1"/>
  <c r="LOM52" i="1" s="1"/>
  <c r="LON52" i="1" s="1"/>
  <c r="LOO52" i="1" s="1"/>
  <c r="LOP52" i="1" s="1"/>
  <c r="LOQ52" i="1" s="1"/>
  <c r="LOR52" i="1" s="1"/>
  <c r="LOS52" i="1" s="1"/>
  <c r="LOT52" i="1" s="1"/>
  <c r="LOU52" i="1" s="1"/>
  <c r="LOV52" i="1" s="1"/>
  <c r="LOW52" i="1" s="1"/>
  <c r="LOX52" i="1" s="1"/>
  <c r="LOY52" i="1" s="1"/>
  <c r="LOZ52" i="1" s="1"/>
  <c r="LPA52" i="1" s="1"/>
  <c r="LPB52" i="1" s="1"/>
  <c r="LPC52" i="1" s="1"/>
  <c r="LPD52" i="1" s="1"/>
  <c r="LPE52" i="1" s="1"/>
  <c r="LPF52" i="1" s="1"/>
  <c r="LPG52" i="1" s="1"/>
  <c r="LPH52" i="1" s="1"/>
  <c r="LPI52" i="1" s="1"/>
  <c r="LPJ52" i="1" s="1"/>
  <c r="LPK52" i="1" s="1"/>
  <c r="LPL52" i="1" s="1"/>
  <c r="LPM52" i="1" s="1"/>
  <c r="LPN52" i="1" s="1"/>
  <c r="LPO52" i="1" s="1"/>
  <c r="LPP52" i="1" s="1"/>
  <c r="LPQ52" i="1" s="1"/>
  <c r="LPR52" i="1" s="1"/>
  <c r="LPS52" i="1" s="1"/>
  <c r="LPT52" i="1" s="1"/>
  <c r="LPU52" i="1" s="1"/>
  <c r="LPV52" i="1" s="1"/>
  <c r="LPW52" i="1" s="1"/>
  <c r="LPX52" i="1" s="1"/>
  <c r="LPY52" i="1" s="1"/>
  <c r="LPZ52" i="1" s="1"/>
  <c r="LQA52" i="1" s="1"/>
  <c r="LQB52" i="1" s="1"/>
  <c r="LQC52" i="1" s="1"/>
  <c r="LQD52" i="1" s="1"/>
  <c r="LQE52" i="1" s="1"/>
  <c r="LQF52" i="1" s="1"/>
  <c r="LQG52" i="1" s="1"/>
  <c r="LQH52" i="1" s="1"/>
  <c r="LQI52" i="1" s="1"/>
  <c r="LQJ52" i="1" s="1"/>
  <c r="LQK52" i="1" s="1"/>
  <c r="LQL52" i="1" s="1"/>
  <c r="LQM52" i="1" s="1"/>
  <c r="LQN52" i="1" s="1"/>
  <c r="LQO52" i="1" s="1"/>
  <c r="LQP52" i="1" s="1"/>
  <c r="LQQ52" i="1" s="1"/>
  <c r="LQR52" i="1" s="1"/>
  <c r="LQS52" i="1" s="1"/>
  <c r="LQT52" i="1" s="1"/>
  <c r="LQU52" i="1" s="1"/>
  <c r="LQV52" i="1" s="1"/>
  <c r="LQW52" i="1" s="1"/>
  <c r="LQX52" i="1" s="1"/>
  <c r="LQY52" i="1" s="1"/>
  <c r="LQZ52" i="1" s="1"/>
  <c r="LRA52" i="1" s="1"/>
  <c r="LRB52" i="1" s="1"/>
  <c r="LRC52" i="1" s="1"/>
  <c r="LRD52" i="1" s="1"/>
  <c r="LRE52" i="1" s="1"/>
  <c r="LRF52" i="1" s="1"/>
  <c r="LRG52" i="1" s="1"/>
  <c r="LRH52" i="1" s="1"/>
  <c r="LRI52" i="1" s="1"/>
  <c r="LRJ52" i="1" s="1"/>
  <c r="LRK52" i="1" s="1"/>
  <c r="LRL52" i="1" s="1"/>
  <c r="LRM52" i="1" s="1"/>
  <c r="LRN52" i="1" s="1"/>
  <c r="LRO52" i="1" s="1"/>
  <c r="LRP52" i="1" s="1"/>
  <c r="LRQ52" i="1" s="1"/>
  <c r="LRR52" i="1" s="1"/>
  <c r="LRS52" i="1" s="1"/>
  <c r="LRT52" i="1" s="1"/>
  <c r="LRU52" i="1" s="1"/>
  <c r="LRV52" i="1" s="1"/>
  <c r="LRW52" i="1" s="1"/>
  <c r="LRX52" i="1" s="1"/>
  <c r="LRY52" i="1" s="1"/>
  <c r="LRZ52" i="1" s="1"/>
  <c r="LSA52" i="1" s="1"/>
  <c r="LSB52" i="1" s="1"/>
  <c r="LSC52" i="1" s="1"/>
  <c r="LSD52" i="1" s="1"/>
  <c r="LSE52" i="1" s="1"/>
  <c r="LSF52" i="1" s="1"/>
  <c r="LSG52" i="1" s="1"/>
  <c r="LSH52" i="1" s="1"/>
  <c r="LSI52" i="1" s="1"/>
  <c r="LSJ52" i="1" s="1"/>
  <c r="LSK52" i="1" s="1"/>
  <c r="LSL52" i="1" s="1"/>
  <c r="LSM52" i="1" s="1"/>
  <c r="LSN52" i="1" s="1"/>
  <c r="LSO52" i="1" s="1"/>
  <c r="LSP52" i="1" s="1"/>
  <c r="LSQ52" i="1" s="1"/>
  <c r="LSR52" i="1" s="1"/>
  <c r="LSS52" i="1" s="1"/>
  <c r="LST52" i="1" s="1"/>
  <c r="LSU52" i="1" s="1"/>
  <c r="LSV52" i="1" s="1"/>
  <c r="LSW52" i="1" s="1"/>
  <c r="LSX52" i="1" s="1"/>
  <c r="LSY52" i="1" s="1"/>
  <c r="LSZ52" i="1" s="1"/>
  <c r="LTA52" i="1" s="1"/>
  <c r="LTB52" i="1" s="1"/>
  <c r="LTC52" i="1" s="1"/>
  <c r="LTD52" i="1" s="1"/>
  <c r="LTE52" i="1" s="1"/>
  <c r="LTF52" i="1" s="1"/>
  <c r="LTG52" i="1" s="1"/>
  <c r="LTH52" i="1" s="1"/>
  <c r="LTI52" i="1" s="1"/>
  <c r="LTJ52" i="1" s="1"/>
  <c r="LTK52" i="1" s="1"/>
  <c r="LTL52" i="1" s="1"/>
  <c r="LTM52" i="1" s="1"/>
  <c r="LTN52" i="1" s="1"/>
  <c r="LTO52" i="1" s="1"/>
  <c r="LTP52" i="1" s="1"/>
  <c r="LTQ52" i="1" s="1"/>
  <c r="LTR52" i="1" s="1"/>
  <c r="LTS52" i="1" s="1"/>
  <c r="LTT52" i="1" s="1"/>
  <c r="LTU52" i="1" s="1"/>
  <c r="LTV52" i="1" s="1"/>
  <c r="LTW52" i="1" s="1"/>
  <c r="LTX52" i="1" s="1"/>
  <c r="LTY52" i="1" s="1"/>
  <c r="LTZ52" i="1" s="1"/>
  <c r="LUA52" i="1" s="1"/>
  <c r="LUB52" i="1" s="1"/>
  <c r="LUC52" i="1" s="1"/>
  <c r="LUD52" i="1" s="1"/>
  <c r="LUE52" i="1" s="1"/>
  <c r="LUF52" i="1" s="1"/>
  <c r="LUG52" i="1" s="1"/>
  <c r="LUH52" i="1" s="1"/>
  <c r="LUI52" i="1" s="1"/>
  <c r="LUJ52" i="1" s="1"/>
  <c r="LUK52" i="1" s="1"/>
  <c r="LUL52" i="1" s="1"/>
  <c r="LUM52" i="1" s="1"/>
  <c r="LUN52" i="1" s="1"/>
  <c r="LUO52" i="1" s="1"/>
  <c r="LUP52" i="1" s="1"/>
  <c r="LUQ52" i="1" s="1"/>
  <c r="LUR52" i="1" s="1"/>
  <c r="LUS52" i="1" s="1"/>
  <c r="LUT52" i="1" s="1"/>
  <c r="LUU52" i="1" s="1"/>
  <c r="LUV52" i="1" s="1"/>
  <c r="LUW52" i="1" s="1"/>
  <c r="LUX52" i="1" s="1"/>
  <c r="LUY52" i="1" s="1"/>
  <c r="LUZ52" i="1" s="1"/>
  <c r="LVA52" i="1" s="1"/>
  <c r="LVB52" i="1" s="1"/>
  <c r="LVC52" i="1" s="1"/>
  <c r="LVD52" i="1" s="1"/>
  <c r="LVE52" i="1" s="1"/>
  <c r="LVF52" i="1" s="1"/>
  <c r="LVG52" i="1" s="1"/>
  <c r="LVH52" i="1" s="1"/>
  <c r="LVI52" i="1" s="1"/>
  <c r="LVJ52" i="1" s="1"/>
  <c r="LVK52" i="1" s="1"/>
  <c r="LVL52" i="1" s="1"/>
  <c r="LVM52" i="1" s="1"/>
  <c r="LVN52" i="1" s="1"/>
  <c r="LVO52" i="1" s="1"/>
  <c r="LVP52" i="1" s="1"/>
  <c r="LVQ52" i="1" s="1"/>
  <c r="LVR52" i="1" s="1"/>
  <c r="LVS52" i="1" s="1"/>
  <c r="LVT52" i="1" s="1"/>
  <c r="LVU52" i="1" s="1"/>
  <c r="LVV52" i="1" s="1"/>
  <c r="LVW52" i="1" s="1"/>
  <c r="LVX52" i="1" s="1"/>
  <c r="LVY52" i="1" s="1"/>
  <c r="LVZ52" i="1" s="1"/>
  <c r="LWA52" i="1" s="1"/>
  <c r="LWB52" i="1" s="1"/>
  <c r="LWC52" i="1" s="1"/>
  <c r="LWD52" i="1" s="1"/>
  <c r="LWE52" i="1" s="1"/>
  <c r="LWF52" i="1" s="1"/>
  <c r="LWG52" i="1" s="1"/>
  <c r="LWH52" i="1" s="1"/>
  <c r="LWI52" i="1" s="1"/>
  <c r="LWJ52" i="1" s="1"/>
  <c r="LWK52" i="1" s="1"/>
  <c r="LWL52" i="1" s="1"/>
  <c r="LWM52" i="1" s="1"/>
  <c r="LWN52" i="1" s="1"/>
  <c r="LWO52" i="1" s="1"/>
  <c r="LWP52" i="1" s="1"/>
  <c r="LWQ52" i="1" s="1"/>
  <c r="LWR52" i="1" s="1"/>
  <c r="LWS52" i="1" s="1"/>
  <c r="LWT52" i="1" s="1"/>
  <c r="LWU52" i="1" s="1"/>
  <c r="LWV52" i="1" s="1"/>
  <c r="LWW52" i="1" s="1"/>
  <c r="LWX52" i="1" s="1"/>
  <c r="LWY52" i="1" s="1"/>
  <c r="LWZ52" i="1" s="1"/>
  <c r="LXA52" i="1" s="1"/>
  <c r="LXB52" i="1" s="1"/>
  <c r="LXC52" i="1" s="1"/>
  <c r="LXD52" i="1" s="1"/>
  <c r="LXE52" i="1" s="1"/>
  <c r="LXF52" i="1" s="1"/>
  <c r="LXG52" i="1" s="1"/>
  <c r="LXH52" i="1" s="1"/>
  <c r="LXI52" i="1" s="1"/>
  <c r="LXJ52" i="1" s="1"/>
  <c r="LXK52" i="1" s="1"/>
  <c r="LXL52" i="1" s="1"/>
  <c r="LXM52" i="1" s="1"/>
  <c r="LXN52" i="1" s="1"/>
  <c r="LXO52" i="1" s="1"/>
  <c r="LXP52" i="1" s="1"/>
  <c r="LXQ52" i="1" s="1"/>
  <c r="LXR52" i="1" s="1"/>
  <c r="LXS52" i="1" s="1"/>
  <c r="LXT52" i="1" s="1"/>
  <c r="LXU52" i="1" s="1"/>
  <c r="LXV52" i="1" s="1"/>
  <c r="LXW52" i="1" s="1"/>
  <c r="LXX52" i="1" s="1"/>
  <c r="LXY52" i="1" s="1"/>
  <c r="LXZ52" i="1" s="1"/>
  <c r="LYA52" i="1" s="1"/>
  <c r="LYB52" i="1" s="1"/>
  <c r="LYC52" i="1" s="1"/>
  <c r="LYD52" i="1" s="1"/>
  <c r="LYE52" i="1" s="1"/>
  <c r="LYF52" i="1" s="1"/>
  <c r="LYG52" i="1" s="1"/>
  <c r="LYH52" i="1" s="1"/>
  <c r="LYI52" i="1" s="1"/>
  <c r="LYJ52" i="1" s="1"/>
  <c r="LYK52" i="1" s="1"/>
  <c r="LYL52" i="1" s="1"/>
  <c r="LYM52" i="1" s="1"/>
  <c r="LYN52" i="1" s="1"/>
  <c r="LYO52" i="1" s="1"/>
  <c r="LYP52" i="1" s="1"/>
  <c r="LYQ52" i="1" s="1"/>
  <c r="LYR52" i="1" s="1"/>
  <c r="LYS52" i="1" s="1"/>
  <c r="LYT52" i="1" s="1"/>
  <c r="LYU52" i="1" s="1"/>
  <c r="LYV52" i="1" s="1"/>
  <c r="LYW52" i="1" s="1"/>
  <c r="LYX52" i="1" s="1"/>
  <c r="LYY52" i="1" s="1"/>
  <c r="LYZ52" i="1" s="1"/>
  <c r="LZA52" i="1" s="1"/>
  <c r="LZB52" i="1" s="1"/>
  <c r="LZC52" i="1" s="1"/>
  <c r="LZD52" i="1" s="1"/>
  <c r="LZE52" i="1" s="1"/>
  <c r="LZF52" i="1" s="1"/>
  <c r="LZG52" i="1" s="1"/>
  <c r="LZH52" i="1" s="1"/>
  <c r="LZI52" i="1" s="1"/>
  <c r="LZJ52" i="1" s="1"/>
  <c r="LZK52" i="1" s="1"/>
  <c r="LZL52" i="1" s="1"/>
  <c r="LZM52" i="1" s="1"/>
  <c r="LZN52" i="1" s="1"/>
  <c r="LZO52" i="1" s="1"/>
  <c r="LZP52" i="1" s="1"/>
  <c r="LZQ52" i="1" s="1"/>
  <c r="LZR52" i="1" s="1"/>
  <c r="LZS52" i="1" s="1"/>
  <c r="LZT52" i="1" s="1"/>
  <c r="LZU52" i="1" s="1"/>
  <c r="LZV52" i="1" s="1"/>
  <c r="LZW52" i="1" s="1"/>
  <c r="LZX52" i="1" s="1"/>
  <c r="LZY52" i="1" s="1"/>
  <c r="LZZ52" i="1" s="1"/>
  <c r="MAA52" i="1" s="1"/>
  <c r="MAB52" i="1" s="1"/>
  <c r="MAC52" i="1" s="1"/>
  <c r="MAD52" i="1" s="1"/>
  <c r="MAE52" i="1" s="1"/>
  <c r="MAF52" i="1" s="1"/>
  <c r="MAG52" i="1" s="1"/>
  <c r="MAH52" i="1" s="1"/>
  <c r="MAI52" i="1" s="1"/>
  <c r="MAJ52" i="1" s="1"/>
  <c r="MAK52" i="1" s="1"/>
  <c r="MAL52" i="1" s="1"/>
  <c r="MAM52" i="1" s="1"/>
  <c r="MAN52" i="1" s="1"/>
  <c r="MAO52" i="1" s="1"/>
  <c r="MAP52" i="1" s="1"/>
  <c r="MAQ52" i="1" s="1"/>
  <c r="MAR52" i="1" s="1"/>
  <c r="MAS52" i="1" s="1"/>
  <c r="MAT52" i="1" s="1"/>
  <c r="MAU52" i="1" s="1"/>
  <c r="MAV52" i="1" s="1"/>
  <c r="MAW52" i="1" s="1"/>
  <c r="MAX52" i="1" s="1"/>
  <c r="MAY52" i="1" s="1"/>
  <c r="MAZ52" i="1" s="1"/>
  <c r="MBA52" i="1" s="1"/>
  <c r="MBB52" i="1" s="1"/>
  <c r="MBC52" i="1" s="1"/>
  <c r="MBD52" i="1" s="1"/>
  <c r="MBE52" i="1" s="1"/>
  <c r="MBF52" i="1" s="1"/>
  <c r="MBG52" i="1" s="1"/>
  <c r="MBH52" i="1" s="1"/>
  <c r="MBI52" i="1" s="1"/>
  <c r="MBJ52" i="1" s="1"/>
  <c r="MBK52" i="1" s="1"/>
  <c r="MBL52" i="1" s="1"/>
  <c r="MBM52" i="1" s="1"/>
  <c r="MBN52" i="1" s="1"/>
  <c r="MBO52" i="1" s="1"/>
  <c r="MBP52" i="1" s="1"/>
  <c r="MBQ52" i="1" s="1"/>
  <c r="MBR52" i="1" s="1"/>
  <c r="MBS52" i="1" s="1"/>
  <c r="MBT52" i="1" s="1"/>
  <c r="MBU52" i="1" s="1"/>
  <c r="MBV52" i="1" s="1"/>
  <c r="MBW52" i="1" s="1"/>
  <c r="MBX52" i="1" s="1"/>
  <c r="MBY52" i="1" s="1"/>
  <c r="MBZ52" i="1" s="1"/>
  <c r="MCA52" i="1" s="1"/>
  <c r="MCB52" i="1" s="1"/>
  <c r="MCC52" i="1" s="1"/>
  <c r="MCD52" i="1" s="1"/>
  <c r="MCE52" i="1" s="1"/>
  <c r="MCF52" i="1" s="1"/>
  <c r="MCG52" i="1" s="1"/>
  <c r="MCH52" i="1" s="1"/>
  <c r="MCI52" i="1" s="1"/>
  <c r="MCJ52" i="1" s="1"/>
  <c r="MCK52" i="1" s="1"/>
  <c r="MCL52" i="1" s="1"/>
  <c r="MCM52" i="1" s="1"/>
  <c r="MCN52" i="1" s="1"/>
  <c r="MCO52" i="1" s="1"/>
  <c r="MCP52" i="1" s="1"/>
  <c r="MCQ52" i="1" s="1"/>
  <c r="MCR52" i="1" s="1"/>
  <c r="MCS52" i="1" s="1"/>
  <c r="MCT52" i="1" s="1"/>
  <c r="MCU52" i="1" s="1"/>
  <c r="MCV52" i="1" s="1"/>
  <c r="MCW52" i="1" s="1"/>
  <c r="MCX52" i="1" s="1"/>
  <c r="MCY52" i="1" s="1"/>
  <c r="MCZ52" i="1" s="1"/>
  <c r="MDA52" i="1" s="1"/>
  <c r="MDB52" i="1" s="1"/>
  <c r="MDC52" i="1" s="1"/>
  <c r="MDD52" i="1" s="1"/>
  <c r="MDE52" i="1" s="1"/>
  <c r="MDF52" i="1" s="1"/>
  <c r="MDG52" i="1" s="1"/>
  <c r="MDH52" i="1" s="1"/>
  <c r="MDI52" i="1" s="1"/>
  <c r="MDJ52" i="1" s="1"/>
  <c r="MDK52" i="1" s="1"/>
  <c r="MDL52" i="1" s="1"/>
  <c r="MDM52" i="1" s="1"/>
  <c r="MDN52" i="1" s="1"/>
  <c r="MDO52" i="1" s="1"/>
  <c r="MDP52" i="1" s="1"/>
  <c r="MDQ52" i="1" s="1"/>
  <c r="MDR52" i="1" s="1"/>
  <c r="MDS52" i="1" s="1"/>
  <c r="MDT52" i="1" s="1"/>
  <c r="MDU52" i="1" s="1"/>
  <c r="MDV52" i="1" s="1"/>
  <c r="MDW52" i="1" s="1"/>
  <c r="MDX52" i="1" s="1"/>
  <c r="MDY52" i="1" s="1"/>
  <c r="MDZ52" i="1" s="1"/>
  <c r="MEA52" i="1" s="1"/>
  <c r="MEB52" i="1" s="1"/>
  <c r="MEC52" i="1" s="1"/>
  <c r="MED52" i="1" s="1"/>
  <c r="MEE52" i="1" s="1"/>
  <c r="MEF52" i="1" s="1"/>
  <c r="MEG52" i="1" s="1"/>
  <c r="MEH52" i="1" s="1"/>
  <c r="MEI52" i="1" s="1"/>
  <c r="MEJ52" i="1" s="1"/>
  <c r="MEK52" i="1" s="1"/>
  <c r="MEL52" i="1" s="1"/>
  <c r="MEM52" i="1" s="1"/>
  <c r="MEN52" i="1" s="1"/>
  <c r="MEO52" i="1" s="1"/>
  <c r="MEP52" i="1" s="1"/>
  <c r="MEQ52" i="1" s="1"/>
  <c r="MER52" i="1" s="1"/>
  <c r="MES52" i="1" s="1"/>
  <c r="MET52" i="1" s="1"/>
  <c r="MEU52" i="1" s="1"/>
  <c r="MEV52" i="1" s="1"/>
  <c r="MEW52" i="1" s="1"/>
  <c r="MEX52" i="1" s="1"/>
  <c r="MEY52" i="1" s="1"/>
  <c r="MEZ52" i="1" s="1"/>
  <c r="MFA52" i="1" s="1"/>
  <c r="MFB52" i="1" s="1"/>
  <c r="MFC52" i="1" s="1"/>
  <c r="MFD52" i="1" s="1"/>
  <c r="MFE52" i="1" s="1"/>
  <c r="MFF52" i="1" s="1"/>
  <c r="MFG52" i="1" s="1"/>
  <c r="MFH52" i="1" s="1"/>
  <c r="MFI52" i="1" s="1"/>
  <c r="MFJ52" i="1" s="1"/>
  <c r="MFK52" i="1" s="1"/>
  <c r="MFL52" i="1" s="1"/>
  <c r="MFM52" i="1" s="1"/>
  <c r="MFN52" i="1" s="1"/>
  <c r="MFO52" i="1" s="1"/>
  <c r="MFP52" i="1" s="1"/>
  <c r="MFQ52" i="1" s="1"/>
  <c r="MFR52" i="1" s="1"/>
  <c r="MFS52" i="1" s="1"/>
  <c r="MFT52" i="1" s="1"/>
  <c r="MFU52" i="1" s="1"/>
  <c r="MFV52" i="1" s="1"/>
  <c r="MFW52" i="1" s="1"/>
  <c r="MFX52" i="1" s="1"/>
  <c r="MFY52" i="1" s="1"/>
  <c r="MFZ52" i="1" s="1"/>
  <c r="MGA52" i="1" s="1"/>
  <c r="MGB52" i="1" s="1"/>
  <c r="MGC52" i="1" s="1"/>
  <c r="MGD52" i="1" s="1"/>
  <c r="MGE52" i="1" s="1"/>
  <c r="MGF52" i="1" s="1"/>
  <c r="MGG52" i="1" s="1"/>
  <c r="MGH52" i="1" s="1"/>
  <c r="MGI52" i="1" s="1"/>
  <c r="MGJ52" i="1" s="1"/>
  <c r="MGK52" i="1" s="1"/>
  <c r="MGL52" i="1" s="1"/>
  <c r="MGM52" i="1" s="1"/>
  <c r="MGN52" i="1" s="1"/>
  <c r="MGO52" i="1" s="1"/>
  <c r="MGP52" i="1" s="1"/>
  <c r="MGQ52" i="1" s="1"/>
  <c r="MGR52" i="1" s="1"/>
  <c r="MGS52" i="1" s="1"/>
  <c r="MGT52" i="1" s="1"/>
  <c r="MGU52" i="1" s="1"/>
  <c r="MGV52" i="1" s="1"/>
  <c r="MGW52" i="1" s="1"/>
  <c r="MGX52" i="1" s="1"/>
  <c r="MGY52" i="1" s="1"/>
  <c r="MGZ52" i="1" s="1"/>
  <c r="MHA52" i="1" s="1"/>
  <c r="MHB52" i="1" s="1"/>
  <c r="MHC52" i="1" s="1"/>
  <c r="MHD52" i="1" s="1"/>
  <c r="MHE52" i="1" s="1"/>
  <c r="MHF52" i="1" s="1"/>
  <c r="MHG52" i="1" s="1"/>
  <c r="MHH52" i="1" s="1"/>
  <c r="MHI52" i="1" s="1"/>
  <c r="MHJ52" i="1" s="1"/>
  <c r="MHK52" i="1" s="1"/>
  <c r="MHL52" i="1" s="1"/>
  <c r="MHM52" i="1" s="1"/>
  <c r="MHN52" i="1" s="1"/>
  <c r="MHO52" i="1" s="1"/>
  <c r="MHP52" i="1" s="1"/>
  <c r="MHQ52" i="1" s="1"/>
  <c r="MHR52" i="1" s="1"/>
  <c r="MHS52" i="1" s="1"/>
  <c r="MHT52" i="1" s="1"/>
  <c r="MHU52" i="1" s="1"/>
  <c r="MHV52" i="1" s="1"/>
  <c r="MHW52" i="1" s="1"/>
  <c r="MHX52" i="1" s="1"/>
  <c r="MHY52" i="1" s="1"/>
  <c r="MHZ52" i="1" s="1"/>
  <c r="MIA52" i="1" s="1"/>
  <c r="MIB52" i="1" s="1"/>
  <c r="MIC52" i="1" s="1"/>
  <c r="MID52" i="1" s="1"/>
  <c r="MIE52" i="1" s="1"/>
  <c r="MIF52" i="1" s="1"/>
  <c r="MIG52" i="1" s="1"/>
  <c r="MIH52" i="1" s="1"/>
  <c r="MII52" i="1" s="1"/>
  <c r="MIJ52" i="1" s="1"/>
  <c r="MIK52" i="1" s="1"/>
  <c r="MIL52" i="1" s="1"/>
  <c r="MIM52" i="1" s="1"/>
  <c r="MIN52" i="1" s="1"/>
  <c r="MIO52" i="1" s="1"/>
  <c r="MIP52" i="1" s="1"/>
  <c r="MIQ52" i="1" s="1"/>
  <c r="MIR52" i="1" s="1"/>
  <c r="MIS52" i="1" s="1"/>
  <c r="MIT52" i="1" s="1"/>
  <c r="MIU52" i="1" s="1"/>
  <c r="MIV52" i="1" s="1"/>
  <c r="MIW52" i="1" s="1"/>
  <c r="MIX52" i="1" s="1"/>
  <c r="MIY52" i="1" s="1"/>
  <c r="MIZ52" i="1" s="1"/>
  <c r="MJA52" i="1" s="1"/>
  <c r="MJB52" i="1" s="1"/>
  <c r="MJC52" i="1" s="1"/>
  <c r="MJD52" i="1" s="1"/>
  <c r="MJE52" i="1" s="1"/>
  <c r="MJF52" i="1" s="1"/>
  <c r="MJG52" i="1" s="1"/>
  <c r="MJH52" i="1" s="1"/>
  <c r="MJI52" i="1" s="1"/>
  <c r="MJJ52" i="1" s="1"/>
  <c r="MJK52" i="1" s="1"/>
  <c r="MJL52" i="1" s="1"/>
  <c r="MJM52" i="1" s="1"/>
  <c r="MJN52" i="1" s="1"/>
  <c r="MJO52" i="1" s="1"/>
  <c r="MJP52" i="1" s="1"/>
  <c r="MJQ52" i="1" s="1"/>
  <c r="MJR52" i="1" s="1"/>
  <c r="MJS52" i="1" s="1"/>
  <c r="MJT52" i="1" s="1"/>
  <c r="MJU52" i="1" s="1"/>
  <c r="MJV52" i="1" s="1"/>
  <c r="MJW52" i="1" s="1"/>
  <c r="MJX52" i="1" s="1"/>
  <c r="MJY52" i="1" s="1"/>
  <c r="MJZ52" i="1" s="1"/>
  <c r="MKA52" i="1" s="1"/>
  <c r="MKB52" i="1" s="1"/>
  <c r="MKC52" i="1" s="1"/>
  <c r="MKD52" i="1" s="1"/>
  <c r="MKE52" i="1" s="1"/>
  <c r="MKF52" i="1" s="1"/>
  <c r="MKG52" i="1" s="1"/>
  <c r="MKH52" i="1" s="1"/>
  <c r="MKI52" i="1" s="1"/>
  <c r="MKJ52" i="1" s="1"/>
  <c r="MKK52" i="1" s="1"/>
  <c r="MKL52" i="1" s="1"/>
  <c r="MKM52" i="1" s="1"/>
  <c r="MKN52" i="1" s="1"/>
  <c r="MKO52" i="1" s="1"/>
  <c r="MKP52" i="1" s="1"/>
  <c r="MKQ52" i="1" s="1"/>
  <c r="MKR52" i="1" s="1"/>
  <c r="MKS52" i="1" s="1"/>
  <c r="MKT52" i="1" s="1"/>
  <c r="MKU52" i="1" s="1"/>
  <c r="MKV52" i="1" s="1"/>
  <c r="MKW52" i="1" s="1"/>
  <c r="MKX52" i="1" s="1"/>
  <c r="MKY52" i="1" s="1"/>
  <c r="MKZ52" i="1" s="1"/>
  <c r="MLA52" i="1" s="1"/>
  <c r="MLB52" i="1" s="1"/>
  <c r="MLC52" i="1" s="1"/>
  <c r="MLD52" i="1" s="1"/>
  <c r="MLE52" i="1" s="1"/>
  <c r="MLF52" i="1" s="1"/>
  <c r="MLG52" i="1" s="1"/>
  <c r="MLH52" i="1" s="1"/>
  <c r="MLI52" i="1" s="1"/>
  <c r="MLJ52" i="1" s="1"/>
  <c r="MLK52" i="1" s="1"/>
  <c r="MLL52" i="1" s="1"/>
  <c r="MLM52" i="1" s="1"/>
  <c r="MLN52" i="1" s="1"/>
  <c r="MLO52" i="1" s="1"/>
  <c r="MLP52" i="1" s="1"/>
  <c r="MLQ52" i="1" s="1"/>
  <c r="MLR52" i="1" s="1"/>
  <c r="MLS52" i="1" s="1"/>
  <c r="MLT52" i="1" s="1"/>
  <c r="MLU52" i="1" s="1"/>
  <c r="MLV52" i="1" s="1"/>
  <c r="MLW52" i="1" s="1"/>
  <c r="MLX52" i="1" s="1"/>
  <c r="MLY52" i="1" s="1"/>
  <c r="MLZ52" i="1" s="1"/>
  <c r="MMA52" i="1" s="1"/>
  <c r="MMB52" i="1" s="1"/>
  <c r="MMC52" i="1" s="1"/>
  <c r="MMD52" i="1" s="1"/>
  <c r="MME52" i="1" s="1"/>
  <c r="MMF52" i="1" s="1"/>
  <c r="MMG52" i="1" s="1"/>
  <c r="MMH52" i="1" s="1"/>
  <c r="MMI52" i="1" s="1"/>
  <c r="MMJ52" i="1" s="1"/>
  <c r="MMK52" i="1" s="1"/>
  <c r="MML52" i="1" s="1"/>
  <c r="MMM52" i="1" s="1"/>
  <c r="MMN52" i="1" s="1"/>
  <c r="MMO52" i="1" s="1"/>
  <c r="MMP52" i="1" s="1"/>
  <c r="MMQ52" i="1" s="1"/>
  <c r="MMR52" i="1" s="1"/>
  <c r="MMS52" i="1" s="1"/>
  <c r="MMT52" i="1" s="1"/>
  <c r="MMU52" i="1" s="1"/>
  <c r="MMV52" i="1" s="1"/>
  <c r="MMW52" i="1" s="1"/>
  <c r="MMX52" i="1" s="1"/>
  <c r="MMY52" i="1" s="1"/>
  <c r="MMZ52" i="1" s="1"/>
  <c r="MNA52" i="1" s="1"/>
  <c r="MNB52" i="1" s="1"/>
  <c r="MNC52" i="1" s="1"/>
  <c r="MND52" i="1" s="1"/>
  <c r="MNE52" i="1" s="1"/>
  <c r="MNF52" i="1" s="1"/>
  <c r="MNG52" i="1" s="1"/>
  <c r="MNH52" i="1" s="1"/>
  <c r="MNI52" i="1" s="1"/>
  <c r="MNJ52" i="1" s="1"/>
  <c r="MNK52" i="1" s="1"/>
  <c r="MNL52" i="1" s="1"/>
  <c r="MNM52" i="1" s="1"/>
  <c r="MNN52" i="1" s="1"/>
  <c r="MNO52" i="1" s="1"/>
  <c r="MNP52" i="1" s="1"/>
  <c r="MNQ52" i="1" s="1"/>
  <c r="MNR52" i="1" s="1"/>
  <c r="MNS52" i="1" s="1"/>
  <c r="MNT52" i="1" s="1"/>
  <c r="MNU52" i="1" s="1"/>
  <c r="MNV52" i="1" s="1"/>
  <c r="MNW52" i="1" s="1"/>
  <c r="MNX52" i="1" s="1"/>
  <c r="MNY52" i="1" s="1"/>
  <c r="MNZ52" i="1" s="1"/>
  <c r="MOA52" i="1" s="1"/>
  <c r="MOB52" i="1" s="1"/>
  <c r="MOC52" i="1" s="1"/>
  <c r="MOD52" i="1" s="1"/>
  <c r="MOE52" i="1" s="1"/>
  <c r="MOF52" i="1" s="1"/>
  <c r="MOG52" i="1" s="1"/>
  <c r="MOH52" i="1" s="1"/>
  <c r="MOI52" i="1" s="1"/>
  <c r="MOJ52" i="1" s="1"/>
  <c r="MOK52" i="1" s="1"/>
  <c r="MOL52" i="1" s="1"/>
  <c r="MOM52" i="1" s="1"/>
  <c r="MON52" i="1" s="1"/>
  <c r="MOO52" i="1" s="1"/>
  <c r="MOP52" i="1" s="1"/>
  <c r="MOQ52" i="1" s="1"/>
  <c r="MOR52" i="1" s="1"/>
  <c r="MOS52" i="1" s="1"/>
  <c r="MOT52" i="1" s="1"/>
  <c r="MOU52" i="1" s="1"/>
  <c r="MOV52" i="1" s="1"/>
  <c r="MOW52" i="1" s="1"/>
  <c r="MOX52" i="1" s="1"/>
  <c r="MOY52" i="1" s="1"/>
  <c r="MOZ52" i="1" s="1"/>
  <c r="MPA52" i="1" s="1"/>
  <c r="MPB52" i="1" s="1"/>
  <c r="MPC52" i="1" s="1"/>
  <c r="MPD52" i="1" s="1"/>
  <c r="MPE52" i="1" s="1"/>
  <c r="MPF52" i="1" s="1"/>
  <c r="MPG52" i="1" s="1"/>
  <c r="MPH52" i="1" s="1"/>
  <c r="MPI52" i="1" s="1"/>
  <c r="MPJ52" i="1" s="1"/>
  <c r="MPK52" i="1" s="1"/>
  <c r="MPL52" i="1" s="1"/>
  <c r="MPM52" i="1" s="1"/>
  <c r="MPN52" i="1" s="1"/>
  <c r="MPO52" i="1" s="1"/>
  <c r="MPP52" i="1" s="1"/>
  <c r="MPQ52" i="1" s="1"/>
  <c r="MPR52" i="1" s="1"/>
  <c r="MPS52" i="1" s="1"/>
  <c r="MPT52" i="1" s="1"/>
  <c r="MPU52" i="1" s="1"/>
  <c r="MPV52" i="1" s="1"/>
  <c r="MPW52" i="1" s="1"/>
  <c r="MPX52" i="1" s="1"/>
  <c r="MPY52" i="1" s="1"/>
  <c r="MPZ52" i="1" s="1"/>
  <c r="MQA52" i="1" s="1"/>
  <c r="MQB52" i="1" s="1"/>
  <c r="MQC52" i="1" s="1"/>
  <c r="MQD52" i="1" s="1"/>
  <c r="MQE52" i="1" s="1"/>
  <c r="MQF52" i="1" s="1"/>
  <c r="MQG52" i="1" s="1"/>
  <c r="MQH52" i="1" s="1"/>
  <c r="MQI52" i="1" s="1"/>
  <c r="MQJ52" i="1" s="1"/>
  <c r="MQK52" i="1" s="1"/>
  <c r="MQL52" i="1" s="1"/>
  <c r="MQM52" i="1" s="1"/>
  <c r="MQN52" i="1" s="1"/>
  <c r="MQO52" i="1" s="1"/>
  <c r="MQP52" i="1" s="1"/>
  <c r="MQQ52" i="1" s="1"/>
  <c r="MQR52" i="1" s="1"/>
  <c r="MQS52" i="1" s="1"/>
  <c r="MQT52" i="1" s="1"/>
  <c r="MQU52" i="1" s="1"/>
  <c r="MQV52" i="1" s="1"/>
  <c r="MQW52" i="1" s="1"/>
  <c r="MQX52" i="1" s="1"/>
  <c r="MQY52" i="1" s="1"/>
  <c r="MQZ52" i="1" s="1"/>
  <c r="MRA52" i="1" s="1"/>
  <c r="MRB52" i="1" s="1"/>
  <c r="MRC52" i="1" s="1"/>
  <c r="MRD52" i="1" s="1"/>
  <c r="MRE52" i="1" s="1"/>
  <c r="MRF52" i="1" s="1"/>
  <c r="MRG52" i="1" s="1"/>
  <c r="MRH52" i="1" s="1"/>
  <c r="MRI52" i="1" s="1"/>
  <c r="MRJ52" i="1" s="1"/>
  <c r="MRK52" i="1" s="1"/>
  <c r="MRL52" i="1" s="1"/>
  <c r="MRM52" i="1" s="1"/>
  <c r="MRN52" i="1" s="1"/>
  <c r="MRO52" i="1" s="1"/>
  <c r="MRP52" i="1" s="1"/>
  <c r="MRQ52" i="1" s="1"/>
  <c r="MRR52" i="1" s="1"/>
  <c r="MRS52" i="1" s="1"/>
  <c r="MRT52" i="1" s="1"/>
  <c r="MRU52" i="1" s="1"/>
  <c r="MRV52" i="1" s="1"/>
  <c r="MRW52" i="1" s="1"/>
  <c r="MRX52" i="1" s="1"/>
  <c r="MRY52" i="1" s="1"/>
  <c r="MRZ52" i="1" s="1"/>
  <c r="MSA52" i="1" s="1"/>
  <c r="MSB52" i="1" s="1"/>
  <c r="MSC52" i="1" s="1"/>
  <c r="MSD52" i="1" s="1"/>
  <c r="MSE52" i="1" s="1"/>
  <c r="MSF52" i="1" s="1"/>
  <c r="MSG52" i="1" s="1"/>
  <c r="MSH52" i="1" s="1"/>
  <c r="MSI52" i="1" s="1"/>
  <c r="MSJ52" i="1" s="1"/>
  <c r="MSK52" i="1" s="1"/>
  <c r="MSL52" i="1" s="1"/>
  <c r="MSM52" i="1" s="1"/>
  <c r="MSN52" i="1" s="1"/>
  <c r="MSO52" i="1" s="1"/>
  <c r="MSP52" i="1" s="1"/>
  <c r="MSQ52" i="1" s="1"/>
  <c r="MSR52" i="1" s="1"/>
  <c r="MSS52" i="1" s="1"/>
  <c r="MST52" i="1" s="1"/>
  <c r="MSU52" i="1" s="1"/>
  <c r="MSV52" i="1" s="1"/>
  <c r="MSW52" i="1" s="1"/>
  <c r="MSX52" i="1" s="1"/>
  <c r="MSY52" i="1" s="1"/>
  <c r="MSZ52" i="1" s="1"/>
  <c r="MTA52" i="1" s="1"/>
  <c r="MTB52" i="1" s="1"/>
  <c r="MTC52" i="1" s="1"/>
  <c r="MTD52" i="1" s="1"/>
  <c r="MTE52" i="1" s="1"/>
  <c r="MTF52" i="1" s="1"/>
  <c r="MTG52" i="1" s="1"/>
  <c r="MTH52" i="1" s="1"/>
  <c r="MTI52" i="1" s="1"/>
  <c r="MTJ52" i="1" s="1"/>
  <c r="MTK52" i="1" s="1"/>
  <c r="MTL52" i="1" s="1"/>
  <c r="MTM52" i="1" s="1"/>
  <c r="MTN52" i="1" s="1"/>
  <c r="MTO52" i="1" s="1"/>
  <c r="MTP52" i="1" s="1"/>
  <c r="MTQ52" i="1" s="1"/>
  <c r="MTR52" i="1" s="1"/>
  <c r="MTS52" i="1" s="1"/>
  <c r="MTT52" i="1" s="1"/>
  <c r="MTU52" i="1" s="1"/>
  <c r="MTV52" i="1" s="1"/>
  <c r="MTW52" i="1" s="1"/>
  <c r="MTX52" i="1" s="1"/>
  <c r="MTY52" i="1" s="1"/>
  <c r="MTZ52" i="1" s="1"/>
  <c r="MUA52" i="1" s="1"/>
  <c r="MUB52" i="1" s="1"/>
  <c r="MUC52" i="1" s="1"/>
  <c r="MUD52" i="1" s="1"/>
  <c r="MUE52" i="1" s="1"/>
  <c r="MUF52" i="1" s="1"/>
  <c r="MUG52" i="1" s="1"/>
  <c r="MUH52" i="1" s="1"/>
  <c r="MUI52" i="1" s="1"/>
  <c r="MUJ52" i="1" s="1"/>
  <c r="MUK52" i="1" s="1"/>
  <c r="MUL52" i="1" s="1"/>
  <c r="MUM52" i="1" s="1"/>
  <c r="MUN52" i="1" s="1"/>
  <c r="MUO52" i="1" s="1"/>
  <c r="MUP52" i="1" s="1"/>
  <c r="MUQ52" i="1" s="1"/>
  <c r="MUR52" i="1" s="1"/>
  <c r="MUS52" i="1" s="1"/>
  <c r="MUT52" i="1" s="1"/>
  <c r="MUU52" i="1" s="1"/>
  <c r="MUV52" i="1" s="1"/>
  <c r="MUW52" i="1" s="1"/>
  <c r="MUX52" i="1" s="1"/>
  <c r="MUY52" i="1" s="1"/>
  <c r="MUZ52" i="1" s="1"/>
  <c r="MVA52" i="1" s="1"/>
  <c r="MVB52" i="1" s="1"/>
  <c r="MVC52" i="1" s="1"/>
  <c r="MVD52" i="1" s="1"/>
  <c r="MVE52" i="1" s="1"/>
  <c r="MVF52" i="1" s="1"/>
  <c r="MVG52" i="1" s="1"/>
  <c r="MVH52" i="1" s="1"/>
  <c r="MVI52" i="1" s="1"/>
  <c r="MVJ52" i="1" s="1"/>
  <c r="MVK52" i="1" s="1"/>
  <c r="MVL52" i="1" s="1"/>
  <c r="MVM52" i="1" s="1"/>
  <c r="MVN52" i="1" s="1"/>
  <c r="MVO52" i="1" s="1"/>
  <c r="MVP52" i="1" s="1"/>
  <c r="MVQ52" i="1" s="1"/>
  <c r="MVR52" i="1" s="1"/>
  <c r="MVS52" i="1" s="1"/>
  <c r="MVT52" i="1" s="1"/>
  <c r="MVU52" i="1" s="1"/>
  <c r="MVV52" i="1" s="1"/>
  <c r="MVW52" i="1" s="1"/>
  <c r="MVX52" i="1" s="1"/>
  <c r="MVY52" i="1" s="1"/>
  <c r="MVZ52" i="1" s="1"/>
  <c r="MWA52" i="1" s="1"/>
  <c r="MWB52" i="1" s="1"/>
  <c r="MWC52" i="1" s="1"/>
  <c r="MWD52" i="1" s="1"/>
  <c r="MWE52" i="1" s="1"/>
  <c r="MWF52" i="1" s="1"/>
  <c r="MWG52" i="1" s="1"/>
  <c r="MWH52" i="1" s="1"/>
  <c r="MWI52" i="1" s="1"/>
  <c r="MWJ52" i="1" s="1"/>
  <c r="MWK52" i="1" s="1"/>
  <c r="MWL52" i="1" s="1"/>
  <c r="MWM52" i="1" s="1"/>
  <c r="MWN52" i="1" s="1"/>
  <c r="MWO52" i="1" s="1"/>
  <c r="MWP52" i="1" s="1"/>
  <c r="MWQ52" i="1" s="1"/>
  <c r="MWR52" i="1" s="1"/>
  <c r="MWS52" i="1" s="1"/>
  <c r="MWT52" i="1" s="1"/>
  <c r="MWU52" i="1" s="1"/>
  <c r="MWV52" i="1" s="1"/>
  <c r="MWW52" i="1" s="1"/>
  <c r="MWX52" i="1" s="1"/>
  <c r="MWY52" i="1" s="1"/>
  <c r="MWZ52" i="1" s="1"/>
  <c r="MXA52" i="1" s="1"/>
  <c r="MXB52" i="1" s="1"/>
  <c r="MXC52" i="1" s="1"/>
  <c r="MXD52" i="1" s="1"/>
  <c r="MXE52" i="1" s="1"/>
  <c r="MXF52" i="1" s="1"/>
  <c r="MXG52" i="1" s="1"/>
  <c r="MXH52" i="1" s="1"/>
  <c r="MXI52" i="1" s="1"/>
  <c r="MXJ52" i="1" s="1"/>
  <c r="MXK52" i="1" s="1"/>
  <c r="MXL52" i="1" s="1"/>
  <c r="MXM52" i="1" s="1"/>
  <c r="MXN52" i="1" s="1"/>
  <c r="MXO52" i="1" s="1"/>
  <c r="MXP52" i="1" s="1"/>
  <c r="MXQ52" i="1" s="1"/>
  <c r="MXR52" i="1" s="1"/>
  <c r="MXS52" i="1" s="1"/>
  <c r="MXT52" i="1" s="1"/>
  <c r="MXU52" i="1" s="1"/>
  <c r="MXV52" i="1" s="1"/>
  <c r="MXW52" i="1" s="1"/>
  <c r="MXX52" i="1" s="1"/>
  <c r="MXY52" i="1" s="1"/>
  <c r="MXZ52" i="1" s="1"/>
  <c r="MYA52" i="1" s="1"/>
  <c r="MYB52" i="1" s="1"/>
  <c r="MYC52" i="1" s="1"/>
  <c r="MYD52" i="1" s="1"/>
  <c r="MYE52" i="1" s="1"/>
  <c r="MYF52" i="1" s="1"/>
  <c r="MYG52" i="1" s="1"/>
  <c r="MYH52" i="1" s="1"/>
  <c r="MYI52" i="1" s="1"/>
  <c r="MYJ52" i="1" s="1"/>
  <c r="MYK52" i="1" s="1"/>
  <c r="MYL52" i="1" s="1"/>
  <c r="MYM52" i="1" s="1"/>
  <c r="MYN52" i="1" s="1"/>
  <c r="MYO52" i="1" s="1"/>
  <c r="MYP52" i="1" s="1"/>
  <c r="MYQ52" i="1" s="1"/>
  <c r="MYR52" i="1" s="1"/>
  <c r="MYS52" i="1" s="1"/>
  <c r="MYT52" i="1" s="1"/>
  <c r="MYU52" i="1" s="1"/>
  <c r="MYV52" i="1" s="1"/>
  <c r="MYW52" i="1" s="1"/>
  <c r="MYX52" i="1" s="1"/>
  <c r="MYY52" i="1" s="1"/>
  <c r="MYZ52" i="1" s="1"/>
  <c r="MZA52" i="1" s="1"/>
  <c r="MZB52" i="1" s="1"/>
  <c r="MZC52" i="1" s="1"/>
  <c r="MZD52" i="1" s="1"/>
  <c r="MZE52" i="1" s="1"/>
  <c r="MZF52" i="1" s="1"/>
  <c r="MZG52" i="1" s="1"/>
  <c r="MZH52" i="1" s="1"/>
  <c r="MZI52" i="1" s="1"/>
  <c r="MZJ52" i="1" s="1"/>
  <c r="MZK52" i="1" s="1"/>
  <c r="MZL52" i="1" s="1"/>
  <c r="MZM52" i="1" s="1"/>
  <c r="MZN52" i="1" s="1"/>
  <c r="MZO52" i="1" s="1"/>
  <c r="MZP52" i="1" s="1"/>
  <c r="MZQ52" i="1" s="1"/>
  <c r="MZR52" i="1" s="1"/>
  <c r="MZS52" i="1" s="1"/>
  <c r="MZT52" i="1" s="1"/>
  <c r="MZU52" i="1" s="1"/>
  <c r="MZV52" i="1" s="1"/>
  <c r="MZW52" i="1" s="1"/>
  <c r="MZX52" i="1" s="1"/>
  <c r="MZY52" i="1" s="1"/>
  <c r="MZZ52" i="1" s="1"/>
  <c r="NAA52" i="1" s="1"/>
  <c r="NAB52" i="1" s="1"/>
  <c r="NAC52" i="1" s="1"/>
  <c r="NAD52" i="1" s="1"/>
  <c r="NAE52" i="1" s="1"/>
  <c r="NAF52" i="1" s="1"/>
  <c r="NAG52" i="1" s="1"/>
  <c r="NAH52" i="1" s="1"/>
  <c r="NAI52" i="1" s="1"/>
  <c r="NAJ52" i="1" s="1"/>
  <c r="NAK52" i="1" s="1"/>
  <c r="NAL52" i="1" s="1"/>
  <c r="NAM52" i="1" s="1"/>
  <c r="NAN52" i="1" s="1"/>
  <c r="NAO52" i="1" s="1"/>
  <c r="NAP52" i="1" s="1"/>
  <c r="NAQ52" i="1" s="1"/>
  <c r="NAR52" i="1" s="1"/>
  <c r="NAS52" i="1" s="1"/>
  <c r="NAT52" i="1" s="1"/>
  <c r="NAU52" i="1" s="1"/>
  <c r="NAV52" i="1" s="1"/>
  <c r="NAW52" i="1" s="1"/>
  <c r="NAX52" i="1" s="1"/>
  <c r="NAY52" i="1" s="1"/>
  <c r="NAZ52" i="1" s="1"/>
  <c r="NBA52" i="1" s="1"/>
  <c r="NBB52" i="1" s="1"/>
  <c r="NBC52" i="1" s="1"/>
  <c r="NBD52" i="1" s="1"/>
  <c r="NBE52" i="1" s="1"/>
  <c r="NBF52" i="1" s="1"/>
  <c r="NBG52" i="1" s="1"/>
  <c r="NBH52" i="1" s="1"/>
  <c r="NBI52" i="1" s="1"/>
  <c r="NBJ52" i="1" s="1"/>
  <c r="NBK52" i="1" s="1"/>
  <c r="NBL52" i="1" s="1"/>
  <c r="NBM52" i="1" s="1"/>
  <c r="NBN52" i="1" s="1"/>
  <c r="NBO52" i="1" s="1"/>
  <c r="NBP52" i="1" s="1"/>
  <c r="NBQ52" i="1" s="1"/>
  <c r="NBR52" i="1" s="1"/>
  <c r="NBS52" i="1" s="1"/>
  <c r="NBT52" i="1" s="1"/>
  <c r="NBU52" i="1" s="1"/>
  <c r="NBV52" i="1" s="1"/>
  <c r="NBW52" i="1" s="1"/>
  <c r="NBX52" i="1" s="1"/>
  <c r="NBY52" i="1" s="1"/>
  <c r="NBZ52" i="1" s="1"/>
  <c r="NCA52" i="1" s="1"/>
  <c r="NCB52" i="1" s="1"/>
  <c r="NCC52" i="1" s="1"/>
  <c r="NCD52" i="1" s="1"/>
  <c r="NCE52" i="1" s="1"/>
  <c r="NCF52" i="1" s="1"/>
  <c r="NCG52" i="1" s="1"/>
  <c r="NCH52" i="1" s="1"/>
  <c r="NCI52" i="1" s="1"/>
  <c r="NCJ52" i="1" s="1"/>
  <c r="NCK52" i="1" s="1"/>
  <c r="NCL52" i="1" s="1"/>
  <c r="NCM52" i="1" s="1"/>
  <c r="NCN52" i="1" s="1"/>
  <c r="NCO52" i="1" s="1"/>
  <c r="NCP52" i="1" s="1"/>
  <c r="NCQ52" i="1" s="1"/>
  <c r="NCR52" i="1" s="1"/>
  <c r="NCS52" i="1" s="1"/>
  <c r="NCT52" i="1" s="1"/>
  <c r="NCU52" i="1" s="1"/>
  <c r="NCV52" i="1" s="1"/>
  <c r="NCW52" i="1" s="1"/>
  <c r="NCX52" i="1" s="1"/>
  <c r="NCY52" i="1" s="1"/>
  <c r="NCZ52" i="1" s="1"/>
  <c r="NDA52" i="1" s="1"/>
  <c r="NDB52" i="1" s="1"/>
  <c r="NDC52" i="1" s="1"/>
  <c r="NDD52" i="1" s="1"/>
  <c r="NDE52" i="1" s="1"/>
  <c r="NDF52" i="1" s="1"/>
  <c r="NDG52" i="1" s="1"/>
  <c r="NDH52" i="1" s="1"/>
  <c r="NDI52" i="1" s="1"/>
  <c r="NDJ52" i="1" s="1"/>
  <c r="NDK52" i="1" s="1"/>
  <c r="NDL52" i="1" s="1"/>
  <c r="NDM52" i="1" s="1"/>
  <c r="NDN52" i="1" s="1"/>
  <c r="NDO52" i="1" s="1"/>
  <c r="NDP52" i="1" s="1"/>
  <c r="NDQ52" i="1" s="1"/>
  <c r="NDR52" i="1" s="1"/>
  <c r="NDS52" i="1" s="1"/>
  <c r="NDT52" i="1" s="1"/>
  <c r="NDU52" i="1" s="1"/>
  <c r="NDV52" i="1" s="1"/>
  <c r="NDW52" i="1" s="1"/>
  <c r="NDX52" i="1" s="1"/>
  <c r="NDY52" i="1" s="1"/>
  <c r="NDZ52" i="1" s="1"/>
  <c r="NEA52" i="1" s="1"/>
  <c r="NEB52" i="1" s="1"/>
  <c r="NEC52" i="1" s="1"/>
  <c r="NED52" i="1" s="1"/>
  <c r="NEE52" i="1" s="1"/>
  <c r="NEF52" i="1" s="1"/>
  <c r="NEG52" i="1" s="1"/>
  <c r="NEH52" i="1" s="1"/>
  <c r="NEI52" i="1" s="1"/>
  <c r="NEJ52" i="1" s="1"/>
  <c r="NEK52" i="1" s="1"/>
  <c r="NEL52" i="1" s="1"/>
  <c r="NEM52" i="1" s="1"/>
  <c r="NEN52" i="1" s="1"/>
  <c r="NEO52" i="1" s="1"/>
  <c r="NEP52" i="1" s="1"/>
  <c r="NEQ52" i="1" s="1"/>
  <c r="NER52" i="1" s="1"/>
  <c r="NES52" i="1" s="1"/>
  <c r="NET52" i="1" s="1"/>
  <c r="NEU52" i="1" s="1"/>
  <c r="NEV52" i="1" s="1"/>
  <c r="NEW52" i="1" s="1"/>
  <c r="NEX52" i="1" s="1"/>
  <c r="NEY52" i="1" s="1"/>
  <c r="NEZ52" i="1" s="1"/>
  <c r="NFA52" i="1" s="1"/>
  <c r="NFB52" i="1" s="1"/>
  <c r="NFC52" i="1" s="1"/>
  <c r="NFD52" i="1" s="1"/>
  <c r="NFE52" i="1" s="1"/>
  <c r="NFF52" i="1" s="1"/>
  <c r="NFG52" i="1" s="1"/>
  <c r="NFH52" i="1" s="1"/>
  <c r="NFI52" i="1" s="1"/>
  <c r="NFJ52" i="1" s="1"/>
  <c r="NFK52" i="1" s="1"/>
  <c r="NFL52" i="1" s="1"/>
  <c r="NFM52" i="1" s="1"/>
  <c r="NFN52" i="1" s="1"/>
  <c r="NFO52" i="1" s="1"/>
  <c r="NFP52" i="1" s="1"/>
  <c r="NFQ52" i="1" s="1"/>
  <c r="NFR52" i="1" s="1"/>
  <c r="NFS52" i="1" s="1"/>
  <c r="NFT52" i="1" s="1"/>
  <c r="NFU52" i="1" s="1"/>
  <c r="NFV52" i="1" s="1"/>
  <c r="NFW52" i="1" s="1"/>
  <c r="NFX52" i="1" s="1"/>
  <c r="NFY52" i="1" s="1"/>
  <c r="NFZ52" i="1" s="1"/>
  <c r="NGA52" i="1" s="1"/>
  <c r="NGB52" i="1" s="1"/>
  <c r="NGC52" i="1" s="1"/>
  <c r="NGD52" i="1" s="1"/>
  <c r="NGE52" i="1" s="1"/>
  <c r="NGF52" i="1" s="1"/>
  <c r="NGG52" i="1" s="1"/>
  <c r="NGH52" i="1" s="1"/>
  <c r="NGI52" i="1" s="1"/>
  <c r="NGJ52" i="1" s="1"/>
  <c r="NGK52" i="1" s="1"/>
  <c r="NGL52" i="1" s="1"/>
  <c r="NGM52" i="1" s="1"/>
  <c r="NGN52" i="1" s="1"/>
  <c r="NGO52" i="1" s="1"/>
  <c r="NGP52" i="1" s="1"/>
  <c r="NGQ52" i="1" s="1"/>
  <c r="NGR52" i="1" s="1"/>
  <c r="NGS52" i="1" s="1"/>
  <c r="NGT52" i="1" s="1"/>
  <c r="NGU52" i="1" s="1"/>
  <c r="NGV52" i="1" s="1"/>
  <c r="NGW52" i="1" s="1"/>
  <c r="NGX52" i="1" s="1"/>
  <c r="NGY52" i="1" s="1"/>
  <c r="NGZ52" i="1" s="1"/>
  <c r="NHA52" i="1" s="1"/>
  <c r="NHB52" i="1" s="1"/>
  <c r="NHC52" i="1" s="1"/>
  <c r="NHD52" i="1" s="1"/>
  <c r="NHE52" i="1" s="1"/>
  <c r="NHF52" i="1" s="1"/>
  <c r="NHG52" i="1" s="1"/>
  <c r="NHH52" i="1" s="1"/>
  <c r="NHI52" i="1" s="1"/>
  <c r="NHJ52" i="1" s="1"/>
  <c r="NHK52" i="1" s="1"/>
  <c r="NHL52" i="1" s="1"/>
  <c r="NHM52" i="1" s="1"/>
  <c r="NHN52" i="1" s="1"/>
  <c r="NHO52" i="1" s="1"/>
  <c r="NHP52" i="1" s="1"/>
  <c r="NHQ52" i="1" s="1"/>
  <c r="NHR52" i="1" s="1"/>
  <c r="NHS52" i="1" s="1"/>
  <c r="NHT52" i="1" s="1"/>
  <c r="NHU52" i="1" s="1"/>
  <c r="NHV52" i="1" s="1"/>
  <c r="NHW52" i="1" s="1"/>
  <c r="NHX52" i="1" s="1"/>
  <c r="NHY52" i="1" s="1"/>
  <c r="NHZ52" i="1" s="1"/>
  <c r="NIA52" i="1" s="1"/>
  <c r="NIB52" i="1" s="1"/>
  <c r="NIC52" i="1" s="1"/>
  <c r="NID52" i="1" s="1"/>
  <c r="NIE52" i="1" s="1"/>
  <c r="NIF52" i="1" s="1"/>
  <c r="NIG52" i="1" s="1"/>
  <c r="NIH52" i="1" s="1"/>
  <c r="NII52" i="1" s="1"/>
  <c r="NIJ52" i="1" s="1"/>
  <c r="NIK52" i="1" s="1"/>
  <c r="NIL52" i="1" s="1"/>
  <c r="NIM52" i="1" s="1"/>
  <c r="NIN52" i="1" s="1"/>
  <c r="NIO52" i="1" s="1"/>
  <c r="NIP52" i="1" s="1"/>
  <c r="NIQ52" i="1" s="1"/>
  <c r="NIR52" i="1" s="1"/>
  <c r="NIS52" i="1" s="1"/>
  <c r="NIT52" i="1" s="1"/>
  <c r="NIU52" i="1" s="1"/>
  <c r="NIV52" i="1" s="1"/>
  <c r="NIW52" i="1" s="1"/>
  <c r="NIX52" i="1" s="1"/>
  <c r="NIY52" i="1" s="1"/>
  <c r="NIZ52" i="1" s="1"/>
  <c r="NJA52" i="1" s="1"/>
  <c r="NJB52" i="1" s="1"/>
  <c r="NJC52" i="1" s="1"/>
  <c r="NJD52" i="1" s="1"/>
  <c r="NJE52" i="1" s="1"/>
  <c r="NJF52" i="1" s="1"/>
  <c r="NJG52" i="1" s="1"/>
  <c r="NJH52" i="1" s="1"/>
  <c r="NJI52" i="1" s="1"/>
  <c r="NJJ52" i="1" s="1"/>
  <c r="NJK52" i="1" s="1"/>
  <c r="NJL52" i="1" s="1"/>
  <c r="NJM52" i="1" s="1"/>
  <c r="NJN52" i="1" s="1"/>
  <c r="NJO52" i="1" s="1"/>
  <c r="NJP52" i="1" s="1"/>
  <c r="NJQ52" i="1" s="1"/>
  <c r="NJR52" i="1" s="1"/>
  <c r="NJS52" i="1" s="1"/>
  <c r="NJT52" i="1" s="1"/>
  <c r="NJU52" i="1" s="1"/>
  <c r="NJV52" i="1" s="1"/>
  <c r="NJW52" i="1" s="1"/>
  <c r="NJX52" i="1" s="1"/>
  <c r="NJY52" i="1" s="1"/>
  <c r="NJZ52" i="1" s="1"/>
  <c r="NKA52" i="1" s="1"/>
  <c r="NKB52" i="1" s="1"/>
  <c r="NKC52" i="1" s="1"/>
  <c r="NKD52" i="1" s="1"/>
  <c r="NKE52" i="1" s="1"/>
  <c r="NKF52" i="1" s="1"/>
  <c r="NKG52" i="1" s="1"/>
  <c r="NKH52" i="1" s="1"/>
  <c r="NKI52" i="1" s="1"/>
  <c r="NKJ52" i="1" s="1"/>
  <c r="NKK52" i="1" s="1"/>
  <c r="NKL52" i="1" s="1"/>
  <c r="NKM52" i="1" s="1"/>
  <c r="NKN52" i="1" s="1"/>
  <c r="NKO52" i="1" s="1"/>
  <c r="NKP52" i="1" s="1"/>
  <c r="NKQ52" i="1" s="1"/>
  <c r="NKR52" i="1" s="1"/>
  <c r="NKS52" i="1" s="1"/>
  <c r="NKT52" i="1" s="1"/>
  <c r="NKU52" i="1" s="1"/>
  <c r="NKV52" i="1" s="1"/>
  <c r="NKW52" i="1" s="1"/>
  <c r="NKX52" i="1" s="1"/>
  <c r="NKY52" i="1" s="1"/>
  <c r="NKZ52" i="1" s="1"/>
  <c r="NLA52" i="1" s="1"/>
  <c r="NLB52" i="1" s="1"/>
  <c r="NLC52" i="1" s="1"/>
  <c r="NLD52" i="1" s="1"/>
  <c r="NLE52" i="1" s="1"/>
  <c r="NLF52" i="1" s="1"/>
  <c r="NLG52" i="1" s="1"/>
  <c r="NLH52" i="1" s="1"/>
  <c r="NLI52" i="1" s="1"/>
  <c r="NLJ52" i="1" s="1"/>
  <c r="NLK52" i="1" s="1"/>
  <c r="NLL52" i="1" s="1"/>
  <c r="NLM52" i="1" s="1"/>
  <c r="NLN52" i="1" s="1"/>
  <c r="NLO52" i="1" s="1"/>
  <c r="NLP52" i="1" s="1"/>
  <c r="NLQ52" i="1" s="1"/>
  <c r="NLR52" i="1" s="1"/>
  <c r="NLS52" i="1" s="1"/>
  <c r="NLT52" i="1" s="1"/>
  <c r="NLU52" i="1" s="1"/>
  <c r="NLV52" i="1" s="1"/>
  <c r="NLW52" i="1" s="1"/>
  <c r="NLX52" i="1" s="1"/>
  <c r="NLY52" i="1" s="1"/>
  <c r="NLZ52" i="1" s="1"/>
  <c r="NMA52" i="1" s="1"/>
  <c r="NMB52" i="1" s="1"/>
  <c r="NMC52" i="1" s="1"/>
  <c r="NMD52" i="1" s="1"/>
  <c r="NME52" i="1" s="1"/>
  <c r="NMF52" i="1" s="1"/>
  <c r="NMG52" i="1" s="1"/>
  <c r="NMH52" i="1" s="1"/>
  <c r="NMI52" i="1" s="1"/>
  <c r="NMJ52" i="1" s="1"/>
  <c r="NMK52" i="1" s="1"/>
  <c r="NML52" i="1" s="1"/>
  <c r="NMM52" i="1" s="1"/>
  <c r="NMN52" i="1" s="1"/>
  <c r="NMO52" i="1" s="1"/>
  <c r="NMP52" i="1" s="1"/>
  <c r="NMQ52" i="1" s="1"/>
  <c r="NMR52" i="1" s="1"/>
  <c r="NMS52" i="1" s="1"/>
  <c r="NMT52" i="1" s="1"/>
  <c r="NMU52" i="1" s="1"/>
  <c r="NMV52" i="1" s="1"/>
  <c r="NMW52" i="1" s="1"/>
  <c r="NMX52" i="1" s="1"/>
  <c r="NMY52" i="1" s="1"/>
  <c r="NMZ52" i="1" s="1"/>
  <c r="NNA52" i="1" s="1"/>
  <c r="NNB52" i="1" s="1"/>
  <c r="NNC52" i="1" s="1"/>
  <c r="NND52" i="1" s="1"/>
  <c r="NNE52" i="1" s="1"/>
  <c r="NNF52" i="1" s="1"/>
  <c r="NNG52" i="1" s="1"/>
  <c r="NNH52" i="1" s="1"/>
  <c r="NNI52" i="1" s="1"/>
  <c r="NNJ52" i="1" s="1"/>
  <c r="NNK52" i="1" s="1"/>
  <c r="NNL52" i="1" s="1"/>
  <c r="NNM52" i="1" s="1"/>
  <c r="NNN52" i="1" s="1"/>
  <c r="NNO52" i="1" s="1"/>
  <c r="NNP52" i="1" s="1"/>
  <c r="NNQ52" i="1" s="1"/>
  <c r="NNR52" i="1" s="1"/>
  <c r="NNS52" i="1" s="1"/>
  <c r="NNT52" i="1" s="1"/>
  <c r="NNU52" i="1" s="1"/>
  <c r="NNV52" i="1" s="1"/>
  <c r="NNW52" i="1" s="1"/>
  <c r="NNX52" i="1" s="1"/>
  <c r="NNY52" i="1" s="1"/>
  <c r="NNZ52" i="1" s="1"/>
  <c r="NOA52" i="1" s="1"/>
  <c r="NOB52" i="1" s="1"/>
  <c r="NOC52" i="1" s="1"/>
  <c r="NOD52" i="1" s="1"/>
  <c r="NOE52" i="1" s="1"/>
  <c r="NOF52" i="1" s="1"/>
  <c r="NOG52" i="1" s="1"/>
  <c r="NOH52" i="1" s="1"/>
  <c r="NOI52" i="1" s="1"/>
  <c r="NOJ52" i="1" s="1"/>
  <c r="NOK52" i="1" s="1"/>
  <c r="NOL52" i="1" s="1"/>
  <c r="NOM52" i="1" s="1"/>
  <c r="NON52" i="1" s="1"/>
  <c r="NOO52" i="1" s="1"/>
  <c r="NOP52" i="1" s="1"/>
  <c r="NOQ52" i="1" s="1"/>
  <c r="NOR52" i="1" s="1"/>
  <c r="NOS52" i="1" s="1"/>
  <c r="NOT52" i="1" s="1"/>
  <c r="NOU52" i="1" s="1"/>
  <c r="NOV52" i="1" s="1"/>
  <c r="NOW52" i="1" s="1"/>
  <c r="NOX52" i="1" s="1"/>
  <c r="NOY52" i="1" s="1"/>
  <c r="NOZ52" i="1" s="1"/>
  <c r="NPA52" i="1" s="1"/>
  <c r="NPB52" i="1" s="1"/>
  <c r="NPC52" i="1" s="1"/>
  <c r="NPD52" i="1" s="1"/>
  <c r="NPE52" i="1" s="1"/>
  <c r="NPF52" i="1" s="1"/>
  <c r="NPG52" i="1" s="1"/>
  <c r="NPH52" i="1" s="1"/>
  <c r="NPI52" i="1" s="1"/>
  <c r="NPJ52" i="1" s="1"/>
  <c r="NPK52" i="1" s="1"/>
  <c r="NPL52" i="1" s="1"/>
  <c r="NPM52" i="1" s="1"/>
  <c r="NPN52" i="1" s="1"/>
  <c r="NPO52" i="1" s="1"/>
  <c r="NPP52" i="1" s="1"/>
  <c r="NPQ52" i="1" s="1"/>
  <c r="NPR52" i="1" s="1"/>
  <c r="NPS52" i="1" s="1"/>
  <c r="NPT52" i="1" s="1"/>
  <c r="NPU52" i="1" s="1"/>
  <c r="NPV52" i="1" s="1"/>
  <c r="NPW52" i="1" s="1"/>
  <c r="NPX52" i="1" s="1"/>
  <c r="NPY52" i="1" s="1"/>
  <c r="NPZ52" i="1" s="1"/>
  <c r="NQA52" i="1" s="1"/>
  <c r="NQB52" i="1" s="1"/>
  <c r="NQC52" i="1" s="1"/>
  <c r="NQD52" i="1" s="1"/>
  <c r="NQE52" i="1" s="1"/>
  <c r="NQF52" i="1" s="1"/>
  <c r="NQG52" i="1" s="1"/>
  <c r="NQH52" i="1" s="1"/>
  <c r="NQI52" i="1" s="1"/>
  <c r="NQJ52" i="1" s="1"/>
  <c r="NQK52" i="1" s="1"/>
  <c r="NQL52" i="1" s="1"/>
  <c r="NQM52" i="1" s="1"/>
  <c r="NQN52" i="1" s="1"/>
  <c r="NQO52" i="1" s="1"/>
  <c r="NQP52" i="1" s="1"/>
  <c r="NQQ52" i="1" s="1"/>
  <c r="NQR52" i="1" s="1"/>
  <c r="NQS52" i="1" s="1"/>
  <c r="NQT52" i="1" s="1"/>
  <c r="NQU52" i="1" s="1"/>
  <c r="NQV52" i="1" s="1"/>
  <c r="NQW52" i="1" s="1"/>
  <c r="NQX52" i="1" s="1"/>
  <c r="NQY52" i="1" s="1"/>
  <c r="NQZ52" i="1" s="1"/>
  <c r="NRA52" i="1" s="1"/>
  <c r="NRB52" i="1" s="1"/>
  <c r="NRC52" i="1" s="1"/>
  <c r="NRD52" i="1" s="1"/>
  <c r="NRE52" i="1" s="1"/>
  <c r="NRF52" i="1" s="1"/>
  <c r="NRG52" i="1" s="1"/>
  <c r="NRH52" i="1" s="1"/>
  <c r="NRI52" i="1" s="1"/>
  <c r="NRJ52" i="1" s="1"/>
  <c r="NRK52" i="1" s="1"/>
  <c r="NRL52" i="1" s="1"/>
  <c r="NRM52" i="1" s="1"/>
  <c r="NRN52" i="1" s="1"/>
  <c r="NRO52" i="1" s="1"/>
  <c r="NRP52" i="1" s="1"/>
  <c r="NRQ52" i="1" s="1"/>
  <c r="NRR52" i="1" s="1"/>
  <c r="NRS52" i="1" s="1"/>
  <c r="NRT52" i="1" s="1"/>
  <c r="NRU52" i="1" s="1"/>
  <c r="NRV52" i="1" s="1"/>
  <c r="NRW52" i="1" s="1"/>
  <c r="NRX52" i="1" s="1"/>
  <c r="NRY52" i="1" s="1"/>
  <c r="NRZ52" i="1" s="1"/>
  <c r="NSA52" i="1" s="1"/>
  <c r="NSB52" i="1" s="1"/>
  <c r="NSC52" i="1" s="1"/>
  <c r="NSD52" i="1" s="1"/>
  <c r="NSE52" i="1" s="1"/>
  <c r="NSF52" i="1" s="1"/>
  <c r="NSG52" i="1" s="1"/>
  <c r="NSH52" i="1" s="1"/>
  <c r="NSI52" i="1" s="1"/>
  <c r="NSJ52" i="1" s="1"/>
  <c r="NSK52" i="1" s="1"/>
  <c r="NSL52" i="1" s="1"/>
  <c r="NSM52" i="1" s="1"/>
  <c r="NSN52" i="1" s="1"/>
  <c r="NSO52" i="1" s="1"/>
  <c r="NSP52" i="1" s="1"/>
  <c r="NSQ52" i="1" s="1"/>
  <c r="NSR52" i="1" s="1"/>
  <c r="NSS52" i="1" s="1"/>
  <c r="NST52" i="1" s="1"/>
  <c r="NSU52" i="1" s="1"/>
  <c r="NSV52" i="1" s="1"/>
  <c r="NSW52" i="1" s="1"/>
  <c r="NSX52" i="1" s="1"/>
  <c r="NSY52" i="1" s="1"/>
  <c r="NSZ52" i="1" s="1"/>
  <c r="NTA52" i="1" s="1"/>
  <c r="NTB52" i="1" s="1"/>
  <c r="NTC52" i="1" s="1"/>
  <c r="NTD52" i="1" s="1"/>
  <c r="NTE52" i="1" s="1"/>
  <c r="NTF52" i="1" s="1"/>
  <c r="NTG52" i="1" s="1"/>
  <c r="NTH52" i="1" s="1"/>
  <c r="NTI52" i="1" s="1"/>
  <c r="NTJ52" i="1" s="1"/>
  <c r="NTK52" i="1" s="1"/>
  <c r="NTL52" i="1" s="1"/>
  <c r="NTM52" i="1" s="1"/>
  <c r="NTN52" i="1" s="1"/>
  <c r="NTO52" i="1" s="1"/>
  <c r="NTP52" i="1" s="1"/>
  <c r="NTQ52" i="1" s="1"/>
  <c r="NTR52" i="1" s="1"/>
  <c r="NTS52" i="1" s="1"/>
  <c r="NTT52" i="1" s="1"/>
  <c r="NTU52" i="1" s="1"/>
  <c r="NTV52" i="1" s="1"/>
  <c r="NTW52" i="1" s="1"/>
  <c r="NTX52" i="1" s="1"/>
  <c r="NTY52" i="1" s="1"/>
  <c r="NTZ52" i="1" s="1"/>
  <c r="NUA52" i="1" s="1"/>
  <c r="NUB52" i="1" s="1"/>
  <c r="NUC52" i="1" s="1"/>
  <c r="NUD52" i="1" s="1"/>
  <c r="NUE52" i="1" s="1"/>
  <c r="NUF52" i="1" s="1"/>
  <c r="NUG52" i="1" s="1"/>
  <c r="NUH52" i="1" s="1"/>
  <c r="NUI52" i="1" s="1"/>
  <c r="NUJ52" i="1" s="1"/>
  <c r="NUK52" i="1" s="1"/>
  <c r="NUL52" i="1" s="1"/>
  <c r="NUM52" i="1" s="1"/>
  <c r="NUN52" i="1" s="1"/>
  <c r="NUO52" i="1" s="1"/>
  <c r="NUP52" i="1" s="1"/>
  <c r="NUQ52" i="1" s="1"/>
  <c r="NUR52" i="1" s="1"/>
  <c r="NUS52" i="1" s="1"/>
  <c r="NUT52" i="1" s="1"/>
  <c r="NUU52" i="1" s="1"/>
  <c r="NUV52" i="1" s="1"/>
  <c r="NUW52" i="1" s="1"/>
  <c r="NUX52" i="1" s="1"/>
  <c r="NUY52" i="1" s="1"/>
  <c r="NUZ52" i="1" s="1"/>
  <c r="NVA52" i="1" s="1"/>
  <c r="NVB52" i="1" s="1"/>
  <c r="NVC52" i="1" s="1"/>
  <c r="NVD52" i="1" s="1"/>
  <c r="NVE52" i="1" s="1"/>
  <c r="NVF52" i="1" s="1"/>
  <c r="NVG52" i="1" s="1"/>
  <c r="NVH52" i="1" s="1"/>
  <c r="NVI52" i="1" s="1"/>
  <c r="NVJ52" i="1" s="1"/>
  <c r="NVK52" i="1" s="1"/>
  <c r="NVL52" i="1" s="1"/>
  <c r="NVM52" i="1" s="1"/>
  <c r="NVN52" i="1" s="1"/>
  <c r="NVO52" i="1" s="1"/>
  <c r="NVP52" i="1" s="1"/>
  <c r="NVQ52" i="1" s="1"/>
  <c r="NVR52" i="1" s="1"/>
  <c r="NVS52" i="1" s="1"/>
  <c r="NVT52" i="1" s="1"/>
  <c r="NVU52" i="1" s="1"/>
  <c r="NVV52" i="1" s="1"/>
  <c r="NVW52" i="1" s="1"/>
  <c r="NVX52" i="1" s="1"/>
  <c r="NVY52" i="1" s="1"/>
  <c r="NVZ52" i="1" s="1"/>
  <c r="NWA52" i="1" s="1"/>
  <c r="NWB52" i="1" s="1"/>
  <c r="NWC52" i="1" s="1"/>
  <c r="NWD52" i="1" s="1"/>
  <c r="NWE52" i="1" s="1"/>
  <c r="NWF52" i="1" s="1"/>
  <c r="NWG52" i="1" s="1"/>
  <c r="NWH52" i="1" s="1"/>
  <c r="NWI52" i="1" s="1"/>
  <c r="NWJ52" i="1" s="1"/>
  <c r="NWK52" i="1" s="1"/>
  <c r="NWL52" i="1" s="1"/>
  <c r="NWM52" i="1" s="1"/>
  <c r="NWN52" i="1" s="1"/>
  <c r="NWO52" i="1" s="1"/>
  <c r="NWP52" i="1" s="1"/>
  <c r="NWQ52" i="1" s="1"/>
  <c r="NWR52" i="1" s="1"/>
  <c r="NWS52" i="1" s="1"/>
  <c r="NWT52" i="1" s="1"/>
  <c r="NWU52" i="1" s="1"/>
  <c r="NWV52" i="1" s="1"/>
  <c r="NWW52" i="1" s="1"/>
  <c r="NWX52" i="1" s="1"/>
  <c r="NWY52" i="1" s="1"/>
  <c r="NWZ52" i="1" s="1"/>
  <c r="NXA52" i="1" s="1"/>
  <c r="NXB52" i="1" s="1"/>
  <c r="NXC52" i="1" s="1"/>
  <c r="NXD52" i="1" s="1"/>
  <c r="NXE52" i="1" s="1"/>
  <c r="NXF52" i="1" s="1"/>
  <c r="NXG52" i="1" s="1"/>
  <c r="NXH52" i="1" s="1"/>
  <c r="NXI52" i="1" s="1"/>
  <c r="NXJ52" i="1" s="1"/>
  <c r="NXK52" i="1" s="1"/>
  <c r="NXL52" i="1" s="1"/>
  <c r="NXM52" i="1" s="1"/>
  <c r="NXN52" i="1" s="1"/>
  <c r="NXO52" i="1" s="1"/>
  <c r="NXP52" i="1" s="1"/>
  <c r="NXQ52" i="1" s="1"/>
  <c r="NXR52" i="1" s="1"/>
  <c r="NXS52" i="1" s="1"/>
  <c r="NXT52" i="1" s="1"/>
  <c r="NXU52" i="1" s="1"/>
  <c r="NXV52" i="1" s="1"/>
  <c r="NXW52" i="1" s="1"/>
  <c r="NXX52" i="1" s="1"/>
  <c r="NXY52" i="1" s="1"/>
  <c r="NXZ52" i="1" s="1"/>
  <c r="NYA52" i="1" s="1"/>
  <c r="NYB52" i="1" s="1"/>
  <c r="NYC52" i="1" s="1"/>
  <c r="NYD52" i="1" s="1"/>
  <c r="NYE52" i="1" s="1"/>
  <c r="NYF52" i="1" s="1"/>
  <c r="NYG52" i="1" s="1"/>
  <c r="NYH52" i="1" s="1"/>
  <c r="NYI52" i="1" s="1"/>
  <c r="NYJ52" i="1" s="1"/>
  <c r="NYK52" i="1" s="1"/>
  <c r="NYL52" i="1" s="1"/>
  <c r="NYM52" i="1" s="1"/>
  <c r="NYN52" i="1" s="1"/>
  <c r="NYO52" i="1" s="1"/>
  <c r="NYP52" i="1" s="1"/>
  <c r="NYQ52" i="1" s="1"/>
  <c r="NYR52" i="1" s="1"/>
  <c r="NYS52" i="1" s="1"/>
  <c r="NYT52" i="1" s="1"/>
  <c r="NYU52" i="1" s="1"/>
  <c r="NYV52" i="1" s="1"/>
  <c r="NYW52" i="1" s="1"/>
  <c r="NYX52" i="1" s="1"/>
  <c r="NYY52" i="1" s="1"/>
  <c r="NYZ52" i="1" s="1"/>
  <c r="NZA52" i="1" s="1"/>
  <c r="NZB52" i="1" s="1"/>
  <c r="NZC52" i="1" s="1"/>
  <c r="NZD52" i="1" s="1"/>
  <c r="NZE52" i="1" s="1"/>
  <c r="NZF52" i="1" s="1"/>
  <c r="NZG52" i="1" s="1"/>
  <c r="NZH52" i="1" s="1"/>
  <c r="NZI52" i="1" s="1"/>
  <c r="NZJ52" i="1" s="1"/>
  <c r="NZK52" i="1" s="1"/>
  <c r="NZL52" i="1" s="1"/>
  <c r="NZM52" i="1" s="1"/>
  <c r="NZN52" i="1" s="1"/>
  <c r="NZO52" i="1" s="1"/>
  <c r="NZP52" i="1" s="1"/>
  <c r="NZQ52" i="1" s="1"/>
  <c r="NZR52" i="1" s="1"/>
  <c r="NZS52" i="1" s="1"/>
  <c r="NZT52" i="1" s="1"/>
  <c r="NZU52" i="1" s="1"/>
  <c r="NZV52" i="1" s="1"/>
  <c r="NZW52" i="1" s="1"/>
  <c r="NZX52" i="1" s="1"/>
  <c r="NZY52" i="1" s="1"/>
  <c r="NZZ52" i="1" s="1"/>
  <c r="OAA52" i="1" s="1"/>
  <c r="OAB52" i="1" s="1"/>
  <c r="OAC52" i="1" s="1"/>
  <c r="OAD52" i="1" s="1"/>
  <c r="OAE52" i="1" s="1"/>
  <c r="OAF52" i="1" s="1"/>
  <c r="OAG52" i="1" s="1"/>
  <c r="OAH52" i="1" s="1"/>
  <c r="OAI52" i="1" s="1"/>
  <c r="OAJ52" i="1" s="1"/>
  <c r="OAK52" i="1" s="1"/>
  <c r="OAL52" i="1" s="1"/>
  <c r="OAM52" i="1" s="1"/>
  <c r="OAN52" i="1" s="1"/>
  <c r="OAO52" i="1" s="1"/>
  <c r="OAP52" i="1" s="1"/>
  <c r="OAQ52" i="1" s="1"/>
  <c r="OAR52" i="1" s="1"/>
  <c r="OAS52" i="1" s="1"/>
  <c r="OAT52" i="1" s="1"/>
  <c r="OAU52" i="1" s="1"/>
  <c r="OAV52" i="1" s="1"/>
  <c r="OAW52" i="1" s="1"/>
  <c r="OAX52" i="1" s="1"/>
  <c r="OAY52" i="1" s="1"/>
  <c r="OAZ52" i="1" s="1"/>
  <c r="OBA52" i="1" s="1"/>
  <c r="OBB52" i="1" s="1"/>
  <c r="OBC52" i="1" s="1"/>
  <c r="OBD52" i="1" s="1"/>
  <c r="OBE52" i="1" s="1"/>
  <c r="OBF52" i="1" s="1"/>
  <c r="OBG52" i="1" s="1"/>
  <c r="OBH52" i="1" s="1"/>
  <c r="OBI52" i="1" s="1"/>
  <c r="OBJ52" i="1" s="1"/>
  <c r="OBK52" i="1" s="1"/>
  <c r="OBL52" i="1" s="1"/>
  <c r="OBM52" i="1" s="1"/>
  <c r="OBN52" i="1" s="1"/>
  <c r="OBO52" i="1" s="1"/>
  <c r="OBP52" i="1" s="1"/>
  <c r="OBQ52" i="1" s="1"/>
  <c r="OBR52" i="1" s="1"/>
  <c r="OBS52" i="1" s="1"/>
  <c r="OBT52" i="1" s="1"/>
  <c r="OBU52" i="1" s="1"/>
  <c r="OBV52" i="1" s="1"/>
  <c r="OBW52" i="1" s="1"/>
  <c r="OBX52" i="1" s="1"/>
  <c r="OBY52" i="1" s="1"/>
  <c r="OBZ52" i="1" s="1"/>
  <c r="OCA52" i="1" s="1"/>
  <c r="OCB52" i="1" s="1"/>
  <c r="OCC52" i="1" s="1"/>
  <c r="OCD52" i="1" s="1"/>
  <c r="OCE52" i="1" s="1"/>
  <c r="OCF52" i="1" s="1"/>
  <c r="OCG52" i="1" s="1"/>
  <c r="OCH52" i="1" s="1"/>
  <c r="OCI52" i="1" s="1"/>
  <c r="OCJ52" i="1" s="1"/>
  <c r="OCK52" i="1" s="1"/>
  <c r="OCL52" i="1" s="1"/>
  <c r="OCM52" i="1" s="1"/>
  <c r="OCN52" i="1" s="1"/>
  <c r="OCO52" i="1" s="1"/>
  <c r="OCP52" i="1" s="1"/>
  <c r="OCQ52" i="1" s="1"/>
  <c r="OCR52" i="1" s="1"/>
  <c r="OCS52" i="1" s="1"/>
  <c r="OCT52" i="1" s="1"/>
  <c r="OCU52" i="1" s="1"/>
  <c r="OCV52" i="1" s="1"/>
  <c r="OCW52" i="1" s="1"/>
  <c r="OCX52" i="1" s="1"/>
  <c r="OCY52" i="1" s="1"/>
  <c r="OCZ52" i="1" s="1"/>
  <c r="ODA52" i="1" s="1"/>
  <c r="ODB52" i="1" s="1"/>
  <c r="ODC52" i="1" s="1"/>
  <c r="ODD52" i="1" s="1"/>
  <c r="ODE52" i="1" s="1"/>
  <c r="ODF52" i="1" s="1"/>
  <c r="ODG52" i="1" s="1"/>
  <c r="ODH52" i="1" s="1"/>
  <c r="ODI52" i="1" s="1"/>
  <c r="ODJ52" i="1" s="1"/>
  <c r="ODK52" i="1" s="1"/>
  <c r="ODL52" i="1" s="1"/>
  <c r="ODM52" i="1" s="1"/>
  <c r="ODN52" i="1" s="1"/>
  <c r="ODO52" i="1" s="1"/>
  <c r="ODP52" i="1" s="1"/>
  <c r="ODQ52" i="1" s="1"/>
  <c r="ODR52" i="1" s="1"/>
  <c r="ODS52" i="1" s="1"/>
  <c r="ODT52" i="1" s="1"/>
  <c r="ODU52" i="1" s="1"/>
  <c r="ODV52" i="1" s="1"/>
  <c r="ODW52" i="1" s="1"/>
  <c r="ODX52" i="1" s="1"/>
  <c r="ODY52" i="1" s="1"/>
  <c r="ODZ52" i="1" s="1"/>
  <c r="OEA52" i="1" s="1"/>
  <c r="OEB52" i="1" s="1"/>
  <c r="OEC52" i="1" s="1"/>
  <c r="OED52" i="1" s="1"/>
  <c r="OEE52" i="1" s="1"/>
  <c r="OEF52" i="1" s="1"/>
  <c r="OEG52" i="1" s="1"/>
  <c r="OEH52" i="1" s="1"/>
  <c r="OEI52" i="1" s="1"/>
  <c r="OEJ52" i="1" s="1"/>
  <c r="OEK52" i="1" s="1"/>
  <c r="OEL52" i="1" s="1"/>
  <c r="OEM52" i="1" s="1"/>
  <c r="OEN52" i="1" s="1"/>
  <c r="OEO52" i="1" s="1"/>
  <c r="OEP52" i="1" s="1"/>
  <c r="OEQ52" i="1" s="1"/>
  <c r="OER52" i="1" s="1"/>
  <c r="OES52" i="1" s="1"/>
  <c r="OET52" i="1" s="1"/>
  <c r="OEU52" i="1" s="1"/>
  <c r="OEV52" i="1" s="1"/>
  <c r="OEW52" i="1" s="1"/>
  <c r="OEX52" i="1" s="1"/>
  <c r="OEY52" i="1" s="1"/>
  <c r="OEZ52" i="1" s="1"/>
  <c r="OFA52" i="1" s="1"/>
  <c r="OFB52" i="1" s="1"/>
  <c r="OFC52" i="1" s="1"/>
  <c r="OFD52" i="1" s="1"/>
  <c r="OFE52" i="1" s="1"/>
  <c r="OFF52" i="1" s="1"/>
  <c r="OFG52" i="1" s="1"/>
  <c r="OFH52" i="1" s="1"/>
  <c r="OFI52" i="1" s="1"/>
  <c r="OFJ52" i="1" s="1"/>
  <c r="OFK52" i="1" s="1"/>
  <c r="OFL52" i="1" s="1"/>
  <c r="OFM52" i="1" s="1"/>
  <c r="OFN52" i="1" s="1"/>
  <c r="OFO52" i="1" s="1"/>
  <c r="OFP52" i="1" s="1"/>
  <c r="OFQ52" i="1" s="1"/>
  <c r="OFR52" i="1" s="1"/>
  <c r="OFS52" i="1" s="1"/>
  <c r="OFT52" i="1" s="1"/>
  <c r="OFU52" i="1" s="1"/>
  <c r="OFV52" i="1" s="1"/>
  <c r="OFW52" i="1" s="1"/>
  <c r="OFX52" i="1" s="1"/>
  <c r="OFY52" i="1" s="1"/>
  <c r="OFZ52" i="1" s="1"/>
  <c r="OGA52" i="1" s="1"/>
  <c r="OGB52" i="1" s="1"/>
  <c r="OGC52" i="1" s="1"/>
  <c r="OGD52" i="1" s="1"/>
  <c r="OGE52" i="1" s="1"/>
  <c r="OGF52" i="1" s="1"/>
  <c r="OGG52" i="1" s="1"/>
  <c r="OGH52" i="1" s="1"/>
  <c r="OGI52" i="1" s="1"/>
  <c r="OGJ52" i="1" s="1"/>
  <c r="OGK52" i="1" s="1"/>
  <c r="OGL52" i="1" s="1"/>
  <c r="OGM52" i="1" s="1"/>
  <c r="OGN52" i="1" s="1"/>
  <c r="OGO52" i="1" s="1"/>
  <c r="OGP52" i="1" s="1"/>
  <c r="OGQ52" i="1" s="1"/>
  <c r="OGR52" i="1" s="1"/>
  <c r="OGS52" i="1" s="1"/>
  <c r="OGT52" i="1" s="1"/>
  <c r="OGU52" i="1" s="1"/>
  <c r="OGV52" i="1" s="1"/>
  <c r="OGW52" i="1" s="1"/>
  <c r="OGX52" i="1" s="1"/>
  <c r="OGY52" i="1" s="1"/>
  <c r="OGZ52" i="1" s="1"/>
  <c r="OHA52" i="1" s="1"/>
  <c r="OHB52" i="1" s="1"/>
  <c r="OHC52" i="1" s="1"/>
  <c r="OHD52" i="1" s="1"/>
  <c r="OHE52" i="1" s="1"/>
  <c r="OHF52" i="1" s="1"/>
  <c r="OHG52" i="1" s="1"/>
  <c r="OHH52" i="1" s="1"/>
  <c r="OHI52" i="1" s="1"/>
  <c r="OHJ52" i="1" s="1"/>
  <c r="OHK52" i="1" s="1"/>
  <c r="OHL52" i="1" s="1"/>
  <c r="OHM52" i="1" s="1"/>
  <c r="OHN52" i="1" s="1"/>
  <c r="OHO52" i="1" s="1"/>
  <c r="OHP52" i="1" s="1"/>
  <c r="OHQ52" i="1" s="1"/>
  <c r="OHR52" i="1" s="1"/>
  <c r="OHS52" i="1" s="1"/>
  <c r="OHT52" i="1" s="1"/>
  <c r="OHU52" i="1" s="1"/>
  <c r="OHV52" i="1" s="1"/>
  <c r="OHW52" i="1" s="1"/>
  <c r="OHX52" i="1" s="1"/>
  <c r="OHY52" i="1" s="1"/>
  <c r="OHZ52" i="1" s="1"/>
  <c r="OIA52" i="1" s="1"/>
  <c r="OIB52" i="1" s="1"/>
  <c r="OIC52" i="1" s="1"/>
  <c r="OID52" i="1" s="1"/>
  <c r="OIE52" i="1" s="1"/>
  <c r="OIF52" i="1" s="1"/>
  <c r="OIG52" i="1" s="1"/>
  <c r="OIH52" i="1" s="1"/>
  <c r="OII52" i="1" s="1"/>
  <c r="OIJ52" i="1" s="1"/>
  <c r="OIK52" i="1" s="1"/>
  <c r="OIL52" i="1" s="1"/>
  <c r="OIM52" i="1" s="1"/>
  <c r="OIN52" i="1" s="1"/>
  <c r="OIO52" i="1" s="1"/>
  <c r="OIP52" i="1" s="1"/>
  <c r="OIQ52" i="1" s="1"/>
  <c r="OIR52" i="1" s="1"/>
  <c r="OIS52" i="1" s="1"/>
  <c r="OIT52" i="1" s="1"/>
  <c r="OIU52" i="1" s="1"/>
  <c r="OIV52" i="1" s="1"/>
  <c r="OIW52" i="1" s="1"/>
  <c r="OIX52" i="1" s="1"/>
  <c r="OIY52" i="1" s="1"/>
  <c r="OIZ52" i="1" s="1"/>
  <c r="OJA52" i="1" s="1"/>
  <c r="OJB52" i="1" s="1"/>
  <c r="OJC52" i="1" s="1"/>
  <c r="OJD52" i="1" s="1"/>
  <c r="OJE52" i="1" s="1"/>
  <c r="OJF52" i="1" s="1"/>
  <c r="OJG52" i="1" s="1"/>
  <c r="OJH52" i="1" s="1"/>
  <c r="OJI52" i="1" s="1"/>
  <c r="OJJ52" i="1" s="1"/>
  <c r="OJK52" i="1" s="1"/>
  <c r="OJL52" i="1" s="1"/>
  <c r="OJM52" i="1" s="1"/>
  <c r="OJN52" i="1" s="1"/>
  <c r="OJO52" i="1" s="1"/>
  <c r="OJP52" i="1" s="1"/>
  <c r="OJQ52" i="1" s="1"/>
  <c r="OJR52" i="1" s="1"/>
  <c r="OJS52" i="1" s="1"/>
  <c r="OJT52" i="1" s="1"/>
  <c r="OJU52" i="1" s="1"/>
  <c r="OJV52" i="1" s="1"/>
  <c r="OJW52" i="1" s="1"/>
  <c r="OJX52" i="1" s="1"/>
  <c r="OJY52" i="1" s="1"/>
  <c r="OJZ52" i="1" s="1"/>
  <c r="OKA52" i="1" s="1"/>
  <c r="OKB52" i="1" s="1"/>
  <c r="OKC52" i="1" s="1"/>
  <c r="OKD52" i="1" s="1"/>
  <c r="OKE52" i="1" s="1"/>
  <c r="OKF52" i="1" s="1"/>
  <c r="OKG52" i="1" s="1"/>
  <c r="OKH52" i="1" s="1"/>
  <c r="OKI52" i="1" s="1"/>
  <c r="OKJ52" i="1" s="1"/>
  <c r="OKK52" i="1" s="1"/>
  <c r="OKL52" i="1" s="1"/>
  <c r="OKM52" i="1" s="1"/>
  <c r="OKN52" i="1" s="1"/>
  <c r="OKO52" i="1" s="1"/>
  <c r="OKP52" i="1" s="1"/>
  <c r="OKQ52" i="1" s="1"/>
  <c r="OKR52" i="1" s="1"/>
  <c r="OKS52" i="1" s="1"/>
  <c r="OKT52" i="1" s="1"/>
  <c r="OKU52" i="1" s="1"/>
  <c r="OKV52" i="1" s="1"/>
  <c r="OKW52" i="1" s="1"/>
  <c r="OKX52" i="1" s="1"/>
  <c r="OKY52" i="1" s="1"/>
  <c r="OKZ52" i="1" s="1"/>
  <c r="OLA52" i="1" s="1"/>
  <c r="OLB52" i="1" s="1"/>
  <c r="OLC52" i="1" s="1"/>
  <c r="OLD52" i="1" s="1"/>
  <c r="OLE52" i="1" s="1"/>
  <c r="OLF52" i="1" s="1"/>
  <c r="OLG52" i="1" s="1"/>
  <c r="OLH52" i="1" s="1"/>
  <c r="OLI52" i="1" s="1"/>
  <c r="OLJ52" i="1" s="1"/>
  <c r="OLK52" i="1" s="1"/>
  <c r="OLL52" i="1" s="1"/>
  <c r="OLM52" i="1" s="1"/>
  <c r="OLN52" i="1" s="1"/>
  <c r="OLO52" i="1" s="1"/>
  <c r="OLP52" i="1" s="1"/>
  <c r="OLQ52" i="1" s="1"/>
  <c r="OLR52" i="1" s="1"/>
  <c r="OLS52" i="1" s="1"/>
  <c r="OLT52" i="1" s="1"/>
  <c r="OLU52" i="1" s="1"/>
  <c r="OLV52" i="1" s="1"/>
  <c r="OLW52" i="1" s="1"/>
  <c r="OLX52" i="1" s="1"/>
  <c r="OLY52" i="1" s="1"/>
  <c r="OLZ52" i="1" s="1"/>
  <c r="OMA52" i="1" s="1"/>
  <c r="OMB52" i="1" s="1"/>
  <c r="OMC52" i="1" s="1"/>
  <c r="OMD52" i="1" s="1"/>
  <c r="OME52" i="1" s="1"/>
  <c r="OMF52" i="1" s="1"/>
  <c r="OMG52" i="1" s="1"/>
  <c r="OMH52" i="1" s="1"/>
  <c r="OMI52" i="1" s="1"/>
  <c r="OMJ52" i="1" s="1"/>
  <c r="OMK52" i="1" s="1"/>
  <c r="OML52" i="1" s="1"/>
  <c r="OMM52" i="1" s="1"/>
  <c r="OMN52" i="1" s="1"/>
  <c r="OMO52" i="1" s="1"/>
  <c r="OMP52" i="1" s="1"/>
  <c r="OMQ52" i="1" s="1"/>
  <c r="OMR52" i="1" s="1"/>
  <c r="OMS52" i="1" s="1"/>
  <c r="OMT52" i="1" s="1"/>
  <c r="OMU52" i="1" s="1"/>
  <c r="OMV52" i="1" s="1"/>
  <c r="OMW52" i="1" s="1"/>
  <c r="OMX52" i="1" s="1"/>
  <c r="OMY52" i="1" s="1"/>
  <c r="OMZ52" i="1" s="1"/>
  <c r="ONA52" i="1" s="1"/>
  <c r="ONB52" i="1" s="1"/>
  <c r="ONC52" i="1" s="1"/>
  <c r="OND52" i="1" s="1"/>
  <c r="ONE52" i="1" s="1"/>
  <c r="ONF52" i="1" s="1"/>
  <c r="ONG52" i="1" s="1"/>
  <c r="ONH52" i="1" s="1"/>
  <c r="ONI52" i="1" s="1"/>
  <c r="ONJ52" i="1" s="1"/>
  <c r="ONK52" i="1" s="1"/>
  <c r="ONL52" i="1" s="1"/>
  <c r="ONM52" i="1" s="1"/>
  <c r="ONN52" i="1" s="1"/>
  <c r="ONO52" i="1" s="1"/>
  <c r="ONP52" i="1" s="1"/>
  <c r="ONQ52" i="1" s="1"/>
  <c r="ONR52" i="1" s="1"/>
  <c r="ONS52" i="1" s="1"/>
  <c r="ONT52" i="1" s="1"/>
  <c r="ONU52" i="1" s="1"/>
  <c r="ONV52" i="1" s="1"/>
  <c r="ONW52" i="1" s="1"/>
  <c r="ONX52" i="1" s="1"/>
  <c r="ONY52" i="1" s="1"/>
  <c r="ONZ52" i="1" s="1"/>
  <c r="OOA52" i="1" s="1"/>
  <c r="OOB52" i="1" s="1"/>
  <c r="OOC52" i="1" s="1"/>
  <c r="OOD52" i="1" s="1"/>
  <c r="OOE52" i="1" s="1"/>
  <c r="OOF52" i="1" s="1"/>
  <c r="OOG52" i="1" s="1"/>
  <c r="OOH52" i="1" s="1"/>
  <c r="OOI52" i="1" s="1"/>
  <c r="OOJ52" i="1" s="1"/>
  <c r="OOK52" i="1" s="1"/>
  <c r="OOL52" i="1" s="1"/>
  <c r="OOM52" i="1" s="1"/>
  <c r="OON52" i="1" s="1"/>
  <c r="OOO52" i="1" s="1"/>
  <c r="OOP52" i="1" s="1"/>
  <c r="OOQ52" i="1" s="1"/>
  <c r="OOR52" i="1" s="1"/>
  <c r="OOS52" i="1" s="1"/>
  <c r="OOT52" i="1" s="1"/>
  <c r="OOU52" i="1" s="1"/>
  <c r="OOV52" i="1" s="1"/>
  <c r="OOW52" i="1" s="1"/>
  <c r="OOX52" i="1" s="1"/>
  <c r="OOY52" i="1" s="1"/>
  <c r="OOZ52" i="1" s="1"/>
  <c r="OPA52" i="1" s="1"/>
  <c r="OPB52" i="1" s="1"/>
  <c r="OPC52" i="1" s="1"/>
  <c r="OPD52" i="1" s="1"/>
  <c r="OPE52" i="1" s="1"/>
  <c r="OPF52" i="1" s="1"/>
  <c r="OPG52" i="1" s="1"/>
  <c r="OPH52" i="1" s="1"/>
  <c r="OPI52" i="1" s="1"/>
  <c r="OPJ52" i="1" s="1"/>
  <c r="OPK52" i="1" s="1"/>
  <c r="OPL52" i="1" s="1"/>
  <c r="OPM52" i="1" s="1"/>
  <c r="OPN52" i="1" s="1"/>
  <c r="OPO52" i="1" s="1"/>
  <c r="OPP52" i="1" s="1"/>
  <c r="OPQ52" i="1" s="1"/>
  <c r="OPR52" i="1" s="1"/>
  <c r="OPS52" i="1" s="1"/>
  <c r="OPT52" i="1" s="1"/>
  <c r="OPU52" i="1" s="1"/>
  <c r="OPV52" i="1" s="1"/>
  <c r="OPW52" i="1" s="1"/>
  <c r="OPX52" i="1" s="1"/>
  <c r="OPY52" i="1" s="1"/>
  <c r="OPZ52" i="1" s="1"/>
  <c r="OQA52" i="1" s="1"/>
  <c r="OQB52" i="1" s="1"/>
  <c r="OQC52" i="1" s="1"/>
  <c r="OQD52" i="1" s="1"/>
  <c r="OQE52" i="1" s="1"/>
  <c r="OQF52" i="1" s="1"/>
  <c r="OQG52" i="1" s="1"/>
  <c r="OQH52" i="1" s="1"/>
  <c r="OQI52" i="1" s="1"/>
  <c r="OQJ52" i="1" s="1"/>
  <c r="OQK52" i="1" s="1"/>
  <c r="OQL52" i="1" s="1"/>
  <c r="OQM52" i="1" s="1"/>
  <c r="OQN52" i="1" s="1"/>
  <c r="OQO52" i="1" s="1"/>
  <c r="OQP52" i="1" s="1"/>
  <c r="OQQ52" i="1" s="1"/>
  <c r="OQR52" i="1" s="1"/>
  <c r="OQS52" i="1" s="1"/>
  <c r="OQT52" i="1" s="1"/>
  <c r="OQU52" i="1" s="1"/>
  <c r="OQV52" i="1" s="1"/>
  <c r="OQW52" i="1" s="1"/>
  <c r="OQX52" i="1" s="1"/>
  <c r="OQY52" i="1" s="1"/>
  <c r="OQZ52" i="1" s="1"/>
  <c r="ORA52" i="1" s="1"/>
  <c r="ORB52" i="1" s="1"/>
  <c r="ORC52" i="1" s="1"/>
  <c r="ORD52" i="1" s="1"/>
  <c r="ORE52" i="1" s="1"/>
  <c r="ORF52" i="1" s="1"/>
  <c r="ORG52" i="1" s="1"/>
  <c r="ORH52" i="1" s="1"/>
  <c r="ORI52" i="1" s="1"/>
  <c r="ORJ52" i="1" s="1"/>
  <c r="ORK52" i="1" s="1"/>
  <c r="ORL52" i="1" s="1"/>
  <c r="ORM52" i="1" s="1"/>
  <c r="ORN52" i="1" s="1"/>
  <c r="ORO52" i="1" s="1"/>
  <c r="ORP52" i="1" s="1"/>
  <c r="ORQ52" i="1" s="1"/>
  <c r="ORR52" i="1" s="1"/>
  <c r="ORS52" i="1" s="1"/>
  <c r="ORT52" i="1" s="1"/>
  <c r="ORU52" i="1" s="1"/>
  <c r="ORV52" i="1" s="1"/>
  <c r="ORW52" i="1" s="1"/>
  <c r="ORX52" i="1" s="1"/>
  <c r="ORY52" i="1" s="1"/>
  <c r="ORZ52" i="1" s="1"/>
  <c r="OSA52" i="1" s="1"/>
  <c r="OSB52" i="1" s="1"/>
  <c r="OSC52" i="1" s="1"/>
  <c r="OSD52" i="1" s="1"/>
  <c r="OSE52" i="1" s="1"/>
  <c r="OSF52" i="1" s="1"/>
  <c r="OSG52" i="1" s="1"/>
  <c r="OSH52" i="1" s="1"/>
  <c r="OSI52" i="1" s="1"/>
  <c r="OSJ52" i="1" s="1"/>
  <c r="OSK52" i="1" s="1"/>
  <c r="OSL52" i="1" s="1"/>
  <c r="OSM52" i="1" s="1"/>
  <c r="OSN52" i="1" s="1"/>
  <c r="OSO52" i="1" s="1"/>
  <c r="OSP52" i="1" s="1"/>
  <c r="OSQ52" i="1" s="1"/>
  <c r="OSR52" i="1" s="1"/>
  <c r="OSS52" i="1" s="1"/>
  <c r="OST52" i="1" s="1"/>
  <c r="OSU52" i="1" s="1"/>
  <c r="OSV52" i="1" s="1"/>
  <c r="OSW52" i="1" s="1"/>
  <c r="OSX52" i="1" s="1"/>
  <c r="OSY52" i="1" s="1"/>
  <c r="OSZ52" i="1" s="1"/>
  <c r="OTA52" i="1" s="1"/>
  <c r="OTB52" i="1" s="1"/>
  <c r="OTC52" i="1" s="1"/>
  <c r="OTD52" i="1" s="1"/>
  <c r="OTE52" i="1" s="1"/>
  <c r="OTF52" i="1" s="1"/>
  <c r="OTG52" i="1" s="1"/>
  <c r="OTH52" i="1" s="1"/>
  <c r="OTI52" i="1" s="1"/>
  <c r="OTJ52" i="1" s="1"/>
  <c r="OTK52" i="1" s="1"/>
  <c r="OTL52" i="1" s="1"/>
  <c r="OTM52" i="1" s="1"/>
  <c r="OTN52" i="1" s="1"/>
  <c r="OTO52" i="1" s="1"/>
  <c r="OTP52" i="1" s="1"/>
  <c r="OTQ52" i="1" s="1"/>
  <c r="OTR52" i="1" s="1"/>
  <c r="OTS52" i="1" s="1"/>
  <c r="OTT52" i="1" s="1"/>
  <c r="OTU52" i="1" s="1"/>
  <c r="OTV52" i="1" s="1"/>
  <c r="OTW52" i="1" s="1"/>
  <c r="OTX52" i="1" s="1"/>
  <c r="OTY52" i="1" s="1"/>
  <c r="OTZ52" i="1" s="1"/>
  <c r="OUA52" i="1" s="1"/>
  <c r="OUB52" i="1" s="1"/>
  <c r="OUC52" i="1" s="1"/>
  <c r="OUD52" i="1" s="1"/>
  <c r="OUE52" i="1" s="1"/>
  <c r="OUF52" i="1" s="1"/>
  <c r="OUG52" i="1" s="1"/>
  <c r="OUH52" i="1" s="1"/>
  <c r="OUI52" i="1" s="1"/>
  <c r="OUJ52" i="1" s="1"/>
  <c r="OUK52" i="1" s="1"/>
  <c r="OUL52" i="1" s="1"/>
  <c r="OUM52" i="1" s="1"/>
  <c r="OUN52" i="1" s="1"/>
  <c r="OUO52" i="1" s="1"/>
  <c r="OUP52" i="1" s="1"/>
  <c r="OUQ52" i="1" s="1"/>
  <c r="OUR52" i="1" s="1"/>
  <c r="OUS52" i="1" s="1"/>
  <c r="OUT52" i="1" s="1"/>
  <c r="OUU52" i="1" s="1"/>
  <c r="OUV52" i="1" s="1"/>
  <c r="OUW52" i="1" s="1"/>
  <c r="OUX52" i="1" s="1"/>
  <c r="OUY52" i="1" s="1"/>
  <c r="OUZ52" i="1" s="1"/>
  <c r="OVA52" i="1" s="1"/>
  <c r="OVB52" i="1" s="1"/>
  <c r="OVC52" i="1" s="1"/>
  <c r="OVD52" i="1" s="1"/>
  <c r="OVE52" i="1" s="1"/>
  <c r="OVF52" i="1" s="1"/>
  <c r="OVG52" i="1" s="1"/>
  <c r="OVH52" i="1" s="1"/>
  <c r="OVI52" i="1" s="1"/>
  <c r="OVJ52" i="1" s="1"/>
  <c r="OVK52" i="1" s="1"/>
  <c r="OVL52" i="1" s="1"/>
  <c r="OVM52" i="1" s="1"/>
  <c r="OVN52" i="1" s="1"/>
  <c r="OVO52" i="1" s="1"/>
  <c r="OVP52" i="1" s="1"/>
  <c r="OVQ52" i="1" s="1"/>
  <c r="OVR52" i="1" s="1"/>
  <c r="OVS52" i="1" s="1"/>
  <c r="OVT52" i="1" s="1"/>
  <c r="OVU52" i="1" s="1"/>
  <c r="OVV52" i="1" s="1"/>
  <c r="OVW52" i="1" s="1"/>
  <c r="OVX52" i="1" s="1"/>
  <c r="OVY52" i="1" s="1"/>
  <c r="OVZ52" i="1" s="1"/>
  <c r="OWA52" i="1" s="1"/>
  <c r="OWB52" i="1" s="1"/>
  <c r="OWC52" i="1" s="1"/>
  <c r="OWD52" i="1" s="1"/>
  <c r="OWE52" i="1" s="1"/>
  <c r="OWF52" i="1" s="1"/>
  <c r="OWG52" i="1" s="1"/>
  <c r="OWH52" i="1" s="1"/>
  <c r="OWI52" i="1" s="1"/>
  <c r="OWJ52" i="1" s="1"/>
  <c r="OWK52" i="1" s="1"/>
  <c r="OWL52" i="1" s="1"/>
  <c r="OWM52" i="1" s="1"/>
  <c r="OWN52" i="1" s="1"/>
  <c r="OWO52" i="1" s="1"/>
  <c r="OWP52" i="1" s="1"/>
  <c r="OWQ52" i="1" s="1"/>
  <c r="OWR52" i="1" s="1"/>
  <c r="OWS52" i="1" s="1"/>
  <c r="OWT52" i="1" s="1"/>
  <c r="OWU52" i="1" s="1"/>
  <c r="OWV52" i="1" s="1"/>
  <c r="OWW52" i="1" s="1"/>
  <c r="OWX52" i="1" s="1"/>
  <c r="OWY52" i="1" s="1"/>
  <c r="OWZ52" i="1" s="1"/>
  <c r="OXA52" i="1" s="1"/>
  <c r="OXB52" i="1" s="1"/>
  <c r="OXC52" i="1" s="1"/>
  <c r="OXD52" i="1" s="1"/>
  <c r="OXE52" i="1" s="1"/>
  <c r="OXF52" i="1" s="1"/>
  <c r="OXG52" i="1" s="1"/>
  <c r="OXH52" i="1" s="1"/>
  <c r="OXI52" i="1" s="1"/>
  <c r="OXJ52" i="1" s="1"/>
  <c r="OXK52" i="1" s="1"/>
  <c r="OXL52" i="1" s="1"/>
  <c r="OXM52" i="1" s="1"/>
  <c r="OXN52" i="1" s="1"/>
  <c r="OXO52" i="1" s="1"/>
  <c r="OXP52" i="1" s="1"/>
  <c r="OXQ52" i="1" s="1"/>
  <c r="OXR52" i="1" s="1"/>
  <c r="OXS52" i="1" s="1"/>
  <c r="OXT52" i="1" s="1"/>
  <c r="OXU52" i="1" s="1"/>
  <c r="OXV52" i="1" s="1"/>
  <c r="OXW52" i="1" s="1"/>
  <c r="OXX52" i="1" s="1"/>
  <c r="OXY52" i="1" s="1"/>
  <c r="OXZ52" i="1" s="1"/>
  <c r="OYA52" i="1" s="1"/>
  <c r="OYB52" i="1" s="1"/>
  <c r="OYC52" i="1" s="1"/>
  <c r="OYD52" i="1" s="1"/>
  <c r="OYE52" i="1" s="1"/>
  <c r="OYF52" i="1" s="1"/>
  <c r="OYG52" i="1" s="1"/>
  <c r="OYH52" i="1" s="1"/>
  <c r="OYI52" i="1" s="1"/>
  <c r="OYJ52" i="1" s="1"/>
  <c r="OYK52" i="1" s="1"/>
  <c r="OYL52" i="1" s="1"/>
  <c r="OYM52" i="1" s="1"/>
  <c r="OYN52" i="1" s="1"/>
  <c r="OYO52" i="1" s="1"/>
  <c r="OYP52" i="1" s="1"/>
  <c r="OYQ52" i="1" s="1"/>
  <c r="OYR52" i="1" s="1"/>
  <c r="OYS52" i="1" s="1"/>
  <c r="OYT52" i="1" s="1"/>
  <c r="OYU52" i="1" s="1"/>
  <c r="OYV52" i="1" s="1"/>
  <c r="OYW52" i="1" s="1"/>
  <c r="OYX52" i="1" s="1"/>
  <c r="OYY52" i="1" s="1"/>
  <c r="OYZ52" i="1" s="1"/>
  <c r="OZA52" i="1" s="1"/>
  <c r="OZB52" i="1" s="1"/>
  <c r="OZC52" i="1" s="1"/>
  <c r="OZD52" i="1" s="1"/>
  <c r="OZE52" i="1" s="1"/>
  <c r="OZF52" i="1" s="1"/>
  <c r="OZG52" i="1" s="1"/>
  <c r="OZH52" i="1" s="1"/>
  <c r="OZI52" i="1" s="1"/>
  <c r="OZJ52" i="1" s="1"/>
  <c r="OZK52" i="1" s="1"/>
  <c r="OZL52" i="1" s="1"/>
  <c r="OZM52" i="1" s="1"/>
  <c r="OZN52" i="1" s="1"/>
  <c r="OZO52" i="1" s="1"/>
  <c r="OZP52" i="1" s="1"/>
  <c r="OZQ52" i="1" s="1"/>
  <c r="OZR52" i="1" s="1"/>
  <c r="OZS52" i="1" s="1"/>
  <c r="OZT52" i="1" s="1"/>
  <c r="OZU52" i="1" s="1"/>
  <c r="OZV52" i="1" s="1"/>
  <c r="OZW52" i="1" s="1"/>
  <c r="OZX52" i="1" s="1"/>
  <c r="OZY52" i="1" s="1"/>
  <c r="OZZ52" i="1" s="1"/>
  <c r="PAA52" i="1" s="1"/>
  <c r="PAB52" i="1" s="1"/>
  <c r="PAC52" i="1" s="1"/>
  <c r="PAD52" i="1" s="1"/>
  <c r="PAE52" i="1" s="1"/>
  <c r="PAF52" i="1" s="1"/>
  <c r="PAG52" i="1" s="1"/>
  <c r="PAH52" i="1" s="1"/>
  <c r="PAI52" i="1" s="1"/>
  <c r="PAJ52" i="1" s="1"/>
  <c r="PAK52" i="1" s="1"/>
  <c r="PAL52" i="1" s="1"/>
  <c r="PAM52" i="1" s="1"/>
  <c r="PAN52" i="1" s="1"/>
  <c r="PAO52" i="1" s="1"/>
  <c r="PAP52" i="1" s="1"/>
  <c r="PAQ52" i="1" s="1"/>
  <c r="PAR52" i="1" s="1"/>
  <c r="PAS52" i="1" s="1"/>
  <c r="PAT52" i="1" s="1"/>
  <c r="PAU52" i="1" s="1"/>
  <c r="PAV52" i="1" s="1"/>
  <c r="PAW52" i="1" s="1"/>
  <c r="PAX52" i="1" s="1"/>
  <c r="PAY52" i="1" s="1"/>
  <c r="PAZ52" i="1" s="1"/>
  <c r="PBA52" i="1" s="1"/>
  <c r="PBB52" i="1" s="1"/>
  <c r="PBC52" i="1" s="1"/>
  <c r="PBD52" i="1" s="1"/>
  <c r="PBE52" i="1" s="1"/>
  <c r="PBF52" i="1" s="1"/>
  <c r="PBG52" i="1" s="1"/>
  <c r="PBH52" i="1" s="1"/>
  <c r="PBI52" i="1" s="1"/>
  <c r="PBJ52" i="1" s="1"/>
  <c r="PBK52" i="1" s="1"/>
  <c r="PBL52" i="1" s="1"/>
  <c r="PBM52" i="1" s="1"/>
  <c r="PBN52" i="1" s="1"/>
  <c r="PBO52" i="1" s="1"/>
  <c r="PBP52" i="1" s="1"/>
  <c r="PBQ52" i="1" s="1"/>
  <c r="PBR52" i="1" s="1"/>
  <c r="PBS52" i="1" s="1"/>
  <c r="PBT52" i="1" s="1"/>
  <c r="PBU52" i="1" s="1"/>
  <c r="PBV52" i="1" s="1"/>
  <c r="PBW52" i="1" s="1"/>
  <c r="PBX52" i="1" s="1"/>
  <c r="PBY52" i="1" s="1"/>
  <c r="PBZ52" i="1" s="1"/>
  <c r="PCA52" i="1" s="1"/>
  <c r="PCB52" i="1" s="1"/>
  <c r="PCC52" i="1" s="1"/>
  <c r="PCD52" i="1" s="1"/>
  <c r="PCE52" i="1" s="1"/>
  <c r="PCF52" i="1" s="1"/>
  <c r="PCG52" i="1" s="1"/>
  <c r="PCH52" i="1" s="1"/>
  <c r="PCI52" i="1" s="1"/>
  <c r="PCJ52" i="1" s="1"/>
  <c r="PCK52" i="1" s="1"/>
  <c r="PCL52" i="1" s="1"/>
  <c r="PCM52" i="1" s="1"/>
  <c r="PCN52" i="1" s="1"/>
  <c r="PCO52" i="1" s="1"/>
  <c r="PCP52" i="1" s="1"/>
  <c r="PCQ52" i="1" s="1"/>
  <c r="PCR52" i="1" s="1"/>
  <c r="PCS52" i="1" s="1"/>
  <c r="PCT52" i="1" s="1"/>
  <c r="PCU52" i="1" s="1"/>
  <c r="PCV52" i="1" s="1"/>
  <c r="PCW52" i="1" s="1"/>
  <c r="PCX52" i="1" s="1"/>
  <c r="PCY52" i="1" s="1"/>
  <c r="PCZ52" i="1" s="1"/>
  <c r="PDA52" i="1" s="1"/>
  <c r="PDB52" i="1" s="1"/>
  <c r="PDC52" i="1" s="1"/>
  <c r="PDD52" i="1" s="1"/>
  <c r="PDE52" i="1" s="1"/>
  <c r="PDF52" i="1" s="1"/>
  <c r="PDG52" i="1" s="1"/>
  <c r="PDH52" i="1" s="1"/>
  <c r="PDI52" i="1" s="1"/>
  <c r="PDJ52" i="1" s="1"/>
  <c r="PDK52" i="1" s="1"/>
  <c r="PDL52" i="1" s="1"/>
  <c r="PDM52" i="1" s="1"/>
  <c r="PDN52" i="1" s="1"/>
  <c r="PDO52" i="1" s="1"/>
  <c r="PDP52" i="1" s="1"/>
  <c r="PDQ52" i="1" s="1"/>
  <c r="PDR52" i="1" s="1"/>
  <c r="PDS52" i="1" s="1"/>
  <c r="PDT52" i="1" s="1"/>
  <c r="PDU52" i="1" s="1"/>
  <c r="PDV52" i="1" s="1"/>
  <c r="PDW52" i="1" s="1"/>
  <c r="PDX52" i="1" s="1"/>
  <c r="PDY52" i="1" s="1"/>
  <c r="PDZ52" i="1" s="1"/>
  <c r="PEA52" i="1" s="1"/>
  <c r="PEB52" i="1" s="1"/>
  <c r="PEC52" i="1" s="1"/>
  <c r="PED52" i="1" s="1"/>
  <c r="PEE52" i="1" s="1"/>
  <c r="PEF52" i="1" s="1"/>
  <c r="PEG52" i="1" s="1"/>
  <c r="PEH52" i="1" s="1"/>
  <c r="PEI52" i="1" s="1"/>
  <c r="PEJ52" i="1" s="1"/>
  <c r="PEK52" i="1" s="1"/>
  <c r="PEL52" i="1" s="1"/>
  <c r="PEM52" i="1" s="1"/>
  <c r="PEN52" i="1" s="1"/>
  <c r="PEO52" i="1" s="1"/>
  <c r="PEP52" i="1" s="1"/>
  <c r="PEQ52" i="1" s="1"/>
  <c r="PER52" i="1" s="1"/>
  <c r="PES52" i="1" s="1"/>
  <c r="PET52" i="1" s="1"/>
  <c r="PEU52" i="1" s="1"/>
  <c r="PEV52" i="1" s="1"/>
  <c r="PEW52" i="1" s="1"/>
  <c r="PEX52" i="1" s="1"/>
  <c r="PEY52" i="1" s="1"/>
  <c r="PEZ52" i="1" s="1"/>
  <c r="PFA52" i="1" s="1"/>
  <c r="PFB52" i="1" s="1"/>
  <c r="PFC52" i="1" s="1"/>
  <c r="PFD52" i="1" s="1"/>
  <c r="PFE52" i="1" s="1"/>
  <c r="PFF52" i="1" s="1"/>
  <c r="PFG52" i="1" s="1"/>
  <c r="PFH52" i="1" s="1"/>
  <c r="PFI52" i="1" s="1"/>
  <c r="PFJ52" i="1" s="1"/>
  <c r="PFK52" i="1" s="1"/>
  <c r="PFL52" i="1" s="1"/>
  <c r="PFM52" i="1" s="1"/>
  <c r="PFN52" i="1" s="1"/>
  <c r="PFO52" i="1" s="1"/>
  <c r="PFP52" i="1" s="1"/>
  <c r="PFQ52" i="1" s="1"/>
  <c r="PFR52" i="1" s="1"/>
  <c r="PFS52" i="1" s="1"/>
  <c r="PFT52" i="1" s="1"/>
  <c r="PFU52" i="1" s="1"/>
  <c r="PFV52" i="1" s="1"/>
  <c r="PFW52" i="1" s="1"/>
  <c r="PFX52" i="1" s="1"/>
  <c r="PFY52" i="1" s="1"/>
  <c r="PFZ52" i="1" s="1"/>
  <c r="PGA52" i="1" s="1"/>
  <c r="PGB52" i="1" s="1"/>
  <c r="PGC52" i="1" s="1"/>
  <c r="PGD52" i="1" s="1"/>
  <c r="PGE52" i="1" s="1"/>
  <c r="PGF52" i="1" s="1"/>
  <c r="PGG52" i="1" s="1"/>
  <c r="PGH52" i="1" s="1"/>
  <c r="PGI52" i="1" s="1"/>
  <c r="PGJ52" i="1" s="1"/>
  <c r="PGK52" i="1" s="1"/>
  <c r="PGL52" i="1" s="1"/>
  <c r="PGM52" i="1" s="1"/>
  <c r="PGN52" i="1" s="1"/>
  <c r="PGO52" i="1" s="1"/>
  <c r="PGP52" i="1" s="1"/>
  <c r="PGQ52" i="1" s="1"/>
  <c r="PGR52" i="1" s="1"/>
  <c r="PGS52" i="1" s="1"/>
  <c r="PGT52" i="1" s="1"/>
  <c r="PGU52" i="1" s="1"/>
  <c r="PGV52" i="1" s="1"/>
  <c r="PGW52" i="1" s="1"/>
  <c r="PGX52" i="1" s="1"/>
  <c r="PGY52" i="1" s="1"/>
  <c r="PGZ52" i="1" s="1"/>
  <c r="PHA52" i="1" s="1"/>
  <c r="PHB52" i="1" s="1"/>
  <c r="PHC52" i="1" s="1"/>
  <c r="PHD52" i="1" s="1"/>
  <c r="PHE52" i="1" s="1"/>
  <c r="PHF52" i="1" s="1"/>
  <c r="PHG52" i="1" s="1"/>
  <c r="PHH52" i="1" s="1"/>
  <c r="PHI52" i="1" s="1"/>
  <c r="PHJ52" i="1" s="1"/>
  <c r="PHK52" i="1" s="1"/>
  <c r="PHL52" i="1" s="1"/>
  <c r="PHM52" i="1" s="1"/>
  <c r="PHN52" i="1" s="1"/>
  <c r="PHO52" i="1" s="1"/>
  <c r="PHP52" i="1" s="1"/>
  <c r="PHQ52" i="1" s="1"/>
  <c r="PHR52" i="1" s="1"/>
  <c r="PHS52" i="1" s="1"/>
  <c r="PHT52" i="1" s="1"/>
  <c r="PHU52" i="1" s="1"/>
  <c r="PHV52" i="1" s="1"/>
  <c r="PHW52" i="1" s="1"/>
  <c r="PHX52" i="1" s="1"/>
  <c r="PHY52" i="1" s="1"/>
  <c r="PHZ52" i="1" s="1"/>
  <c r="PIA52" i="1" s="1"/>
  <c r="PIB52" i="1" s="1"/>
  <c r="PIC52" i="1" s="1"/>
  <c r="PID52" i="1" s="1"/>
  <c r="PIE52" i="1" s="1"/>
  <c r="PIF52" i="1" s="1"/>
  <c r="PIG52" i="1" s="1"/>
  <c r="PIH52" i="1" s="1"/>
  <c r="PII52" i="1" s="1"/>
  <c r="PIJ52" i="1" s="1"/>
  <c r="PIK52" i="1" s="1"/>
  <c r="PIL52" i="1" s="1"/>
  <c r="PIM52" i="1" s="1"/>
  <c r="PIN52" i="1" s="1"/>
  <c r="PIO52" i="1" s="1"/>
  <c r="PIP52" i="1" s="1"/>
  <c r="PIQ52" i="1" s="1"/>
  <c r="PIR52" i="1" s="1"/>
  <c r="PIS52" i="1" s="1"/>
  <c r="PIT52" i="1" s="1"/>
  <c r="PIU52" i="1" s="1"/>
  <c r="PIV52" i="1" s="1"/>
  <c r="PIW52" i="1" s="1"/>
  <c r="PIX52" i="1" s="1"/>
  <c r="PIY52" i="1" s="1"/>
  <c r="PIZ52" i="1" s="1"/>
  <c r="PJA52" i="1" s="1"/>
  <c r="PJB52" i="1" s="1"/>
  <c r="PJC52" i="1" s="1"/>
  <c r="PJD52" i="1" s="1"/>
  <c r="PJE52" i="1" s="1"/>
  <c r="PJF52" i="1" s="1"/>
  <c r="PJG52" i="1" s="1"/>
  <c r="PJH52" i="1" s="1"/>
  <c r="PJI52" i="1" s="1"/>
  <c r="PJJ52" i="1" s="1"/>
  <c r="PJK52" i="1" s="1"/>
  <c r="PJL52" i="1" s="1"/>
  <c r="PJM52" i="1" s="1"/>
  <c r="PJN52" i="1" s="1"/>
  <c r="PJO52" i="1" s="1"/>
  <c r="PJP52" i="1" s="1"/>
  <c r="PJQ52" i="1" s="1"/>
  <c r="PJR52" i="1" s="1"/>
  <c r="PJS52" i="1" s="1"/>
  <c r="PJT52" i="1" s="1"/>
  <c r="PJU52" i="1" s="1"/>
  <c r="PJV52" i="1" s="1"/>
  <c r="PJW52" i="1" s="1"/>
  <c r="PJX52" i="1" s="1"/>
  <c r="PJY52" i="1" s="1"/>
  <c r="PJZ52" i="1" s="1"/>
  <c r="PKA52" i="1" s="1"/>
  <c r="PKB52" i="1" s="1"/>
  <c r="PKC52" i="1" s="1"/>
  <c r="PKD52" i="1" s="1"/>
  <c r="PKE52" i="1" s="1"/>
  <c r="PKF52" i="1" s="1"/>
  <c r="PKG52" i="1" s="1"/>
  <c r="PKH52" i="1" s="1"/>
  <c r="PKI52" i="1" s="1"/>
  <c r="PKJ52" i="1" s="1"/>
  <c r="PKK52" i="1" s="1"/>
  <c r="PKL52" i="1" s="1"/>
  <c r="PKM52" i="1" s="1"/>
  <c r="PKN52" i="1" s="1"/>
  <c r="PKO52" i="1" s="1"/>
  <c r="PKP52" i="1" s="1"/>
  <c r="PKQ52" i="1" s="1"/>
  <c r="PKR52" i="1" s="1"/>
  <c r="PKS52" i="1" s="1"/>
  <c r="PKT52" i="1" s="1"/>
  <c r="PKU52" i="1" s="1"/>
  <c r="PKV52" i="1" s="1"/>
  <c r="PKW52" i="1" s="1"/>
  <c r="PKX52" i="1" s="1"/>
  <c r="PKY52" i="1" s="1"/>
  <c r="PKZ52" i="1" s="1"/>
  <c r="PLA52" i="1" s="1"/>
  <c r="PLB52" i="1" s="1"/>
  <c r="PLC52" i="1" s="1"/>
  <c r="PLD52" i="1" s="1"/>
  <c r="PLE52" i="1" s="1"/>
  <c r="PLF52" i="1" s="1"/>
  <c r="PLG52" i="1" s="1"/>
  <c r="PLH52" i="1" s="1"/>
  <c r="PLI52" i="1" s="1"/>
  <c r="PLJ52" i="1" s="1"/>
  <c r="PLK52" i="1" s="1"/>
  <c r="PLL52" i="1" s="1"/>
  <c r="PLM52" i="1" s="1"/>
  <c r="PLN52" i="1" s="1"/>
  <c r="PLO52" i="1" s="1"/>
  <c r="PLP52" i="1" s="1"/>
  <c r="PLQ52" i="1" s="1"/>
  <c r="PLR52" i="1" s="1"/>
  <c r="PLS52" i="1" s="1"/>
  <c r="PLT52" i="1" s="1"/>
  <c r="PLU52" i="1" s="1"/>
  <c r="PLV52" i="1" s="1"/>
  <c r="PLW52" i="1" s="1"/>
  <c r="PLX52" i="1" s="1"/>
  <c r="PLY52" i="1" s="1"/>
  <c r="PLZ52" i="1" s="1"/>
  <c r="PMA52" i="1" s="1"/>
  <c r="PMB52" i="1" s="1"/>
  <c r="PMC52" i="1" s="1"/>
  <c r="PMD52" i="1" s="1"/>
  <c r="PME52" i="1" s="1"/>
  <c r="PMF52" i="1" s="1"/>
  <c r="PMG52" i="1" s="1"/>
  <c r="PMH52" i="1" s="1"/>
  <c r="PMI52" i="1" s="1"/>
  <c r="PMJ52" i="1" s="1"/>
  <c r="PMK52" i="1" s="1"/>
  <c r="PML52" i="1" s="1"/>
  <c r="PMM52" i="1" s="1"/>
  <c r="PMN52" i="1" s="1"/>
  <c r="PMO52" i="1" s="1"/>
  <c r="PMP52" i="1" s="1"/>
  <c r="PMQ52" i="1" s="1"/>
  <c r="PMR52" i="1" s="1"/>
  <c r="PMS52" i="1" s="1"/>
  <c r="PMT52" i="1" s="1"/>
  <c r="PMU52" i="1" s="1"/>
  <c r="PMV52" i="1" s="1"/>
  <c r="PMW52" i="1" s="1"/>
  <c r="PMX52" i="1" s="1"/>
  <c r="PMY52" i="1" s="1"/>
  <c r="PMZ52" i="1" s="1"/>
  <c r="PNA52" i="1" s="1"/>
  <c r="PNB52" i="1" s="1"/>
  <c r="PNC52" i="1" s="1"/>
  <c r="PND52" i="1" s="1"/>
  <c r="PNE52" i="1" s="1"/>
  <c r="PNF52" i="1" s="1"/>
  <c r="PNG52" i="1" s="1"/>
  <c r="PNH52" i="1" s="1"/>
  <c r="PNI52" i="1" s="1"/>
  <c r="PNJ52" i="1" s="1"/>
  <c r="PNK52" i="1" s="1"/>
  <c r="PNL52" i="1" s="1"/>
  <c r="PNM52" i="1" s="1"/>
  <c r="PNN52" i="1" s="1"/>
  <c r="PNO52" i="1" s="1"/>
  <c r="PNP52" i="1" s="1"/>
  <c r="PNQ52" i="1" s="1"/>
  <c r="PNR52" i="1" s="1"/>
  <c r="PNS52" i="1" s="1"/>
  <c r="PNT52" i="1" s="1"/>
  <c r="PNU52" i="1" s="1"/>
  <c r="PNV52" i="1" s="1"/>
  <c r="PNW52" i="1" s="1"/>
  <c r="PNX52" i="1" s="1"/>
  <c r="PNY52" i="1" s="1"/>
  <c r="PNZ52" i="1" s="1"/>
  <c r="POA52" i="1" s="1"/>
  <c r="POB52" i="1" s="1"/>
  <c r="POC52" i="1" s="1"/>
  <c r="POD52" i="1" s="1"/>
  <c r="POE52" i="1" s="1"/>
  <c r="POF52" i="1" s="1"/>
  <c r="POG52" i="1" s="1"/>
  <c r="POH52" i="1" s="1"/>
  <c r="POI52" i="1" s="1"/>
  <c r="POJ52" i="1" s="1"/>
  <c r="POK52" i="1" s="1"/>
  <c r="POL52" i="1" s="1"/>
  <c r="POM52" i="1" s="1"/>
  <c r="PON52" i="1" s="1"/>
  <c r="POO52" i="1" s="1"/>
  <c r="POP52" i="1" s="1"/>
  <c r="POQ52" i="1" s="1"/>
  <c r="POR52" i="1" s="1"/>
  <c r="POS52" i="1" s="1"/>
  <c r="POT52" i="1" s="1"/>
  <c r="POU52" i="1" s="1"/>
  <c r="POV52" i="1" s="1"/>
  <c r="POW52" i="1" s="1"/>
  <c r="POX52" i="1" s="1"/>
  <c r="POY52" i="1" s="1"/>
  <c r="POZ52" i="1" s="1"/>
  <c r="PPA52" i="1" s="1"/>
  <c r="PPB52" i="1" s="1"/>
  <c r="PPC52" i="1" s="1"/>
  <c r="PPD52" i="1" s="1"/>
  <c r="PPE52" i="1" s="1"/>
  <c r="PPF52" i="1" s="1"/>
  <c r="PPG52" i="1" s="1"/>
  <c r="PPH52" i="1" s="1"/>
  <c r="PPI52" i="1" s="1"/>
  <c r="PPJ52" i="1" s="1"/>
  <c r="PPK52" i="1" s="1"/>
  <c r="PPL52" i="1" s="1"/>
  <c r="PPM52" i="1" s="1"/>
  <c r="PPN52" i="1" s="1"/>
  <c r="PPO52" i="1" s="1"/>
  <c r="PPP52" i="1" s="1"/>
  <c r="PPQ52" i="1" s="1"/>
  <c r="PPR52" i="1" s="1"/>
  <c r="PPS52" i="1" s="1"/>
  <c r="PPT52" i="1" s="1"/>
  <c r="PPU52" i="1" s="1"/>
  <c r="PPV52" i="1" s="1"/>
  <c r="PPW52" i="1" s="1"/>
  <c r="PPX52" i="1" s="1"/>
  <c r="PPY52" i="1" s="1"/>
  <c r="PPZ52" i="1" s="1"/>
  <c r="PQA52" i="1" s="1"/>
  <c r="PQB52" i="1" s="1"/>
  <c r="PQC52" i="1" s="1"/>
  <c r="PQD52" i="1" s="1"/>
  <c r="PQE52" i="1" s="1"/>
  <c r="PQF52" i="1" s="1"/>
  <c r="PQG52" i="1" s="1"/>
  <c r="PQH52" i="1" s="1"/>
  <c r="PQI52" i="1" s="1"/>
  <c r="PQJ52" i="1" s="1"/>
  <c r="PQK52" i="1" s="1"/>
  <c r="PQL52" i="1" s="1"/>
  <c r="PQM52" i="1" s="1"/>
  <c r="PQN52" i="1" s="1"/>
  <c r="PQO52" i="1" s="1"/>
  <c r="PQP52" i="1" s="1"/>
  <c r="PQQ52" i="1" s="1"/>
  <c r="PQR52" i="1" s="1"/>
  <c r="PQS52" i="1" s="1"/>
  <c r="PQT52" i="1" s="1"/>
  <c r="PQU52" i="1" s="1"/>
  <c r="PQV52" i="1" s="1"/>
  <c r="PQW52" i="1" s="1"/>
  <c r="PQX52" i="1" s="1"/>
  <c r="PQY52" i="1" s="1"/>
  <c r="PQZ52" i="1" s="1"/>
  <c r="PRA52" i="1" s="1"/>
  <c r="PRB52" i="1" s="1"/>
  <c r="PRC52" i="1" s="1"/>
  <c r="PRD52" i="1" s="1"/>
  <c r="PRE52" i="1" s="1"/>
  <c r="PRF52" i="1" s="1"/>
  <c r="PRG52" i="1" s="1"/>
  <c r="PRH52" i="1" s="1"/>
  <c r="PRI52" i="1" s="1"/>
  <c r="PRJ52" i="1" s="1"/>
  <c r="PRK52" i="1" s="1"/>
  <c r="PRL52" i="1" s="1"/>
  <c r="PRM52" i="1" s="1"/>
  <c r="PRN52" i="1" s="1"/>
  <c r="PRO52" i="1" s="1"/>
  <c r="PRP52" i="1" s="1"/>
  <c r="PRQ52" i="1" s="1"/>
  <c r="PRR52" i="1" s="1"/>
  <c r="PRS52" i="1" s="1"/>
  <c r="PRT52" i="1" s="1"/>
  <c r="PRU52" i="1" s="1"/>
  <c r="PRV52" i="1" s="1"/>
  <c r="PRW52" i="1" s="1"/>
  <c r="PRX52" i="1" s="1"/>
  <c r="PRY52" i="1" s="1"/>
  <c r="PRZ52" i="1" s="1"/>
  <c r="PSA52" i="1" s="1"/>
  <c r="PSB52" i="1" s="1"/>
  <c r="PSC52" i="1" s="1"/>
  <c r="PSD52" i="1" s="1"/>
  <c r="PSE52" i="1" s="1"/>
  <c r="PSF52" i="1" s="1"/>
  <c r="PSG52" i="1" s="1"/>
  <c r="PSH52" i="1" s="1"/>
  <c r="PSI52" i="1" s="1"/>
  <c r="PSJ52" i="1" s="1"/>
  <c r="PSK52" i="1" s="1"/>
  <c r="PSL52" i="1" s="1"/>
  <c r="PSM52" i="1" s="1"/>
  <c r="PSN52" i="1" s="1"/>
  <c r="PSO52" i="1" s="1"/>
  <c r="PSP52" i="1" s="1"/>
  <c r="PSQ52" i="1" s="1"/>
  <c r="PSR52" i="1" s="1"/>
  <c r="PSS52" i="1" s="1"/>
  <c r="PST52" i="1" s="1"/>
  <c r="PSU52" i="1" s="1"/>
  <c r="PSV52" i="1" s="1"/>
  <c r="PSW52" i="1" s="1"/>
  <c r="PSX52" i="1" s="1"/>
  <c r="PSY52" i="1" s="1"/>
  <c r="PSZ52" i="1" s="1"/>
  <c r="PTA52" i="1" s="1"/>
  <c r="PTB52" i="1" s="1"/>
  <c r="PTC52" i="1" s="1"/>
  <c r="PTD52" i="1" s="1"/>
  <c r="PTE52" i="1" s="1"/>
  <c r="PTF52" i="1" s="1"/>
  <c r="PTG52" i="1" s="1"/>
  <c r="PTH52" i="1" s="1"/>
  <c r="PTI52" i="1" s="1"/>
  <c r="PTJ52" i="1" s="1"/>
  <c r="PTK52" i="1" s="1"/>
  <c r="PTL52" i="1" s="1"/>
  <c r="PTM52" i="1" s="1"/>
  <c r="PTN52" i="1" s="1"/>
  <c r="PTO52" i="1" s="1"/>
  <c r="PTP52" i="1" s="1"/>
  <c r="PTQ52" i="1" s="1"/>
  <c r="PTR52" i="1" s="1"/>
  <c r="PTS52" i="1" s="1"/>
  <c r="PTT52" i="1" s="1"/>
  <c r="PTU52" i="1" s="1"/>
  <c r="PTV52" i="1" s="1"/>
  <c r="PTW52" i="1" s="1"/>
  <c r="PTX52" i="1" s="1"/>
  <c r="PTY52" i="1" s="1"/>
  <c r="PTZ52" i="1" s="1"/>
  <c r="PUA52" i="1" s="1"/>
  <c r="PUB52" i="1" s="1"/>
  <c r="PUC52" i="1" s="1"/>
  <c r="PUD52" i="1" s="1"/>
  <c r="PUE52" i="1" s="1"/>
  <c r="PUF52" i="1" s="1"/>
  <c r="PUG52" i="1" s="1"/>
  <c r="PUH52" i="1" s="1"/>
  <c r="PUI52" i="1" s="1"/>
  <c r="PUJ52" i="1" s="1"/>
  <c r="PUK52" i="1" s="1"/>
  <c r="PUL52" i="1" s="1"/>
  <c r="PUM52" i="1" s="1"/>
  <c r="PUN52" i="1" s="1"/>
  <c r="PUO52" i="1" s="1"/>
  <c r="PUP52" i="1" s="1"/>
  <c r="PUQ52" i="1" s="1"/>
  <c r="PUR52" i="1" s="1"/>
  <c r="PUS52" i="1" s="1"/>
  <c r="PUT52" i="1" s="1"/>
  <c r="PUU52" i="1" s="1"/>
  <c r="PUV52" i="1" s="1"/>
  <c r="PUW52" i="1" s="1"/>
  <c r="PUX52" i="1" s="1"/>
  <c r="PUY52" i="1" s="1"/>
  <c r="PUZ52" i="1" s="1"/>
  <c r="PVA52" i="1" s="1"/>
  <c r="PVB52" i="1" s="1"/>
  <c r="PVC52" i="1" s="1"/>
  <c r="PVD52" i="1" s="1"/>
  <c r="PVE52" i="1" s="1"/>
  <c r="PVF52" i="1" s="1"/>
  <c r="PVG52" i="1" s="1"/>
  <c r="PVH52" i="1" s="1"/>
  <c r="PVI52" i="1" s="1"/>
  <c r="PVJ52" i="1" s="1"/>
  <c r="PVK52" i="1" s="1"/>
  <c r="PVL52" i="1" s="1"/>
  <c r="PVM52" i="1" s="1"/>
  <c r="PVN52" i="1" s="1"/>
  <c r="PVO52" i="1" s="1"/>
  <c r="PVP52" i="1" s="1"/>
  <c r="PVQ52" i="1" s="1"/>
  <c r="PVR52" i="1" s="1"/>
  <c r="PVS52" i="1" s="1"/>
  <c r="PVT52" i="1" s="1"/>
  <c r="PVU52" i="1" s="1"/>
  <c r="PVV52" i="1" s="1"/>
  <c r="PVW52" i="1" s="1"/>
  <c r="PVX52" i="1" s="1"/>
  <c r="PVY52" i="1" s="1"/>
  <c r="PVZ52" i="1" s="1"/>
  <c r="PWA52" i="1" s="1"/>
  <c r="PWB52" i="1" s="1"/>
  <c r="PWC52" i="1" s="1"/>
  <c r="PWD52" i="1" s="1"/>
  <c r="PWE52" i="1" s="1"/>
  <c r="PWF52" i="1" s="1"/>
  <c r="PWG52" i="1" s="1"/>
  <c r="PWH52" i="1" s="1"/>
  <c r="PWI52" i="1" s="1"/>
  <c r="PWJ52" i="1" s="1"/>
  <c r="PWK52" i="1" s="1"/>
  <c r="PWL52" i="1" s="1"/>
  <c r="PWM52" i="1" s="1"/>
  <c r="PWN52" i="1" s="1"/>
  <c r="PWO52" i="1" s="1"/>
  <c r="PWP52" i="1" s="1"/>
  <c r="PWQ52" i="1" s="1"/>
  <c r="PWR52" i="1" s="1"/>
  <c r="PWS52" i="1" s="1"/>
  <c r="PWT52" i="1" s="1"/>
  <c r="PWU52" i="1" s="1"/>
  <c r="PWV52" i="1" s="1"/>
  <c r="PWW52" i="1" s="1"/>
  <c r="PWX52" i="1" s="1"/>
  <c r="PWY52" i="1" s="1"/>
  <c r="PWZ52" i="1" s="1"/>
  <c r="PXA52" i="1" s="1"/>
  <c r="PXB52" i="1" s="1"/>
  <c r="PXC52" i="1" s="1"/>
  <c r="PXD52" i="1" s="1"/>
  <c r="PXE52" i="1" s="1"/>
  <c r="PXF52" i="1" s="1"/>
  <c r="PXG52" i="1" s="1"/>
  <c r="PXH52" i="1" s="1"/>
  <c r="PXI52" i="1" s="1"/>
  <c r="PXJ52" i="1" s="1"/>
  <c r="PXK52" i="1" s="1"/>
  <c r="PXL52" i="1" s="1"/>
  <c r="PXM52" i="1" s="1"/>
  <c r="PXN52" i="1" s="1"/>
  <c r="PXO52" i="1" s="1"/>
  <c r="PXP52" i="1" s="1"/>
  <c r="PXQ52" i="1" s="1"/>
  <c r="PXR52" i="1" s="1"/>
  <c r="PXS52" i="1" s="1"/>
  <c r="PXT52" i="1" s="1"/>
  <c r="PXU52" i="1" s="1"/>
  <c r="PXV52" i="1" s="1"/>
  <c r="PXW52" i="1" s="1"/>
  <c r="PXX52" i="1" s="1"/>
  <c r="PXY52" i="1" s="1"/>
  <c r="PXZ52" i="1" s="1"/>
  <c r="PYA52" i="1" s="1"/>
  <c r="PYB52" i="1" s="1"/>
  <c r="PYC52" i="1" s="1"/>
  <c r="PYD52" i="1" s="1"/>
  <c r="PYE52" i="1" s="1"/>
  <c r="PYF52" i="1" s="1"/>
  <c r="PYG52" i="1" s="1"/>
  <c r="PYH52" i="1" s="1"/>
  <c r="PYI52" i="1" s="1"/>
  <c r="PYJ52" i="1" s="1"/>
  <c r="PYK52" i="1" s="1"/>
  <c r="PYL52" i="1" s="1"/>
  <c r="PYM52" i="1" s="1"/>
  <c r="PYN52" i="1" s="1"/>
  <c r="PYO52" i="1" s="1"/>
  <c r="PYP52" i="1" s="1"/>
  <c r="PYQ52" i="1" s="1"/>
  <c r="PYR52" i="1" s="1"/>
  <c r="PYS52" i="1" s="1"/>
  <c r="PYT52" i="1" s="1"/>
  <c r="PYU52" i="1" s="1"/>
  <c r="PYV52" i="1" s="1"/>
  <c r="PYW52" i="1" s="1"/>
  <c r="PYX52" i="1" s="1"/>
  <c r="PYY52" i="1" s="1"/>
  <c r="PYZ52" i="1" s="1"/>
  <c r="PZA52" i="1" s="1"/>
  <c r="PZB52" i="1" s="1"/>
  <c r="PZC52" i="1" s="1"/>
  <c r="PZD52" i="1" s="1"/>
  <c r="PZE52" i="1" s="1"/>
  <c r="PZF52" i="1" s="1"/>
  <c r="PZG52" i="1" s="1"/>
  <c r="PZH52" i="1" s="1"/>
  <c r="PZI52" i="1" s="1"/>
  <c r="PZJ52" i="1" s="1"/>
  <c r="PZK52" i="1" s="1"/>
  <c r="PZL52" i="1" s="1"/>
  <c r="PZM52" i="1" s="1"/>
  <c r="PZN52" i="1" s="1"/>
  <c r="PZO52" i="1" s="1"/>
  <c r="PZP52" i="1" s="1"/>
  <c r="PZQ52" i="1" s="1"/>
  <c r="PZR52" i="1" s="1"/>
  <c r="PZS52" i="1" s="1"/>
  <c r="PZT52" i="1" s="1"/>
  <c r="PZU52" i="1" s="1"/>
  <c r="PZV52" i="1" s="1"/>
  <c r="PZW52" i="1" s="1"/>
  <c r="PZX52" i="1" s="1"/>
  <c r="PZY52" i="1" s="1"/>
  <c r="PZZ52" i="1" s="1"/>
  <c r="QAA52" i="1" s="1"/>
  <c r="QAB52" i="1" s="1"/>
  <c r="QAC52" i="1" s="1"/>
  <c r="QAD52" i="1" s="1"/>
  <c r="QAE52" i="1" s="1"/>
  <c r="QAF52" i="1" s="1"/>
  <c r="QAG52" i="1" s="1"/>
  <c r="QAH52" i="1" s="1"/>
  <c r="QAI52" i="1" s="1"/>
  <c r="QAJ52" i="1" s="1"/>
  <c r="QAK52" i="1" s="1"/>
  <c r="QAL52" i="1" s="1"/>
  <c r="QAM52" i="1" s="1"/>
  <c r="QAN52" i="1" s="1"/>
  <c r="QAO52" i="1" s="1"/>
  <c r="QAP52" i="1" s="1"/>
  <c r="QAQ52" i="1" s="1"/>
  <c r="QAR52" i="1" s="1"/>
  <c r="QAS52" i="1" s="1"/>
  <c r="QAT52" i="1" s="1"/>
  <c r="QAU52" i="1" s="1"/>
  <c r="QAV52" i="1" s="1"/>
  <c r="QAW52" i="1" s="1"/>
  <c r="QAX52" i="1" s="1"/>
  <c r="QAY52" i="1" s="1"/>
  <c r="QAZ52" i="1" s="1"/>
  <c r="QBA52" i="1" s="1"/>
  <c r="QBB52" i="1" s="1"/>
  <c r="QBC52" i="1" s="1"/>
  <c r="QBD52" i="1" s="1"/>
  <c r="QBE52" i="1" s="1"/>
  <c r="QBF52" i="1" s="1"/>
  <c r="QBG52" i="1" s="1"/>
  <c r="QBH52" i="1" s="1"/>
  <c r="QBI52" i="1" s="1"/>
  <c r="QBJ52" i="1" s="1"/>
  <c r="QBK52" i="1" s="1"/>
  <c r="QBL52" i="1" s="1"/>
  <c r="QBM52" i="1" s="1"/>
  <c r="QBN52" i="1" s="1"/>
  <c r="QBO52" i="1" s="1"/>
  <c r="QBP52" i="1" s="1"/>
  <c r="QBQ52" i="1" s="1"/>
  <c r="QBR52" i="1" s="1"/>
  <c r="QBS52" i="1" s="1"/>
  <c r="QBT52" i="1" s="1"/>
  <c r="QBU52" i="1" s="1"/>
  <c r="QBV52" i="1" s="1"/>
  <c r="QBW52" i="1" s="1"/>
  <c r="QBX52" i="1" s="1"/>
  <c r="QBY52" i="1" s="1"/>
  <c r="QBZ52" i="1" s="1"/>
  <c r="QCA52" i="1" s="1"/>
  <c r="QCB52" i="1" s="1"/>
  <c r="QCC52" i="1" s="1"/>
  <c r="QCD52" i="1" s="1"/>
  <c r="QCE52" i="1" s="1"/>
  <c r="QCF52" i="1" s="1"/>
  <c r="QCG52" i="1" s="1"/>
  <c r="QCH52" i="1" s="1"/>
  <c r="QCI52" i="1" s="1"/>
  <c r="QCJ52" i="1" s="1"/>
  <c r="QCK52" i="1" s="1"/>
  <c r="QCL52" i="1" s="1"/>
  <c r="QCM52" i="1" s="1"/>
  <c r="QCN52" i="1" s="1"/>
  <c r="QCO52" i="1" s="1"/>
  <c r="QCP52" i="1" s="1"/>
  <c r="QCQ52" i="1" s="1"/>
  <c r="QCR52" i="1" s="1"/>
  <c r="QCS52" i="1" s="1"/>
  <c r="QCT52" i="1" s="1"/>
  <c r="QCU52" i="1" s="1"/>
  <c r="QCV52" i="1" s="1"/>
  <c r="QCW52" i="1" s="1"/>
  <c r="QCX52" i="1" s="1"/>
  <c r="QCY52" i="1" s="1"/>
  <c r="QCZ52" i="1" s="1"/>
  <c r="QDA52" i="1" s="1"/>
  <c r="QDB52" i="1" s="1"/>
  <c r="QDC52" i="1" s="1"/>
  <c r="QDD52" i="1" s="1"/>
  <c r="QDE52" i="1" s="1"/>
  <c r="QDF52" i="1" s="1"/>
  <c r="QDG52" i="1" s="1"/>
  <c r="QDH52" i="1" s="1"/>
  <c r="QDI52" i="1" s="1"/>
  <c r="QDJ52" i="1" s="1"/>
  <c r="QDK52" i="1" s="1"/>
  <c r="QDL52" i="1" s="1"/>
  <c r="QDM52" i="1" s="1"/>
  <c r="QDN52" i="1" s="1"/>
  <c r="QDO52" i="1" s="1"/>
  <c r="QDP52" i="1" s="1"/>
  <c r="QDQ52" i="1" s="1"/>
  <c r="QDR52" i="1" s="1"/>
  <c r="QDS52" i="1" s="1"/>
  <c r="QDT52" i="1" s="1"/>
  <c r="QDU52" i="1" s="1"/>
  <c r="QDV52" i="1" s="1"/>
  <c r="QDW52" i="1" s="1"/>
  <c r="QDX52" i="1" s="1"/>
  <c r="QDY52" i="1" s="1"/>
  <c r="QDZ52" i="1" s="1"/>
  <c r="QEA52" i="1" s="1"/>
  <c r="QEB52" i="1" s="1"/>
  <c r="QEC52" i="1" s="1"/>
  <c r="QED52" i="1" s="1"/>
  <c r="QEE52" i="1" s="1"/>
  <c r="QEF52" i="1" s="1"/>
  <c r="QEG52" i="1" s="1"/>
  <c r="QEH52" i="1" s="1"/>
  <c r="QEI52" i="1" s="1"/>
  <c r="QEJ52" i="1" s="1"/>
  <c r="QEK52" i="1" s="1"/>
  <c r="QEL52" i="1" s="1"/>
  <c r="QEM52" i="1" s="1"/>
  <c r="QEN52" i="1" s="1"/>
  <c r="QEO52" i="1" s="1"/>
  <c r="QEP52" i="1" s="1"/>
  <c r="QEQ52" i="1" s="1"/>
  <c r="QER52" i="1" s="1"/>
  <c r="QES52" i="1" s="1"/>
  <c r="QET52" i="1" s="1"/>
  <c r="QEU52" i="1" s="1"/>
  <c r="QEV52" i="1" s="1"/>
  <c r="QEW52" i="1" s="1"/>
  <c r="QEX52" i="1" s="1"/>
  <c r="QEY52" i="1" s="1"/>
  <c r="QEZ52" i="1" s="1"/>
  <c r="QFA52" i="1" s="1"/>
  <c r="QFB52" i="1" s="1"/>
  <c r="QFC52" i="1" s="1"/>
  <c r="QFD52" i="1" s="1"/>
  <c r="QFE52" i="1" s="1"/>
  <c r="QFF52" i="1" s="1"/>
  <c r="QFG52" i="1" s="1"/>
  <c r="QFH52" i="1" s="1"/>
  <c r="QFI52" i="1" s="1"/>
  <c r="QFJ52" i="1" s="1"/>
  <c r="QFK52" i="1" s="1"/>
  <c r="QFL52" i="1" s="1"/>
  <c r="QFM52" i="1" s="1"/>
  <c r="QFN52" i="1" s="1"/>
  <c r="QFO52" i="1" s="1"/>
  <c r="QFP52" i="1" s="1"/>
  <c r="QFQ52" i="1" s="1"/>
  <c r="QFR52" i="1" s="1"/>
  <c r="QFS52" i="1" s="1"/>
  <c r="QFT52" i="1" s="1"/>
  <c r="QFU52" i="1" s="1"/>
  <c r="QFV52" i="1" s="1"/>
  <c r="QFW52" i="1" s="1"/>
  <c r="QFX52" i="1" s="1"/>
  <c r="QFY52" i="1" s="1"/>
  <c r="QFZ52" i="1" s="1"/>
  <c r="QGA52" i="1" s="1"/>
  <c r="QGB52" i="1" s="1"/>
  <c r="QGC52" i="1" s="1"/>
  <c r="QGD52" i="1" s="1"/>
  <c r="QGE52" i="1" s="1"/>
  <c r="QGF52" i="1" s="1"/>
  <c r="QGG52" i="1" s="1"/>
  <c r="QGH52" i="1" s="1"/>
  <c r="QGI52" i="1" s="1"/>
  <c r="QGJ52" i="1" s="1"/>
  <c r="QGK52" i="1" s="1"/>
  <c r="QGL52" i="1" s="1"/>
  <c r="QGM52" i="1" s="1"/>
  <c r="QGN52" i="1" s="1"/>
  <c r="QGO52" i="1" s="1"/>
  <c r="QGP52" i="1" s="1"/>
  <c r="QGQ52" i="1" s="1"/>
  <c r="QGR52" i="1" s="1"/>
  <c r="QGS52" i="1" s="1"/>
  <c r="QGT52" i="1" s="1"/>
  <c r="QGU52" i="1" s="1"/>
  <c r="QGV52" i="1" s="1"/>
  <c r="QGW52" i="1" s="1"/>
  <c r="QGX52" i="1" s="1"/>
  <c r="QGY52" i="1" s="1"/>
  <c r="QGZ52" i="1" s="1"/>
  <c r="QHA52" i="1" s="1"/>
  <c r="QHB52" i="1" s="1"/>
  <c r="QHC52" i="1" s="1"/>
  <c r="QHD52" i="1" s="1"/>
  <c r="QHE52" i="1" s="1"/>
  <c r="QHF52" i="1" s="1"/>
  <c r="QHG52" i="1" s="1"/>
  <c r="QHH52" i="1" s="1"/>
  <c r="QHI52" i="1" s="1"/>
  <c r="QHJ52" i="1" s="1"/>
  <c r="QHK52" i="1" s="1"/>
  <c r="QHL52" i="1" s="1"/>
  <c r="QHM52" i="1" s="1"/>
  <c r="QHN52" i="1" s="1"/>
  <c r="QHO52" i="1" s="1"/>
  <c r="QHP52" i="1" s="1"/>
  <c r="QHQ52" i="1" s="1"/>
  <c r="QHR52" i="1" s="1"/>
  <c r="QHS52" i="1" s="1"/>
  <c r="QHT52" i="1" s="1"/>
  <c r="QHU52" i="1" s="1"/>
  <c r="QHV52" i="1" s="1"/>
  <c r="QHW52" i="1" s="1"/>
  <c r="QHX52" i="1" s="1"/>
  <c r="QHY52" i="1" s="1"/>
  <c r="QHZ52" i="1" s="1"/>
  <c r="QIA52" i="1" s="1"/>
  <c r="QIB52" i="1" s="1"/>
  <c r="QIC52" i="1" s="1"/>
  <c r="QID52" i="1" s="1"/>
  <c r="QIE52" i="1" s="1"/>
  <c r="QIF52" i="1" s="1"/>
  <c r="QIG52" i="1" s="1"/>
  <c r="QIH52" i="1" s="1"/>
  <c r="QII52" i="1" s="1"/>
  <c r="QIJ52" i="1" s="1"/>
  <c r="QIK52" i="1" s="1"/>
  <c r="QIL52" i="1" s="1"/>
  <c r="QIM52" i="1" s="1"/>
  <c r="QIN52" i="1" s="1"/>
  <c r="QIO52" i="1" s="1"/>
  <c r="QIP52" i="1" s="1"/>
  <c r="QIQ52" i="1" s="1"/>
  <c r="QIR52" i="1" s="1"/>
  <c r="QIS52" i="1" s="1"/>
  <c r="QIT52" i="1" s="1"/>
  <c r="QIU52" i="1" s="1"/>
  <c r="QIV52" i="1" s="1"/>
  <c r="QIW52" i="1" s="1"/>
  <c r="QIX52" i="1" s="1"/>
  <c r="QIY52" i="1" s="1"/>
  <c r="QIZ52" i="1" s="1"/>
  <c r="QJA52" i="1" s="1"/>
  <c r="QJB52" i="1" s="1"/>
  <c r="QJC52" i="1" s="1"/>
  <c r="QJD52" i="1" s="1"/>
  <c r="QJE52" i="1" s="1"/>
  <c r="QJF52" i="1" s="1"/>
  <c r="QJG52" i="1" s="1"/>
  <c r="QJH52" i="1" s="1"/>
  <c r="QJI52" i="1" s="1"/>
  <c r="QJJ52" i="1" s="1"/>
  <c r="QJK52" i="1" s="1"/>
  <c r="QJL52" i="1" s="1"/>
  <c r="QJM52" i="1" s="1"/>
  <c r="QJN52" i="1" s="1"/>
  <c r="QJO52" i="1" s="1"/>
  <c r="QJP52" i="1" s="1"/>
  <c r="QJQ52" i="1" s="1"/>
  <c r="QJR52" i="1" s="1"/>
  <c r="QJS52" i="1" s="1"/>
  <c r="QJT52" i="1" s="1"/>
  <c r="QJU52" i="1" s="1"/>
  <c r="QJV52" i="1" s="1"/>
  <c r="QJW52" i="1" s="1"/>
  <c r="QJX52" i="1" s="1"/>
  <c r="QJY52" i="1" s="1"/>
  <c r="QJZ52" i="1" s="1"/>
  <c r="QKA52" i="1" s="1"/>
  <c r="QKB52" i="1" s="1"/>
  <c r="QKC52" i="1" s="1"/>
  <c r="QKD52" i="1" s="1"/>
  <c r="QKE52" i="1" s="1"/>
  <c r="QKF52" i="1" s="1"/>
  <c r="QKG52" i="1" s="1"/>
  <c r="QKH52" i="1" s="1"/>
  <c r="QKI52" i="1" s="1"/>
  <c r="QKJ52" i="1" s="1"/>
  <c r="QKK52" i="1" s="1"/>
  <c r="QKL52" i="1" s="1"/>
  <c r="QKM52" i="1" s="1"/>
  <c r="QKN52" i="1" s="1"/>
  <c r="QKO52" i="1" s="1"/>
  <c r="QKP52" i="1" s="1"/>
  <c r="QKQ52" i="1" s="1"/>
  <c r="QKR52" i="1" s="1"/>
  <c r="QKS52" i="1" s="1"/>
  <c r="QKT52" i="1" s="1"/>
  <c r="QKU52" i="1" s="1"/>
  <c r="QKV52" i="1" s="1"/>
  <c r="QKW52" i="1" s="1"/>
  <c r="QKX52" i="1" s="1"/>
  <c r="QKY52" i="1" s="1"/>
  <c r="QKZ52" i="1" s="1"/>
  <c r="QLA52" i="1" s="1"/>
  <c r="QLB52" i="1" s="1"/>
  <c r="QLC52" i="1" s="1"/>
  <c r="QLD52" i="1" s="1"/>
  <c r="QLE52" i="1" s="1"/>
  <c r="QLF52" i="1" s="1"/>
  <c r="QLG52" i="1" s="1"/>
  <c r="QLH52" i="1" s="1"/>
  <c r="QLI52" i="1" s="1"/>
  <c r="QLJ52" i="1" s="1"/>
  <c r="QLK52" i="1" s="1"/>
  <c r="QLL52" i="1" s="1"/>
  <c r="QLM52" i="1" s="1"/>
  <c r="QLN52" i="1" s="1"/>
  <c r="QLO52" i="1" s="1"/>
  <c r="QLP52" i="1" s="1"/>
  <c r="QLQ52" i="1" s="1"/>
  <c r="QLR52" i="1" s="1"/>
  <c r="QLS52" i="1" s="1"/>
  <c r="QLT52" i="1" s="1"/>
  <c r="QLU52" i="1" s="1"/>
  <c r="QLV52" i="1" s="1"/>
  <c r="QLW52" i="1" s="1"/>
  <c r="QLX52" i="1" s="1"/>
  <c r="QLY52" i="1" s="1"/>
  <c r="QLZ52" i="1" s="1"/>
  <c r="QMA52" i="1" s="1"/>
  <c r="QMB52" i="1" s="1"/>
  <c r="QMC52" i="1" s="1"/>
  <c r="QMD52" i="1" s="1"/>
  <c r="QME52" i="1" s="1"/>
  <c r="QMF52" i="1" s="1"/>
  <c r="QMG52" i="1" s="1"/>
  <c r="QMH52" i="1" s="1"/>
  <c r="QMI52" i="1" s="1"/>
  <c r="QMJ52" i="1" s="1"/>
  <c r="QMK52" i="1" s="1"/>
  <c r="QML52" i="1" s="1"/>
  <c r="QMM52" i="1" s="1"/>
  <c r="QMN52" i="1" s="1"/>
  <c r="QMO52" i="1" s="1"/>
  <c r="QMP52" i="1" s="1"/>
  <c r="QMQ52" i="1" s="1"/>
  <c r="QMR52" i="1" s="1"/>
  <c r="QMS52" i="1" s="1"/>
  <c r="QMT52" i="1" s="1"/>
  <c r="QMU52" i="1" s="1"/>
  <c r="QMV52" i="1" s="1"/>
  <c r="QMW52" i="1" s="1"/>
  <c r="QMX52" i="1" s="1"/>
  <c r="QMY52" i="1" s="1"/>
  <c r="QMZ52" i="1" s="1"/>
  <c r="QNA52" i="1" s="1"/>
  <c r="QNB52" i="1" s="1"/>
  <c r="QNC52" i="1" s="1"/>
  <c r="QND52" i="1" s="1"/>
  <c r="QNE52" i="1" s="1"/>
  <c r="QNF52" i="1" s="1"/>
  <c r="QNG52" i="1" s="1"/>
  <c r="QNH52" i="1" s="1"/>
  <c r="QNI52" i="1" s="1"/>
  <c r="QNJ52" i="1" s="1"/>
  <c r="QNK52" i="1" s="1"/>
  <c r="QNL52" i="1" s="1"/>
  <c r="QNM52" i="1" s="1"/>
  <c r="QNN52" i="1" s="1"/>
  <c r="QNO52" i="1" s="1"/>
  <c r="QNP52" i="1" s="1"/>
  <c r="QNQ52" i="1" s="1"/>
  <c r="QNR52" i="1" s="1"/>
  <c r="QNS52" i="1" s="1"/>
  <c r="QNT52" i="1" s="1"/>
  <c r="QNU52" i="1" s="1"/>
  <c r="QNV52" i="1" s="1"/>
  <c r="QNW52" i="1" s="1"/>
  <c r="QNX52" i="1" s="1"/>
  <c r="QNY52" i="1" s="1"/>
  <c r="QNZ52" i="1" s="1"/>
  <c r="QOA52" i="1" s="1"/>
  <c r="QOB52" i="1" s="1"/>
  <c r="QOC52" i="1" s="1"/>
  <c r="QOD52" i="1" s="1"/>
  <c r="QOE52" i="1" s="1"/>
  <c r="QOF52" i="1" s="1"/>
  <c r="QOG52" i="1" s="1"/>
  <c r="QOH52" i="1" s="1"/>
  <c r="QOI52" i="1" s="1"/>
  <c r="QOJ52" i="1" s="1"/>
  <c r="QOK52" i="1" s="1"/>
  <c r="QOL52" i="1" s="1"/>
  <c r="QOM52" i="1" s="1"/>
  <c r="QON52" i="1" s="1"/>
  <c r="QOO52" i="1" s="1"/>
  <c r="QOP52" i="1" s="1"/>
  <c r="QOQ52" i="1" s="1"/>
  <c r="QOR52" i="1" s="1"/>
  <c r="QOS52" i="1" s="1"/>
  <c r="QOT52" i="1" s="1"/>
  <c r="QOU52" i="1" s="1"/>
  <c r="QOV52" i="1" s="1"/>
  <c r="QOW52" i="1" s="1"/>
  <c r="QOX52" i="1" s="1"/>
  <c r="QOY52" i="1" s="1"/>
  <c r="QOZ52" i="1" s="1"/>
  <c r="QPA52" i="1" s="1"/>
  <c r="QPB52" i="1" s="1"/>
  <c r="QPC52" i="1" s="1"/>
  <c r="QPD52" i="1" s="1"/>
  <c r="QPE52" i="1" s="1"/>
  <c r="QPF52" i="1" s="1"/>
  <c r="QPG52" i="1" s="1"/>
  <c r="QPH52" i="1" s="1"/>
  <c r="QPI52" i="1" s="1"/>
  <c r="QPJ52" i="1" s="1"/>
  <c r="QPK52" i="1" s="1"/>
  <c r="QPL52" i="1" s="1"/>
  <c r="QPM52" i="1" s="1"/>
  <c r="QPN52" i="1" s="1"/>
  <c r="QPO52" i="1" s="1"/>
  <c r="QPP52" i="1" s="1"/>
  <c r="QPQ52" i="1" s="1"/>
  <c r="QPR52" i="1" s="1"/>
  <c r="QPS52" i="1" s="1"/>
  <c r="QPT52" i="1" s="1"/>
  <c r="QPU52" i="1" s="1"/>
  <c r="QPV52" i="1" s="1"/>
  <c r="QPW52" i="1" s="1"/>
  <c r="QPX52" i="1" s="1"/>
  <c r="QPY52" i="1" s="1"/>
  <c r="QPZ52" i="1" s="1"/>
  <c r="QQA52" i="1" s="1"/>
  <c r="QQB52" i="1" s="1"/>
  <c r="QQC52" i="1" s="1"/>
  <c r="QQD52" i="1" s="1"/>
  <c r="QQE52" i="1" s="1"/>
  <c r="QQF52" i="1" s="1"/>
  <c r="QQG52" i="1" s="1"/>
  <c r="QQH52" i="1" s="1"/>
  <c r="QQI52" i="1" s="1"/>
  <c r="QQJ52" i="1" s="1"/>
  <c r="QQK52" i="1" s="1"/>
  <c r="QQL52" i="1" s="1"/>
  <c r="QQM52" i="1" s="1"/>
  <c r="QQN52" i="1" s="1"/>
  <c r="QQO52" i="1" s="1"/>
  <c r="QQP52" i="1" s="1"/>
  <c r="QQQ52" i="1" s="1"/>
  <c r="QQR52" i="1" s="1"/>
  <c r="QQS52" i="1" s="1"/>
  <c r="QQT52" i="1" s="1"/>
  <c r="QQU52" i="1" s="1"/>
  <c r="QQV52" i="1" s="1"/>
  <c r="QQW52" i="1" s="1"/>
  <c r="QQX52" i="1" s="1"/>
  <c r="QQY52" i="1" s="1"/>
  <c r="QQZ52" i="1" s="1"/>
  <c r="QRA52" i="1" s="1"/>
  <c r="QRB52" i="1" s="1"/>
  <c r="QRC52" i="1" s="1"/>
  <c r="QRD52" i="1" s="1"/>
  <c r="QRE52" i="1" s="1"/>
  <c r="QRF52" i="1" s="1"/>
  <c r="QRG52" i="1" s="1"/>
  <c r="QRH52" i="1" s="1"/>
  <c r="QRI52" i="1" s="1"/>
  <c r="QRJ52" i="1" s="1"/>
  <c r="QRK52" i="1" s="1"/>
  <c r="QRL52" i="1" s="1"/>
  <c r="QRM52" i="1" s="1"/>
  <c r="QRN52" i="1" s="1"/>
  <c r="QRO52" i="1" s="1"/>
  <c r="QRP52" i="1" s="1"/>
  <c r="QRQ52" i="1" s="1"/>
  <c r="QRR52" i="1" s="1"/>
  <c r="QRS52" i="1" s="1"/>
  <c r="QRT52" i="1" s="1"/>
  <c r="QRU52" i="1" s="1"/>
  <c r="QRV52" i="1" s="1"/>
  <c r="QRW52" i="1" s="1"/>
  <c r="QRX52" i="1" s="1"/>
  <c r="QRY52" i="1" s="1"/>
  <c r="QRZ52" i="1" s="1"/>
  <c r="QSA52" i="1" s="1"/>
  <c r="QSB52" i="1" s="1"/>
  <c r="QSC52" i="1" s="1"/>
  <c r="QSD52" i="1" s="1"/>
  <c r="QSE52" i="1" s="1"/>
  <c r="QSF52" i="1" s="1"/>
  <c r="QSG52" i="1" s="1"/>
  <c r="QSH52" i="1" s="1"/>
  <c r="QSI52" i="1" s="1"/>
  <c r="QSJ52" i="1" s="1"/>
  <c r="QSK52" i="1" s="1"/>
  <c r="QSL52" i="1" s="1"/>
  <c r="QSM52" i="1" s="1"/>
  <c r="QSN52" i="1" s="1"/>
  <c r="QSO52" i="1" s="1"/>
  <c r="QSP52" i="1" s="1"/>
  <c r="QSQ52" i="1" s="1"/>
  <c r="QSR52" i="1" s="1"/>
  <c r="QSS52" i="1" s="1"/>
  <c r="QST52" i="1" s="1"/>
  <c r="QSU52" i="1" s="1"/>
  <c r="QSV52" i="1" s="1"/>
  <c r="QSW52" i="1" s="1"/>
  <c r="QSX52" i="1" s="1"/>
  <c r="QSY52" i="1" s="1"/>
  <c r="QSZ52" i="1" s="1"/>
  <c r="QTA52" i="1" s="1"/>
  <c r="QTB52" i="1" s="1"/>
  <c r="QTC52" i="1" s="1"/>
  <c r="QTD52" i="1" s="1"/>
  <c r="QTE52" i="1" s="1"/>
  <c r="QTF52" i="1" s="1"/>
  <c r="QTG52" i="1" s="1"/>
  <c r="QTH52" i="1" s="1"/>
  <c r="QTI52" i="1" s="1"/>
  <c r="QTJ52" i="1" s="1"/>
  <c r="QTK52" i="1" s="1"/>
  <c r="QTL52" i="1" s="1"/>
  <c r="QTM52" i="1" s="1"/>
  <c r="QTN52" i="1" s="1"/>
  <c r="QTO52" i="1" s="1"/>
  <c r="QTP52" i="1" s="1"/>
  <c r="QTQ52" i="1" s="1"/>
  <c r="QTR52" i="1" s="1"/>
  <c r="QTS52" i="1" s="1"/>
  <c r="QTT52" i="1" s="1"/>
  <c r="QTU52" i="1" s="1"/>
  <c r="QTV52" i="1" s="1"/>
  <c r="QTW52" i="1" s="1"/>
  <c r="QTX52" i="1" s="1"/>
  <c r="QTY52" i="1" s="1"/>
  <c r="QTZ52" i="1" s="1"/>
  <c r="QUA52" i="1" s="1"/>
  <c r="QUB52" i="1" s="1"/>
  <c r="QUC52" i="1" s="1"/>
  <c r="QUD52" i="1" s="1"/>
  <c r="QUE52" i="1" s="1"/>
  <c r="QUF52" i="1" s="1"/>
  <c r="QUG52" i="1" s="1"/>
  <c r="QUH52" i="1" s="1"/>
  <c r="QUI52" i="1" s="1"/>
  <c r="QUJ52" i="1" s="1"/>
  <c r="QUK52" i="1" s="1"/>
  <c r="QUL52" i="1" s="1"/>
  <c r="QUM52" i="1" s="1"/>
  <c r="QUN52" i="1" s="1"/>
  <c r="QUO52" i="1" s="1"/>
  <c r="QUP52" i="1" s="1"/>
  <c r="QUQ52" i="1" s="1"/>
  <c r="QUR52" i="1" s="1"/>
  <c r="QUS52" i="1" s="1"/>
  <c r="QUT52" i="1" s="1"/>
  <c r="QUU52" i="1" s="1"/>
  <c r="QUV52" i="1" s="1"/>
  <c r="QUW52" i="1" s="1"/>
  <c r="QUX52" i="1" s="1"/>
  <c r="QUY52" i="1" s="1"/>
  <c r="QUZ52" i="1" s="1"/>
  <c r="QVA52" i="1" s="1"/>
  <c r="QVB52" i="1" s="1"/>
  <c r="QVC52" i="1" s="1"/>
  <c r="QVD52" i="1" s="1"/>
  <c r="QVE52" i="1" s="1"/>
  <c r="QVF52" i="1" s="1"/>
  <c r="QVG52" i="1" s="1"/>
  <c r="QVH52" i="1" s="1"/>
  <c r="QVI52" i="1" s="1"/>
  <c r="QVJ52" i="1" s="1"/>
  <c r="QVK52" i="1" s="1"/>
  <c r="QVL52" i="1" s="1"/>
  <c r="QVM52" i="1" s="1"/>
  <c r="QVN52" i="1" s="1"/>
  <c r="QVO52" i="1" s="1"/>
  <c r="QVP52" i="1" s="1"/>
  <c r="QVQ52" i="1" s="1"/>
  <c r="QVR52" i="1" s="1"/>
  <c r="QVS52" i="1" s="1"/>
  <c r="QVT52" i="1" s="1"/>
  <c r="QVU52" i="1" s="1"/>
  <c r="QVV52" i="1" s="1"/>
  <c r="QVW52" i="1" s="1"/>
  <c r="QVX52" i="1" s="1"/>
  <c r="QVY52" i="1" s="1"/>
  <c r="QVZ52" i="1" s="1"/>
  <c r="QWA52" i="1" s="1"/>
  <c r="QWB52" i="1" s="1"/>
  <c r="QWC52" i="1" s="1"/>
  <c r="QWD52" i="1" s="1"/>
  <c r="QWE52" i="1" s="1"/>
  <c r="QWF52" i="1" s="1"/>
  <c r="QWG52" i="1" s="1"/>
  <c r="QWH52" i="1" s="1"/>
  <c r="QWI52" i="1" s="1"/>
  <c r="QWJ52" i="1" s="1"/>
  <c r="QWK52" i="1" s="1"/>
  <c r="QWL52" i="1" s="1"/>
  <c r="QWM52" i="1" s="1"/>
  <c r="QWN52" i="1" s="1"/>
  <c r="QWO52" i="1" s="1"/>
  <c r="QWP52" i="1" s="1"/>
  <c r="QWQ52" i="1" s="1"/>
  <c r="QWR52" i="1" s="1"/>
  <c r="QWS52" i="1" s="1"/>
  <c r="QWT52" i="1" s="1"/>
  <c r="QWU52" i="1" s="1"/>
  <c r="QWV52" i="1" s="1"/>
  <c r="QWW52" i="1" s="1"/>
  <c r="QWX52" i="1" s="1"/>
  <c r="QWY52" i="1" s="1"/>
  <c r="QWZ52" i="1" s="1"/>
  <c r="QXA52" i="1" s="1"/>
  <c r="QXB52" i="1" s="1"/>
  <c r="QXC52" i="1" s="1"/>
  <c r="QXD52" i="1" s="1"/>
  <c r="QXE52" i="1" s="1"/>
  <c r="QXF52" i="1" s="1"/>
  <c r="QXG52" i="1" s="1"/>
  <c r="QXH52" i="1" s="1"/>
  <c r="QXI52" i="1" s="1"/>
  <c r="QXJ52" i="1" s="1"/>
  <c r="QXK52" i="1" s="1"/>
  <c r="QXL52" i="1" s="1"/>
  <c r="QXM52" i="1" s="1"/>
  <c r="QXN52" i="1" s="1"/>
  <c r="QXO52" i="1" s="1"/>
  <c r="QXP52" i="1" s="1"/>
  <c r="QXQ52" i="1" s="1"/>
  <c r="QXR52" i="1" s="1"/>
  <c r="QXS52" i="1" s="1"/>
  <c r="QXT52" i="1" s="1"/>
  <c r="QXU52" i="1" s="1"/>
  <c r="QXV52" i="1" s="1"/>
  <c r="QXW52" i="1" s="1"/>
  <c r="QXX52" i="1" s="1"/>
  <c r="QXY52" i="1" s="1"/>
  <c r="QXZ52" i="1" s="1"/>
  <c r="QYA52" i="1" s="1"/>
  <c r="QYB52" i="1" s="1"/>
  <c r="QYC52" i="1" s="1"/>
  <c r="QYD52" i="1" s="1"/>
  <c r="QYE52" i="1" s="1"/>
  <c r="QYF52" i="1" s="1"/>
  <c r="QYG52" i="1" s="1"/>
  <c r="QYH52" i="1" s="1"/>
  <c r="QYI52" i="1" s="1"/>
  <c r="QYJ52" i="1" s="1"/>
  <c r="QYK52" i="1" s="1"/>
  <c r="QYL52" i="1" s="1"/>
  <c r="QYM52" i="1" s="1"/>
  <c r="QYN52" i="1" s="1"/>
  <c r="QYO52" i="1" s="1"/>
  <c r="QYP52" i="1" s="1"/>
  <c r="QYQ52" i="1" s="1"/>
  <c r="QYR52" i="1" s="1"/>
  <c r="QYS52" i="1" s="1"/>
  <c r="QYT52" i="1" s="1"/>
  <c r="QYU52" i="1" s="1"/>
  <c r="QYV52" i="1" s="1"/>
  <c r="QYW52" i="1" s="1"/>
  <c r="QYX52" i="1" s="1"/>
  <c r="QYY52" i="1" s="1"/>
  <c r="QYZ52" i="1" s="1"/>
  <c r="QZA52" i="1" s="1"/>
  <c r="QZB52" i="1" s="1"/>
  <c r="QZC52" i="1" s="1"/>
  <c r="QZD52" i="1" s="1"/>
  <c r="QZE52" i="1" s="1"/>
  <c r="QZF52" i="1" s="1"/>
  <c r="QZG52" i="1" s="1"/>
  <c r="QZH52" i="1" s="1"/>
  <c r="QZI52" i="1" s="1"/>
  <c r="QZJ52" i="1" s="1"/>
  <c r="QZK52" i="1" s="1"/>
  <c r="QZL52" i="1" s="1"/>
  <c r="QZM52" i="1" s="1"/>
  <c r="QZN52" i="1" s="1"/>
  <c r="QZO52" i="1" s="1"/>
  <c r="QZP52" i="1" s="1"/>
  <c r="QZQ52" i="1" s="1"/>
  <c r="QZR52" i="1" s="1"/>
  <c r="QZS52" i="1" s="1"/>
  <c r="QZT52" i="1" s="1"/>
  <c r="QZU52" i="1" s="1"/>
  <c r="QZV52" i="1" s="1"/>
  <c r="QZW52" i="1" s="1"/>
  <c r="QZX52" i="1" s="1"/>
  <c r="QZY52" i="1" s="1"/>
  <c r="QZZ52" i="1" s="1"/>
  <c r="RAA52" i="1" s="1"/>
  <c r="RAB52" i="1" s="1"/>
  <c r="RAC52" i="1" s="1"/>
  <c r="RAD52" i="1" s="1"/>
  <c r="RAE52" i="1" s="1"/>
  <c r="RAF52" i="1" s="1"/>
  <c r="RAG52" i="1" s="1"/>
  <c r="RAH52" i="1" s="1"/>
  <c r="RAI52" i="1" s="1"/>
  <c r="RAJ52" i="1" s="1"/>
  <c r="RAK52" i="1" s="1"/>
  <c r="RAL52" i="1" s="1"/>
  <c r="RAM52" i="1" s="1"/>
  <c r="RAN52" i="1" s="1"/>
  <c r="RAO52" i="1" s="1"/>
  <c r="RAP52" i="1" s="1"/>
  <c r="RAQ52" i="1" s="1"/>
  <c r="RAR52" i="1" s="1"/>
  <c r="RAS52" i="1" s="1"/>
  <c r="RAT52" i="1" s="1"/>
  <c r="RAU52" i="1" s="1"/>
  <c r="RAV52" i="1" s="1"/>
  <c r="RAW52" i="1" s="1"/>
  <c r="RAX52" i="1" s="1"/>
  <c r="RAY52" i="1" s="1"/>
  <c r="RAZ52" i="1" s="1"/>
  <c r="RBA52" i="1" s="1"/>
  <c r="RBB52" i="1" s="1"/>
  <c r="RBC52" i="1" s="1"/>
  <c r="RBD52" i="1" s="1"/>
  <c r="RBE52" i="1" s="1"/>
  <c r="RBF52" i="1" s="1"/>
  <c r="RBG52" i="1" s="1"/>
  <c r="RBH52" i="1" s="1"/>
  <c r="RBI52" i="1" s="1"/>
  <c r="RBJ52" i="1" s="1"/>
  <c r="RBK52" i="1" s="1"/>
  <c r="RBL52" i="1" s="1"/>
  <c r="RBM52" i="1" s="1"/>
  <c r="RBN52" i="1" s="1"/>
  <c r="RBO52" i="1" s="1"/>
  <c r="RBP52" i="1" s="1"/>
  <c r="RBQ52" i="1" s="1"/>
  <c r="RBR52" i="1" s="1"/>
  <c r="RBS52" i="1" s="1"/>
  <c r="RBT52" i="1" s="1"/>
  <c r="RBU52" i="1" s="1"/>
  <c r="RBV52" i="1" s="1"/>
  <c r="RBW52" i="1" s="1"/>
  <c r="RBX52" i="1" s="1"/>
  <c r="RBY52" i="1" s="1"/>
  <c r="RBZ52" i="1" s="1"/>
  <c r="RCA52" i="1" s="1"/>
  <c r="RCB52" i="1" s="1"/>
  <c r="RCC52" i="1" s="1"/>
  <c r="RCD52" i="1" s="1"/>
  <c r="RCE52" i="1" s="1"/>
  <c r="RCF52" i="1" s="1"/>
  <c r="RCG52" i="1" s="1"/>
  <c r="RCH52" i="1" s="1"/>
  <c r="RCI52" i="1" s="1"/>
  <c r="RCJ52" i="1" s="1"/>
  <c r="RCK52" i="1" s="1"/>
  <c r="RCL52" i="1" s="1"/>
  <c r="RCM52" i="1" s="1"/>
  <c r="RCN52" i="1" s="1"/>
  <c r="RCO52" i="1" s="1"/>
  <c r="RCP52" i="1" s="1"/>
  <c r="RCQ52" i="1" s="1"/>
  <c r="RCR52" i="1" s="1"/>
  <c r="RCS52" i="1" s="1"/>
  <c r="RCT52" i="1" s="1"/>
  <c r="RCU52" i="1" s="1"/>
  <c r="RCV52" i="1" s="1"/>
  <c r="RCW52" i="1" s="1"/>
  <c r="RCX52" i="1" s="1"/>
  <c r="RCY52" i="1" s="1"/>
  <c r="RCZ52" i="1" s="1"/>
  <c r="RDA52" i="1" s="1"/>
  <c r="RDB52" i="1" s="1"/>
  <c r="RDC52" i="1" s="1"/>
  <c r="RDD52" i="1" s="1"/>
  <c r="RDE52" i="1" s="1"/>
  <c r="RDF52" i="1" s="1"/>
  <c r="RDG52" i="1" s="1"/>
  <c r="RDH52" i="1" s="1"/>
  <c r="RDI52" i="1" s="1"/>
  <c r="RDJ52" i="1" s="1"/>
  <c r="RDK52" i="1" s="1"/>
  <c r="RDL52" i="1" s="1"/>
  <c r="RDM52" i="1" s="1"/>
  <c r="RDN52" i="1" s="1"/>
  <c r="RDO52" i="1" s="1"/>
  <c r="RDP52" i="1" s="1"/>
  <c r="RDQ52" i="1" s="1"/>
  <c r="RDR52" i="1" s="1"/>
  <c r="RDS52" i="1" s="1"/>
  <c r="RDT52" i="1" s="1"/>
  <c r="RDU52" i="1" s="1"/>
  <c r="RDV52" i="1" s="1"/>
  <c r="RDW52" i="1" s="1"/>
  <c r="RDX52" i="1" s="1"/>
  <c r="RDY52" i="1" s="1"/>
  <c r="RDZ52" i="1" s="1"/>
  <c r="REA52" i="1" s="1"/>
  <c r="REB52" i="1" s="1"/>
  <c r="REC52" i="1" s="1"/>
  <c r="RED52" i="1" s="1"/>
  <c r="REE52" i="1" s="1"/>
  <c r="REF52" i="1" s="1"/>
  <c r="REG52" i="1" s="1"/>
  <c r="REH52" i="1" s="1"/>
  <c r="REI52" i="1" s="1"/>
  <c r="REJ52" i="1" s="1"/>
  <c r="REK52" i="1" s="1"/>
  <c r="REL52" i="1" s="1"/>
  <c r="REM52" i="1" s="1"/>
  <c r="REN52" i="1" s="1"/>
  <c r="REO52" i="1" s="1"/>
  <c r="REP52" i="1" s="1"/>
  <c r="REQ52" i="1" s="1"/>
  <c r="RER52" i="1" s="1"/>
  <c r="RES52" i="1" s="1"/>
  <c r="RET52" i="1" s="1"/>
  <c r="REU52" i="1" s="1"/>
  <c r="REV52" i="1" s="1"/>
  <c r="REW52" i="1" s="1"/>
  <c r="REX52" i="1" s="1"/>
  <c r="REY52" i="1" s="1"/>
  <c r="REZ52" i="1" s="1"/>
  <c r="RFA52" i="1" s="1"/>
  <c r="RFB52" i="1" s="1"/>
  <c r="RFC52" i="1" s="1"/>
  <c r="RFD52" i="1" s="1"/>
  <c r="RFE52" i="1" s="1"/>
  <c r="RFF52" i="1" s="1"/>
  <c r="RFG52" i="1" s="1"/>
  <c r="RFH52" i="1" s="1"/>
  <c r="RFI52" i="1" s="1"/>
  <c r="RFJ52" i="1" s="1"/>
  <c r="RFK52" i="1" s="1"/>
  <c r="RFL52" i="1" s="1"/>
  <c r="RFM52" i="1" s="1"/>
  <c r="RFN52" i="1" s="1"/>
  <c r="RFO52" i="1" s="1"/>
  <c r="RFP52" i="1" s="1"/>
  <c r="RFQ52" i="1" s="1"/>
  <c r="RFR52" i="1" s="1"/>
  <c r="RFS52" i="1" s="1"/>
  <c r="RFT52" i="1" s="1"/>
  <c r="RFU52" i="1" s="1"/>
  <c r="RFV52" i="1" s="1"/>
  <c r="RFW52" i="1" s="1"/>
  <c r="RFX52" i="1" s="1"/>
  <c r="RFY52" i="1" s="1"/>
  <c r="RFZ52" i="1" s="1"/>
  <c r="RGA52" i="1" s="1"/>
  <c r="RGB52" i="1" s="1"/>
  <c r="RGC52" i="1" s="1"/>
  <c r="RGD52" i="1" s="1"/>
  <c r="RGE52" i="1" s="1"/>
  <c r="RGF52" i="1" s="1"/>
  <c r="RGG52" i="1" s="1"/>
  <c r="RGH52" i="1" s="1"/>
  <c r="RGI52" i="1" s="1"/>
  <c r="RGJ52" i="1" s="1"/>
  <c r="RGK52" i="1" s="1"/>
  <c r="RGL52" i="1" s="1"/>
  <c r="RGM52" i="1" s="1"/>
  <c r="RGN52" i="1" s="1"/>
  <c r="RGO52" i="1" s="1"/>
  <c r="RGP52" i="1" s="1"/>
  <c r="RGQ52" i="1" s="1"/>
  <c r="RGR52" i="1" s="1"/>
  <c r="RGS52" i="1" s="1"/>
  <c r="RGT52" i="1" s="1"/>
  <c r="RGU52" i="1" s="1"/>
  <c r="RGV52" i="1" s="1"/>
  <c r="RGW52" i="1" s="1"/>
  <c r="RGX52" i="1" s="1"/>
  <c r="RGY52" i="1" s="1"/>
  <c r="RGZ52" i="1" s="1"/>
  <c r="RHA52" i="1" s="1"/>
  <c r="RHB52" i="1" s="1"/>
  <c r="RHC52" i="1" s="1"/>
  <c r="RHD52" i="1" s="1"/>
  <c r="RHE52" i="1" s="1"/>
  <c r="RHF52" i="1" s="1"/>
  <c r="RHG52" i="1" s="1"/>
  <c r="RHH52" i="1" s="1"/>
  <c r="RHI52" i="1" s="1"/>
  <c r="RHJ52" i="1" s="1"/>
  <c r="RHK52" i="1" s="1"/>
  <c r="RHL52" i="1" s="1"/>
  <c r="RHM52" i="1" s="1"/>
  <c r="RHN52" i="1" s="1"/>
  <c r="RHO52" i="1" s="1"/>
  <c r="RHP52" i="1" s="1"/>
  <c r="RHQ52" i="1" s="1"/>
  <c r="RHR52" i="1" s="1"/>
  <c r="RHS52" i="1" s="1"/>
  <c r="RHT52" i="1" s="1"/>
  <c r="RHU52" i="1" s="1"/>
  <c r="RHV52" i="1" s="1"/>
  <c r="RHW52" i="1" s="1"/>
  <c r="RHX52" i="1" s="1"/>
  <c r="RHY52" i="1" s="1"/>
  <c r="RHZ52" i="1" s="1"/>
  <c r="RIA52" i="1" s="1"/>
  <c r="RIB52" i="1" s="1"/>
  <c r="RIC52" i="1" s="1"/>
  <c r="RID52" i="1" s="1"/>
  <c r="RIE52" i="1" s="1"/>
  <c r="RIF52" i="1" s="1"/>
  <c r="RIG52" i="1" s="1"/>
  <c r="RIH52" i="1" s="1"/>
  <c r="RII52" i="1" s="1"/>
  <c r="RIJ52" i="1" s="1"/>
  <c r="RIK52" i="1" s="1"/>
  <c r="RIL52" i="1" s="1"/>
  <c r="RIM52" i="1" s="1"/>
  <c r="RIN52" i="1" s="1"/>
  <c r="RIO52" i="1" s="1"/>
  <c r="RIP52" i="1" s="1"/>
  <c r="RIQ52" i="1" s="1"/>
  <c r="RIR52" i="1" s="1"/>
  <c r="RIS52" i="1" s="1"/>
  <c r="RIT52" i="1" s="1"/>
  <c r="RIU52" i="1" s="1"/>
  <c r="RIV52" i="1" s="1"/>
  <c r="RIW52" i="1" s="1"/>
  <c r="RIX52" i="1" s="1"/>
  <c r="RIY52" i="1" s="1"/>
  <c r="RIZ52" i="1" s="1"/>
  <c r="RJA52" i="1" s="1"/>
  <c r="RJB52" i="1" s="1"/>
  <c r="RJC52" i="1" s="1"/>
  <c r="RJD52" i="1" s="1"/>
  <c r="RJE52" i="1" s="1"/>
  <c r="RJF52" i="1" s="1"/>
  <c r="RJG52" i="1" s="1"/>
  <c r="RJH52" i="1" s="1"/>
  <c r="RJI52" i="1" s="1"/>
  <c r="RJJ52" i="1" s="1"/>
  <c r="RJK52" i="1" s="1"/>
  <c r="RJL52" i="1" s="1"/>
  <c r="RJM52" i="1" s="1"/>
  <c r="RJN52" i="1" s="1"/>
  <c r="RJO52" i="1" s="1"/>
  <c r="RJP52" i="1" s="1"/>
  <c r="RJQ52" i="1" s="1"/>
  <c r="RJR52" i="1" s="1"/>
  <c r="RJS52" i="1" s="1"/>
  <c r="RJT52" i="1" s="1"/>
  <c r="RJU52" i="1" s="1"/>
  <c r="RJV52" i="1" s="1"/>
  <c r="RJW52" i="1" s="1"/>
  <c r="RJX52" i="1" s="1"/>
  <c r="RJY52" i="1" s="1"/>
  <c r="RJZ52" i="1" s="1"/>
  <c r="RKA52" i="1" s="1"/>
  <c r="RKB52" i="1" s="1"/>
  <c r="RKC52" i="1" s="1"/>
  <c r="RKD52" i="1" s="1"/>
  <c r="RKE52" i="1" s="1"/>
  <c r="RKF52" i="1" s="1"/>
  <c r="RKG52" i="1" s="1"/>
  <c r="RKH52" i="1" s="1"/>
  <c r="RKI52" i="1" s="1"/>
  <c r="RKJ52" i="1" s="1"/>
  <c r="RKK52" i="1" s="1"/>
  <c r="RKL52" i="1" s="1"/>
  <c r="RKM52" i="1" s="1"/>
  <c r="RKN52" i="1" s="1"/>
  <c r="RKO52" i="1" s="1"/>
  <c r="RKP52" i="1" s="1"/>
  <c r="RKQ52" i="1" s="1"/>
  <c r="RKR52" i="1" s="1"/>
  <c r="RKS52" i="1" s="1"/>
  <c r="RKT52" i="1" s="1"/>
  <c r="RKU52" i="1" s="1"/>
  <c r="RKV52" i="1" s="1"/>
  <c r="RKW52" i="1" s="1"/>
  <c r="RKX52" i="1" s="1"/>
  <c r="RKY52" i="1" s="1"/>
  <c r="RKZ52" i="1" s="1"/>
  <c r="RLA52" i="1" s="1"/>
  <c r="RLB52" i="1" s="1"/>
  <c r="RLC52" i="1" s="1"/>
  <c r="RLD52" i="1" s="1"/>
  <c r="RLE52" i="1" s="1"/>
  <c r="RLF52" i="1" s="1"/>
  <c r="RLG52" i="1" s="1"/>
  <c r="RLH52" i="1" s="1"/>
  <c r="RLI52" i="1" s="1"/>
  <c r="RLJ52" i="1" s="1"/>
  <c r="RLK52" i="1" s="1"/>
  <c r="RLL52" i="1" s="1"/>
  <c r="RLM52" i="1" s="1"/>
  <c r="RLN52" i="1" s="1"/>
  <c r="RLO52" i="1" s="1"/>
  <c r="RLP52" i="1" s="1"/>
  <c r="RLQ52" i="1" s="1"/>
  <c r="RLR52" i="1" s="1"/>
  <c r="RLS52" i="1" s="1"/>
  <c r="RLT52" i="1" s="1"/>
  <c r="RLU52" i="1" s="1"/>
  <c r="RLV52" i="1" s="1"/>
  <c r="RLW52" i="1" s="1"/>
  <c r="RLX52" i="1" s="1"/>
  <c r="RLY52" i="1" s="1"/>
  <c r="RLZ52" i="1" s="1"/>
  <c r="RMA52" i="1" s="1"/>
  <c r="RMB52" i="1" s="1"/>
  <c r="RMC52" i="1" s="1"/>
  <c r="RMD52" i="1" s="1"/>
  <c r="RME52" i="1" s="1"/>
  <c r="RMF52" i="1" s="1"/>
  <c r="RMG52" i="1" s="1"/>
  <c r="RMH52" i="1" s="1"/>
  <c r="RMI52" i="1" s="1"/>
  <c r="RMJ52" i="1" s="1"/>
  <c r="RMK52" i="1" s="1"/>
  <c r="RML52" i="1" s="1"/>
  <c r="RMM52" i="1" s="1"/>
  <c r="RMN52" i="1" s="1"/>
  <c r="RMO52" i="1" s="1"/>
  <c r="RMP52" i="1" s="1"/>
  <c r="RMQ52" i="1" s="1"/>
  <c r="RMR52" i="1" s="1"/>
  <c r="RMS52" i="1" s="1"/>
  <c r="RMT52" i="1" s="1"/>
  <c r="RMU52" i="1" s="1"/>
  <c r="RMV52" i="1" s="1"/>
  <c r="RMW52" i="1" s="1"/>
  <c r="RMX52" i="1" s="1"/>
  <c r="RMY52" i="1" s="1"/>
  <c r="RMZ52" i="1" s="1"/>
  <c r="RNA52" i="1" s="1"/>
  <c r="RNB52" i="1" s="1"/>
  <c r="RNC52" i="1" s="1"/>
  <c r="RND52" i="1" s="1"/>
  <c r="RNE52" i="1" s="1"/>
  <c r="RNF52" i="1" s="1"/>
  <c r="RNG52" i="1" s="1"/>
  <c r="RNH52" i="1" s="1"/>
  <c r="RNI52" i="1" s="1"/>
  <c r="RNJ52" i="1" s="1"/>
  <c r="RNK52" i="1" s="1"/>
  <c r="RNL52" i="1" s="1"/>
  <c r="RNM52" i="1" s="1"/>
  <c r="RNN52" i="1" s="1"/>
  <c r="RNO52" i="1" s="1"/>
  <c r="RNP52" i="1" s="1"/>
  <c r="RNQ52" i="1" s="1"/>
  <c r="RNR52" i="1" s="1"/>
  <c r="RNS52" i="1" s="1"/>
  <c r="RNT52" i="1" s="1"/>
  <c r="RNU52" i="1" s="1"/>
  <c r="RNV52" i="1" s="1"/>
  <c r="RNW52" i="1" s="1"/>
  <c r="RNX52" i="1" s="1"/>
  <c r="RNY52" i="1" s="1"/>
  <c r="RNZ52" i="1" s="1"/>
  <c r="ROA52" i="1" s="1"/>
  <c r="ROB52" i="1" s="1"/>
  <c r="ROC52" i="1" s="1"/>
  <c r="ROD52" i="1" s="1"/>
  <c r="ROE52" i="1" s="1"/>
  <c r="ROF52" i="1" s="1"/>
  <c r="ROG52" i="1" s="1"/>
  <c r="ROH52" i="1" s="1"/>
  <c r="ROI52" i="1" s="1"/>
  <c r="ROJ52" i="1" s="1"/>
  <c r="ROK52" i="1" s="1"/>
  <c r="ROL52" i="1" s="1"/>
  <c r="ROM52" i="1" s="1"/>
  <c r="RON52" i="1" s="1"/>
  <c r="ROO52" i="1" s="1"/>
  <c r="ROP52" i="1" s="1"/>
  <c r="ROQ52" i="1" s="1"/>
  <c r="ROR52" i="1" s="1"/>
  <c r="ROS52" i="1" s="1"/>
  <c r="ROT52" i="1" s="1"/>
  <c r="ROU52" i="1" s="1"/>
  <c r="ROV52" i="1" s="1"/>
  <c r="ROW52" i="1" s="1"/>
  <c r="ROX52" i="1" s="1"/>
  <c r="ROY52" i="1" s="1"/>
  <c r="ROZ52" i="1" s="1"/>
  <c r="RPA52" i="1" s="1"/>
  <c r="RPB52" i="1" s="1"/>
  <c r="RPC52" i="1" s="1"/>
  <c r="RPD52" i="1" s="1"/>
  <c r="RPE52" i="1" s="1"/>
  <c r="RPF52" i="1" s="1"/>
  <c r="RPG52" i="1" s="1"/>
  <c r="RPH52" i="1" s="1"/>
  <c r="RPI52" i="1" s="1"/>
  <c r="RPJ52" i="1" s="1"/>
  <c r="RPK52" i="1" s="1"/>
  <c r="RPL52" i="1" s="1"/>
  <c r="RPM52" i="1" s="1"/>
  <c r="RPN52" i="1" s="1"/>
  <c r="RPO52" i="1" s="1"/>
  <c r="RPP52" i="1" s="1"/>
  <c r="RPQ52" i="1" s="1"/>
  <c r="RPR52" i="1" s="1"/>
  <c r="RPS52" i="1" s="1"/>
  <c r="RPT52" i="1" s="1"/>
  <c r="RPU52" i="1" s="1"/>
  <c r="RPV52" i="1" s="1"/>
  <c r="RPW52" i="1" s="1"/>
  <c r="RPX52" i="1" s="1"/>
  <c r="RPY52" i="1" s="1"/>
  <c r="RPZ52" i="1" s="1"/>
  <c r="RQA52" i="1" s="1"/>
  <c r="RQB52" i="1" s="1"/>
  <c r="RQC52" i="1" s="1"/>
  <c r="RQD52" i="1" s="1"/>
  <c r="RQE52" i="1" s="1"/>
  <c r="RQF52" i="1" s="1"/>
  <c r="RQG52" i="1" s="1"/>
  <c r="RQH52" i="1" s="1"/>
  <c r="RQI52" i="1" s="1"/>
  <c r="RQJ52" i="1" s="1"/>
  <c r="RQK52" i="1" s="1"/>
  <c r="RQL52" i="1" s="1"/>
  <c r="RQM52" i="1" s="1"/>
  <c r="RQN52" i="1" s="1"/>
  <c r="RQO52" i="1" s="1"/>
  <c r="RQP52" i="1" s="1"/>
  <c r="RQQ52" i="1" s="1"/>
  <c r="RQR52" i="1" s="1"/>
  <c r="RQS52" i="1" s="1"/>
  <c r="RQT52" i="1" s="1"/>
  <c r="RQU52" i="1" s="1"/>
  <c r="RQV52" i="1" s="1"/>
  <c r="RQW52" i="1" s="1"/>
  <c r="RQX52" i="1" s="1"/>
  <c r="RQY52" i="1" s="1"/>
  <c r="RQZ52" i="1" s="1"/>
  <c r="RRA52" i="1" s="1"/>
  <c r="RRB52" i="1" s="1"/>
  <c r="RRC52" i="1" s="1"/>
  <c r="RRD52" i="1" s="1"/>
  <c r="RRE52" i="1" s="1"/>
  <c r="RRF52" i="1" s="1"/>
  <c r="RRG52" i="1" s="1"/>
  <c r="RRH52" i="1" s="1"/>
  <c r="RRI52" i="1" s="1"/>
  <c r="RRJ52" i="1" s="1"/>
  <c r="RRK52" i="1" s="1"/>
  <c r="RRL52" i="1" s="1"/>
  <c r="RRM52" i="1" s="1"/>
  <c r="RRN52" i="1" s="1"/>
  <c r="RRO52" i="1" s="1"/>
  <c r="RRP52" i="1" s="1"/>
  <c r="RRQ52" i="1" s="1"/>
  <c r="RRR52" i="1" s="1"/>
  <c r="RRS52" i="1" s="1"/>
  <c r="RRT52" i="1" s="1"/>
  <c r="RRU52" i="1" s="1"/>
  <c r="RRV52" i="1" s="1"/>
  <c r="RRW52" i="1" s="1"/>
  <c r="RRX52" i="1" s="1"/>
  <c r="RRY52" i="1" s="1"/>
  <c r="RRZ52" i="1" s="1"/>
  <c r="RSA52" i="1" s="1"/>
  <c r="RSB52" i="1" s="1"/>
  <c r="RSC52" i="1" s="1"/>
  <c r="RSD52" i="1" s="1"/>
  <c r="RSE52" i="1" s="1"/>
  <c r="RSF52" i="1" s="1"/>
  <c r="RSG52" i="1" s="1"/>
  <c r="RSH52" i="1" s="1"/>
  <c r="RSI52" i="1" s="1"/>
  <c r="RSJ52" i="1" s="1"/>
  <c r="RSK52" i="1" s="1"/>
  <c r="RSL52" i="1" s="1"/>
  <c r="RSM52" i="1" s="1"/>
  <c r="RSN52" i="1" s="1"/>
  <c r="RSO52" i="1" s="1"/>
  <c r="RSP52" i="1" s="1"/>
  <c r="RSQ52" i="1" s="1"/>
  <c r="RSR52" i="1" s="1"/>
  <c r="RSS52" i="1" s="1"/>
  <c r="RST52" i="1" s="1"/>
  <c r="RSU52" i="1" s="1"/>
  <c r="RSV52" i="1" s="1"/>
  <c r="RSW52" i="1" s="1"/>
  <c r="RSX52" i="1" s="1"/>
  <c r="RSY52" i="1" s="1"/>
  <c r="RSZ52" i="1" s="1"/>
  <c r="RTA52" i="1" s="1"/>
  <c r="RTB52" i="1" s="1"/>
  <c r="RTC52" i="1" s="1"/>
  <c r="RTD52" i="1" s="1"/>
  <c r="RTE52" i="1" s="1"/>
  <c r="RTF52" i="1" s="1"/>
  <c r="RTG52" i="1" s="1"/>
  <c r="RTH52" i="1" s="1"/>
  <c r="RTI52" i="1" s="1"/>
  <c r="RTJ52" i="1" s="1"/>
  <c r="RTK52" i="1" s="1"/>
  <c r="RTL52" i="1" s="1"/>
  <c r="RTM52" i="1" s="1"/>
  <c r="RTN52" i="1" s="1"/>
  <c r="RTO52" i="1" s="1"/>
  <c r="RTP52" i="1" s="1"/>
  <c r="RTQ52" i="1" s="1"/>
  <c r="RTR52" i="1" s="1"/>
  <c r="RTS52" i="1" s="1"/>
  <c r="RTT52" i="1" s="1"/>
  <c r="RTU52" i="1" s="1"/>
  <c r="RTV52" i="1" s="1"/>
  <c r="RTW52" i="1" s="1"/>
  <c r="RTX52" i="1" s="1"/>
  <c r="RTY52" i="1" s="1"/>
  <c r="RTZ52" i="1" s="1"/>
  <c r="RUA52" i="1" s="1"/>
  <c r="RUB52" i="1" s="1"/>
  <c r="RUC52" i="1" s="1"/>
  <c r="RUD52" i="1" s="1"/>
  <c r="RUE52" i="1" s="1"/>
  <c r="RUF52" i="1" s="1"/>
  <c r="RUG52" i="1" s="1"/>
  <c r="RUH52" i="1" s="1"/>
  <c r="RUI52" i="1" s="1"/>
  <c r="RUJ52" i="1" s="1"/>
  <c r="RUK52" i="1" s="1"/>
  <c r="RUL52" i="1" s="1"/>
  <c r="RUM52" i="1" s="1"/>
  <c r="RUN52" i="1" s="1"/>
  <c r="RUO52" i="1" s="1"/>
  <c r="RUP52" i="1" s="1"/>
  <c r="RUQ52" i="1" s="1"/>
  <c r="RUR52" i="1" s="1"/>
  <c r="RUS52" i="1" s="1"/>
  <c r="RUT52" i="1" s="1"/>
  <c r="RUU52" i="1" s="1"/>
  <c r="RUV52" i="1" s="1"/>
  <c r="RUW52" i="1" s="1"/>
  <c r="RUX52" i="1" s="1"/>
  <c r="RUY52" i="1" s="1"/>
  <c r="RUZ52" i="1" s="1"/>
  <c r="RVA52" i="1" s="1"/>
  <c r="RVB52" i="1" s="1"/>
  <c r="RVC52" i="1" s="1"/>
  <c r="RVD52" i="1" s="1"/>
  <c r="RVE52" i="1" s="1"/>
  <c r="RVF52" i="1" s="1"/>
  <c r="RVG52" i="1" s="1"/>
  <c r="RVH52" i="1" s="1"/>
  <c r="RVI52" i="1" s="1"/>
  <c r="RVJ52" i="1" s="1"/>
  <c r="RVK52" i="1" s="1"/>
  <c r="RVL52" i="1" s="1"/>
  <c r="RVM52" i="1" s="1"/>
  <c r="RVN52" i="1" s="1"/>
  <c r="RVO52" i="1" s="1"/>
  <c r="RVP52" i="1" s="1"/>
  <c r="RVQ52" i="1" s="1"/>
  <c r="RVR52" i="1" s="1"/>
  <c r="RVS52" i="1" s="1"/>
  <c r="RVT52" i="1" s="1"/>
  <c r="RVU52" i="1" s="1"/>
  <c r="RVV52" i="1" s="1"/>
  <c r="RVW52" i="1" s="1"/>
  <c r="RVX52" i="1" s="1"/>
  <c r="RVY52" i="1" s="1"/>
  <c r="RVZ52" i="1" s="1"/>
  <c r="RWA52" i="1" s="1"/>
  <c r="RWB52" i="1" s="1"/>
  <c r="RWC52" i="1" s="1"/>
  <c r="RWD52" i="1" s="1"/>
  <c r="RWE52" i="1" s="1"/>
  <c r="RWF52" i="1" s="1"/>
  <c r="RWG52" i="1" s="1"/>
  <c r="RWH52" i="1" s="1"/>
  <c r="RWI52" i="1" s="1"/>
  <c r="RWJ52" i="1" s="1"/>
  <c r="RWK52" i="1" s="1"/>
  <c r="RWL52" i="1" s="1"/>
  <c r="RWM52" i="1" s="1"/>
  <c r="RWN52" i="1" s="1"/>
  <c r="RWO52" i="1" s="1"/>
  <c r="RWP52" i="1" s="1"/>
  <c r="RWQ52" i="1" s="1"/>
  <c r="RWR52" i="1" s="1"/>
  <c r="RWS52" i="1" s="1"/>
  <c r="RWT52" i="1" s="1"/>
  <c r="RWU52" i="1" s="1"/>
  <c r="RWV52" i="1" s="1"/>
  <c r="RWW52" i="1" s="1"/>
  <c r="RWX52" i="1" s="1"/>
  <c r="RWY52" i="1" s="1"/>
  <c r="RWZ52" i="1" s="1"/>
  <c r="RXA52" i="1" s="1"/>
  <c r="RXB52" i="1" s="1"/>
  <c r="RXC52" i="1" s="1"/>
  <c r="RXD52" i="1" s="1"/>
  <c r="RXE52" i="1" s="1"/>
  <c r="RXF52" i="1" s="1"/>
  <c r="RXG52" i="1" s="1"/>
  <c r="RXH52" i="1" s="1"/>
  <c r="RXI52" i="1" s="1"/>
  <c r="RXJ52" i="1" s="1"/>
  <c r="RXK52" i="1" s="1"/>
  <c r="RXL52" i="1" s="1"/>
  <c r="RXM52" i="1" s="1"/>
  <c r="RXN52" i="1" s="1"/>
  <c r="RXO52" i="1" s="1"/>
  <c r="RXP52" i="1" s="1"/>
  <c r="RXQ52" i="1" s="1"/>
  <c r="RXR52" i="1" s="1"/>
  <c r="RXS52" i="1" s="1"/>
  <c r="RXT52" i="1" s="1"/>
  <c r="RXU52" i="1" s="1"/>
  <c r="RXV52" i="1" s="1"/>
  <c r="RXW52" i="1" s="1"/>
  <c r="RXX52" i="1" s="1"/>
  <c r="RXY52" i="1" s="1"/>
  <c r="RXZ52" i="1" s="1"/>
  <c r="RYA52" i="1" s="1"/>
  <c r="RYB52" i="1" s="1"/>
  <c r="RYC52" i="1" s="1"/>
  <c r="RYD52" i="1" s="1"/>
  <c r="RYE52" i="1" s="1"/>
  <c r="RYF52" i="1" s="1"/>
  <c r="RYG52" i="1" s="1"/>
  <c r="RYH52" i="1" s="1"/>
  <c r="RYI52" i="1" s="1"/>
  <c r="RYJ52" i="1" s="1"/>
  <c r="RYK52" i="1" s="1"/>
  <c r="RYL52" i="1" s="1"/>
  <c r="RYM52" i="1" s="1"/>
  <c r="RYN52" i="1" s="1"/>
  <c r="RYO52" i="1" s="1"/>
  <c r="RYP52" i="1" s="1"/>
  <c r="RYQ52" i="1" s="1"/>
  <c r="RYR52" i="1" s="1"/>
  <c r="RYS52" i="1" s="1"/>
  <c r="RYT52" i="1" s="1"/>
  <c r="RYU52" i="1" s="1"/>
  <c r="RYV52" i="1" s="1"/>
  <c r="RYW52" i="1" s="1"/>
  <c r="RYX52" i="1" s="1"/>
  <c r="RYY52" i="1" s="1"/>
  <c r="RYZ52" i="1" s="1"/>
  <c r="RZA52" i="1" s="1"/>
  <c r="RZB52" i="1" s="1"/>
  <c r="RZC52" i="1" s="1"/>
  <c r="RZD52" i="1" s="1"/>
  <c r="RZE52" i="1" s="1"/>
  <c r="RZF52" i="1" s="1"/>
  <c r="RZG52" i="1" s="1"/>
  <c r="RZH52" i="1" s="1"/>
  <c r="RZI52" i="1" s="1"/>
  <c r="RZJ52" i="1" s="1"/>
  <c r="RZK52" i="1" s="1"/>
  <c r="RZL52" i="1" s="1"/>
  <c r="RZM52" i="1" s="1"/>
  <c r="RZN52" i="1" s="1"/>
  <c r="RZO52" i="1" s="1"/>
  <c r="RZP52" i="1" s="1"/>
  <c r="RZQ52" i="1" s="1"/>
  <c r="RZR52" i="1" s="1"/>
  <c r="RZS52" i="1" s="1"/>
  <c r="RZT52" i="1" s="1"/>
  <c r="RZU52" i="1" s="1"/>
  <c r="RZV52" i="1" s="1"/>
  <c r="RZW52" i="1" s="1"/>
  <c r="RZX52" i="1" s="1"/>
  <c r="RZY52" i="1" s="1"/>
  <c r="RZZ52" i="1" s="1"/>
  <c r="SAA52" i="1" s="1"/>
  <c r="SAB52" i="1" s="1"/>
  <c r="SAC52" i="1" s="1"/>
  <c r="SAD52" i="1" s="1"/>
  <c r="SAE52" i="1" s="1"/>
  <c r="SAF52" i="1" s="1"/>
  <c r="SAG52" i="1" s="1"/>
  <c r="SAH52" i="1" s="1"/>
  <c r="SAI52" i="1" s="1"/>
  <c r="SAJ52" i="1" s="1"/>
  <c r="SAK52" i="1" s="1"/>
  <c r="SAL52" i="1" s="1"/>
  <c r="SAM52" i="1" s="1"/>
  <c r="SAN52" i="1" s="1"/>
  <c r="SAO52" i="1" s="1"/>
  <c r="SAP52" i="1" s="1"/>
  <c r="SAQ52" i="1" s="1"/>
  <c r="SAR52" i="1" s="1"/>
  <c r="SAS52" i="1" s="1"/>
  <c r="SAT52" i="1" s="1"/>
  <c r="SAU52" i="1" s="1"/>
  <c r="SAV52" i="1" s="1"/>
  <c r="SAW52" i="1" s="1"/>
  <c r="SAX52" i="1" s="1"/>
  <c r="SAY52" i="1" s="1"/>
  <c r="SAZ52" i="1" s="1"/>
  <c r="SBA52" i="1" s="1"/>
  <c r="SBB52" i="1" s="1"/>
  <c r="SBC52" i="1" s="1"/>
  <c r="SBD52" i="1" s="1"/>
  <c r="SBE52" i="1" s="1"/>
  <c r="SBF52" i="1" s="1"/>
  <c r="SBG52" i="1" s="1"/>
  <c r="SBH52" i="1" s="1"/>
  <c r="SBI52" i="1" s="1"/>
  <c r="SBJ52" i="1" s="1"/>
  <c r="SBK52" i="1" s="1"/>
  <c r="SBL52" i="1" s="1"/>
  <c r="SBM52" i="1" s="1"/>
  <c r="SBN52" i="1" s="1"/>
  <c r="SBO52" i="1" s="1"/>
  <c r="SBP52" i="1" s="1"/>
  <c r="SBQ52" i="1" s="1"/>
  <c r="SBR52" i="1" s="1"/>
  <c r="SBS52" i="1" s="1"/>
  <c r="SBT52" i="1" s="1"/>
  <c r="SBU52" i="1" s="1"/>
  <c r="SBV52" i="1" s="1"/>
  <c r="SBW52" i="1" s="1"/>
  <c r="SBX52" i="1" s="1"/>
  <c r="SBY52" i="1" s="1"/>
  <c r="SBZ52" i="1" s="1"/>
  <c r="SCA52" i="1" s="1"/>
  <c r="SCB52" i="1" s="1"/>
  <c r="SCC52" i="1" s="1"/>
  <c r="SCD52" i="1" s="1"/>
  <c r="SCE52" i="1" s="1"/>
  <c r="SCF52" i="1" s="1"/>
  <c r="SCG52" i="1" s="1"/>
  <c r="SCH52" i="1" s="1"/>
  <c r="SCI52" i="1" s="1"/>
  <c r="SCJ52" i="1" s="1"/>
  <c r="SCK52" i="1" s="1"/>
  <c r="SCL52" i="1" s="1"/>
  <c r="SCM52" i="1" s="1"/>
  <c r="SCN52" i="1" s="1"/>
  <c r="SCO52" i="1" s="1"/>
  <c r="SCP52" i="1" s="1"/>
  <c r="SCQ52" i="1" s="1"/>
  <c r="SCR52" i="1" s="1"/>
  <c r="SCS52" i="1" s="1"/>
  <c r="SCT52" i="1" s="1"/>
  <c r="SCU52" i="1" s="1"/>
  <c r="SCV52" i="1" s="1"/>
  <c r="SCW52" i="1" s="1"/>
  <c r="SCX52" i="1" s="1"/>
  <c r="SCY52" i="1" s="1"/>
  <c r="SCZ52" i="1" s="1"/>
  <c r="SDA52" i="1" s="1"/>
  <c r="SDB52" i="1" s="1"/>
  <c r="SDC52" i="1" s="1"/>
  <c r="SDD52" i="1" s="1"/>
  <c r="SDE52" i="1" s="1"/>
  <c r="SDF52" i="1" s="1"/>
  <c r="SDG52" i="1" s="1"/>
  <c r="SDH52" i="1" s="1"/>
  <c r="SDI52" i="1" s="1"/>
  <c r="SDJ52" i="1" s="1"/>
  <c r="SDK52" i="1" s="1"/>
  <c r="SDL52" i="1" s="1"/>
  <c r="SDM52" i="1" s="1"/>
  <c r="SDN52" i="1" s="1"/>
  <c r="SDO52" i="1" s="1"/>
  <c r="SDP52" i="1" s="1"/>
  <c r="SDQ52" i="1" s="1"/>
  <c r="SDR52" i="1" s="1"/>
  <c r="SDS52" i="1" s="1"/>
  <c r="SDT52" i="1" s="1"/>
  <c r="SDU52" i="1" s="1"/>
  <c r="SDV52" i="1" s="1"/>
  <c r="SDW52" i="1" s="1"/>
  <c r="SDX52" i="1" s="1"/>
  <c r="SDY52" i="1" s="1"/>
  <c r="SDZ52" i="1" s="1"/>
  <c r="SEA52" i="1" s="1"/>
  <c r="SEB52" i="1" s="1"/>
  <c r="SEC52" i="1" s="1"/>
  <c r="SED52" i="1" s="1"/>
  <c r="SEE52" i="1" s="1"/>
  <c r="SEF52" i="1" s="1"/>
  <c r="SEG52" i="1" s="1"/>
  <c r="SEH52" i="1" s="1"/>
  <c r="SEI52" i="1" s="1"/>
  <c r="SEJ52" i="1" s="1"/>
  <c r="SEK52" i="1" s="1"/>
  <c r="SEL52" i="1" s="1"/>
  <c r="SEM52" i="1" s="1"/>
  <c r="SEN52" i="1" s="1"/>
  <c r="SEO52" i="1" s="1"/>
  <c r="SEP52" i="1" s="1"/>
  <c r="SEQ52" i="1" s="1"/>
  <c r="SER52" i="1" s="1"/>
  <c r="SES52" i="1" s="1"/>
  <c r="SET52" i="1" s="1"/>
  <c r="SEU52" i="1" s="1"/>
  <c r="SEV52" i="1" s="1"/>
  <c r="SEW52" i="1" s="1"/>
  <c r="SEX52" i="1" s="1"/>
  <c r="SEY52" i="1" s="1"/>
  <c r="SEZ52" i="1" s="1"/>
  <c r="SFA52" i="1" s="1"/>
  <c r="SFB52" i="1" s="1"/>
  <c r="SFC52" i="1" s="1"/>
  <c r="SFD52" i="1" s="1"/>
  <c r="SFE52" i="1" s="1"/>
  <c r="SFF52" i="1" s="1"/>
  <c r="SFG52" i="1" s="1"/>
  <c r="SFH52" i="1" s="1"/>
  <c r="SFI52" i="1" s="1"/>
  <c r="SFJ52" i="1" s="1"/>
  <c r="SFK52" i="1" s="1"/>
  <c r="SFL52" i="1" s="1"/>
  <c r="SFM52" i="1" s="1"/>
  <c r="SFN52" i="1" s="1"/>
  <c r="SFO52" i="1" s="1"/>
  <c r="SFP52" i="1" s="1"/>
  <c r="SFQ52" i="1" s="1"/>
  <c r="SFR52" i="1" s="1"/>
  <c r="SFS52" i="1" s="1"/>
  <c r="SFT52" i="1" s="1"/>
  <c r="SFU52" i="1" s="1"/>
  <c r="SFV52" i="1" s="1"/>
  <c r="SFW52" i="1" s="1"/>
  <c r="SFX52" i="1" s="1"/>
  <c r="SFY52" i="1" s="1"/>
  <c r="SFZ52" i="1" s="1"/>
  <c r="SGA52" i="1" s="1"/>
  <c r="SGB52" i="1" s="1"/>
  <c r="SGC52" i="1" s="1"/>
  <c r="SGD52" i="1" s="1"/>
  <c r="SGE52" i="1" s="1"/>
  <c r="SGF52" i="1" s="1"/>
  <c r="SGG52" i="1" s="1"/>
  <c r="SGH52" i="1" s="1"/>
  <c r="SGI52" i="1" s="1"/>
  <c r="SGJ52" i="1" s="1"/>
  <c r="SGK52" i="1" s="1"/>
  <c r="SGL52" i="1" s="1"/>
  <c r="SGM52" i="1" s="1"/>
  <c r="SGN52" i="1" s="1"/>
  <c r="SGO52" i="1" s="1"/>
  <c r="SGP52" i="1" s="1"/>
  <c r="SGQ52" i="1" s="1"/>
  <c r="SGR52" i="1" s="1"/>
  <c r="SGS52" i="1" s="1"/>
  <c r="SGT52" i="1" s="1"/>
  <c r="SGU52" i="1" s="1"/>
  <c r="SGV52" i="1" s="1"/>
  <c r="SGW52" i="1" s="1"/>
  <c r="SGX52" i="1" s="1"/>
  <c r="SGY52" i="1" s="1"/>
  <c r="SGZ52" i="1" s="1"/>
  <c r="SHA52" i="1" s="1"/>
  <c r="SHB52" i="1" s="1"/>
  <c r="SHC52" i="1" s="1"/>
  <c r="SHD52" i="1" s="1"/>
  <c r="SHE52" i="1" s="1"/>
  <c r="SHF52" i="1" s="1"/>
  <c r="SHG52" i="1" s="1"/>
  <c r="SHH52" i="1" s="1"/>
  <c r="SHI52" i="1" s="1"/>
  <c r="SHJ52" i="1" s="1"/>
  <c r="SHK52" i="1" s="1"/>
  <c r="SHL52" i="1" s="1"/>
  <c r="SHM52" i="1" s="1"/>
  <c r="SHN52" i="1" s="1"/>
  <c r="SHO52" i="1" s="1"/>
  <c r="SHP52" i="1" s="1"/>
  <c r="SHQ52" i="1" s="1"/>
  <c r="SHR52" i="1" s="1"/>
  <c r="SHS52" i="1" s="1"/>
  <c r="SHT52" i="1" s="1"/>
  <c r="SHU52" i="1" s="1"/>
  <c r="SHV52" i="1" s="1"/>
  <c r="SHW52" i="1" s="1"/>
  <c r="SHX52" i="1" s="1"/>
  <c r="SHY52" i="1" s="1"/>
  <c r="SHZ52" i="1" s="1"/>
  <c r="SIA52" i="1" s="1"/>
  <c r="SIB52" i="1" s="1"/>
  <c r="SIC52" i="1" s="1"/>
  <c r="SID52" i="1" s="1"/>
  <c r="SIE52" i="1" s="1"/>
  <c r="SIF52" i="1" s="1"/>
  <c r="SIG52" i="1" s="1"/>
  <c r="SIH52" i="1" s="1"/>
  <c r="SII52" i="1" s="1"/>
  <c r="SIJ52" i="1" s="1"/>
  <c r="SIK52" i="1" s="1"/>
  <c r="SIL52" i="1" s="1"/>
  <c r="SIM52" i="1" s="1"/>
  <c r="SIN52" i="1" s="1"/>
  <c r="SIO52" i="1" s="1"/>
  <c r="SIP52" i="1" s="1"/>
  <c r="SIQ52" i="1" s="1"/>
  <c r="SIR52" i="1" s="1"/>
  <c r="SIS52" i="1" s="1"/>
  <c r="SIT52" i="1" s="1"/>
  <c r="SIU52" i="1" s="1"/>
  <c r="SIV52" i="1" s="1"/>
  <c r="SIW52" i="1" s="1"/>
  <c r="SIX52" i="1" s="1"/>
  <c r="SIY52" i="1" s="1"/>
  <c r="SIZ52" i="1" s="1"/>
  <c r="SJA52" i="1" s="1"/>
  <c r="SJB52" i="1" s="1"/>
  <c r="SJC52" i="1" s="1"/>
  <c r="SJD52" i="1" s="1"/>
  <c r="SJE52" i="1" s="1"/>
  <c r="SJF52" i="1" s="1"/>
  <c r="SJG52" i="1" s="1"/>
  <c r="SJH52" i="1" s="1"/>
  <c r="SJI52" i="1" s="1"/>
  <c r="SJJ52" i="1" s="1"/>
  <c r="SJK52" i="1" s="1"/>
  <c r="SJL52" i="1" s="1"/>
  <c r="SJM52" i="1" s="1"/>
  <c r="SJN52" i="1" s="1"/>
  <c r="SJO52" i="1" s="1"/>
  <c r="SJP52" i="1" s="1"/>
  <c r="SJQ52" i="1" s="1"/>
  <c r="SJR52" i="1" s="1"/>
  <c r="SJS52" i="1" s="1"/>
  <c r="SJT52" i="1" s="1"/>
  <c r="SJU52" i="1" s="1"/>
  <c r="SJV52" i="1" s="1"/>
  <c r="SJW52" i="1" s="1"/>
  <c r="SJX52" i="1" s="1"/>
  <c r="SJY52" i="1" s="1"/>
  <c r="SJZ52" i="1" s="1"/>
  <c r="SKA52" i="1" s="1"/>
  <c r="SKB52" i="1" s="1"/>
  <c r="SKC52" i="1" s="1"/>
  <c r="SKD52" i="1" s="1"/>
  <c r="SKE52" i="1" s="1"/>
  <c r="SKF52" i="1" s="1"/>
  <c r="SKG52" i="1" s="1"/>
  <c r="SKH52" i="1" s="1"/>
  <c r="SKI52" i="1" s="1"/>
  <c r="SKJ52" i="1" s="1"/>
  <c r="SKK52" i="1" s="1"/>
  <c r="SKL52" i="1" s="1"/>
  <c r="SKM52" i="1" s="1"/>
  <c r="SKN52" i="1" s="1"/>
  <c r="SKO52" i="1" s="1"/>
  <c r="SKP52" i="1" s="1"/>
  <c r="SKQ52" i="1" s="1"/>
  <c r="SKR52" i="1" s="1"/>
  <c r="SKS52" i="1" s="1"/>
  <c r="SKT52" i="1" s="1"/>
  <c r="SKU52" i="1" s="1"/>
  <c r="SKV52" i="1" s="1"/>
  <c r="SKW52" i="1" s="1"/>
  <c r="SKX52" i="1" s="1"/>
  <c r="SKY52" i="1" s="1"/>
  <c r="SKZ52" i="1" s="1"/>
  <c r="SLA52" i="1" s="1"/>
  <c r="SLB52" i="1" s="1"/>
  <c r="SLC52" i="1" s="1"/>
  <c r="SLD52" i="1" s="1"/>
  <c r="SLE52" i="1" s="1"/>
  <c r="SLF52" i="1" s="1"/>
  <c r="SLG52" i="1" s="1"/>
  <c r="SLH52" i="1" s="1"/>
  <c r="SLI52" i="1" s="1"/>
  <c r="SLJ52" i="1" s="1"/>
  <c r="SLK52" i="1" s="1"/>
  <c r="SLL52" i="1" s="1"/>
  <c r="SLM52" i="1" s="1"/>
  <c r="SLN52" i="1" s="1"/>
  <c r="SLO52" i="1" s="1"/>
  <c r="SLP52" i="1" s="1"/>
  <c r="SLQ52" i="1" s="1"/>
  <c r="SLR52" i="1" s="1"/>
  <c r="SLS52" i="1" s="1"/>
  <c r="SLT52" i="1" s="1"/>
  <c r="SLU52" i="1" s="1"/>
  <c r="SLV52" i="1" s="1"/>
  <c r="SLW52" i="1" s="1"/>
  <c r="SLX52" i="1" s="1"/>
  <c r="SLY52" i="1" s="1"/>
  <c r="SLZ52" i="1" s="1"/>
  <c r="SMA52" i="1" s="1"/>
  <c r="SMB52" i="1" s="1"/>
  <c r="SMC52" i="1" s="1"/>
  <c r="SMD52" i="1" s="1"/>
  <c r="SME52" i="1" s="1"/>
  <c r="SMF52" i="1" s="1"/>
  <c r="SMG52" i="1" s="1"/>
  <c r="SMH52" i="1" s="1"/>
  <c r="SMI52" i="1" s="1"/>
  <c r="SMJ52" i="1" s="1"/>
  <c r="SMK52" i="1" s="1"/>
  <c r="SML52" i="1" s="1"/>
  <c r="SMM52" i="1" s="1"/>
  <c r="SMN52" i="1" s="1"/>
  <c r="SMO52" i="1" s="1"/>
  <c r="SMP52" i="1" s="1"/>
  <c r="SMQ52" i="1" s="1"/>
  <c r="SMR52" i="1" s="1"/>
  <c r="SMS52" i="1" s="1"/>
  <c r="SMT52" i="1" s="1"/>
  <c r="SMU52" i="1" s="1"/>
  <c r="SMV52" i="1" s="1"/>
  <c r="SMW52" i="1" s="1"/>
  <c r="SMX52" i="1" s="1"/>
  <c r="SMY52" i="1" s="1"/>
  <c r="SMZ52" i="1" s="1"/>
  <c r="SNA52" i="1" s="1"/>
  <c r="SNB52" i="1" s="1"/>
  <c r="SNC52" i="1" s="1"/>
  <c r="SND52" i="1" s="1"/>
  <c r="SNE52" i="1" s="1"/>
  <c r="SNF52" i="1" s="1"/>
  <c r="SNG52" i="1" s="1"/>
  <c r="SNH52" i="1" s="1"/>
  <c r="SNI52" i="1" s="1"/>
  <c r="SNJ52" i="1" s="1"/>
  <c r="SNK52" i="1" s="1"/>
  <c r="SNL52" i="1" s="1"/>
  <c r="SNM52" i="1" s="1"/>
  <c r="SNN52" i="1" s="1"/>
  <c r="SNO52" i="1" s="1"/>
  <c r="SNP52" i="1" s="1"/>
  <c r="SNQ52" i="1" s="1"/>
  <c r="SNR52" i="1" s="1"/>
  <c r="SNS52" i="1" s="1"/>
  <c r="SNT52" i="1" s="1"/>
  <c r="SNU52" i="1" s="1"/>
  <c r="SNV52" i="1" s="1"/>
  <c r="SNW52" i="1" s="1"/>
  <c r="SNX52" i="1" s="1"/>
  <c r="SNY52" i="1" s="1"/>
  <c r="SNZ52" i="1" s="1"/>
  <c r="SOA52" i="1" s="1"/>
  <c r="SOB52" i="1" s="1"/>
  <c r="SOC52" i="1" s="1"/>
  <c r="SOD52" i="1" s="1"/>
  <c r="SOE52" i="1" s="1"/>
  <c r="SOF52" i="1" s="1"/>
  <c r="SOG52" i="1" s="1"/>
  <c r="SOH52" i="1" s="1"/>
  <c r="SOI52" i="1" s="1"/>
  <c r="SOJ52" i="1" s="1"/>
  <c r="SOK52" i="1" s="1"/>
  <c r="SOL52" i="1" s="1"/>
  <c r="SOM52" i="1" s="1"/>
  <c r="SON52" i="1" s="1"/>
  <c r="SOO52" i="1" s="1"/>
  <c r="SOP52" i="1" s="1"/>
  <c r="SOQ52" i="1" s="1"/>
  <c r="SOR52" i="1" s="1"/>
  <c r="SOS52" i="1" s="1"/>
  <c r="SOT52" i="1" s="1"/>
  <c r="SOU52" i="1" s="1"/>
  <c r="SOV52" i="1" s="1"/>
  <c r="SOW52" i="1" s="1"/>
  <c r="SOX52" i="1" s="1"/>
  <c r="SOY52" i="1" s="1"/>
  <c r="SOZ52" i="1" s="1"/>
  <c r="SPA52" i="1" s="1"/>
  <c r="SPB52" i="1" s="1"/>
  <c r="SPC52" i="1" s="1"/>
  <c r="SPD52" i="1" s="1"/>
  <c r="SPE52" i="1" s="1"/>
  <c r="SPF52" i="1" s="1"/>
  <c r="SPG52" i="1" s="1"/>
  <c r="SPH52" i="1" s="1"/>
  <c r="SPI52" i="1" s="1"/>
  <c r="SPJ52" i="1" s="1"/>
  <c r="SPK52" i="1" s="1"/>
  <c r="SPL52" i="1" s="1"/>
  <c r="SPM52" i="1" s="1"/>
  <c r="SPN52" i="1" s="1"/>
  <c r="SPO52" i="1" s="1"/>
  <c r="SPP52" i="1" s="1"/>
  <c r="SPQ52" i="1" s="1"/>
  <c r="SPR52" i="1" s="1"/>
  <c r="SPS52" i="1" s="1"/>
  <c r="SPT52" i="1" s="1"/>
  <c r="SPU52" i="1" s="1"/>
  <c r="SPV52" i="1" s="1"/>
  <c r="SPW52" i="1" s="1"/>
  <c r="SPX52" i="1" s="1"/>
  <c r="SPY52" i="1" s="1"/>
  <c r="SPZ52" i="1" s="1"/>
  <c r="SQA52" i="1" s="1"/>
  <c r="SQB52" i="1" s="1"/>
  <c r="SQC52" i="1" s="1"/>
  <c r="SQD52" i="1" s="1"/>
  <c r="SQE52" i="1" s="1"/>
  <c r="SQF52" i="1" s="1"/>
  <c r="SQG52" i="1" s="1"/>
  <c r="SQH52" i="1" s="1"/>
  <c r="SQI52" i="1" s="1"/>
  <c r="SQJ52" i="1" s="1"/>
  <c r="SQK52" i="1" s="1"/>
  <c r="SQL52" i="1" s="1"/>
  <c r="SQM52" i="1" s="1"/>
  <c r="SQN52" i="1" s="1"/>
  <c r="SQO52" i="1" s="1"/>
  <c r="SQP52" i="1" s="1"/>
  <c r="SQQ52" i="1" s="1"/>
  <c r="SQR52" i="1" s="1"/>
  <c r="SQS52" i="1" s="1"/>
  <c r="SQT52" i="1" s="1"/>
  <c r="SQU52" i="1" s="1"/>
  <c r="SQV52" i="1" s="1"/>
  <c r="SQW52" i="1" s="1"/>
  <c r="SQX52" i="1" s="1"/>
  <c r="SQY52" i="1" s="1"/>
  <c r="SQZ52" i="1" s="1"/>
  <c r="SRA52" i="1" s="1"/>
  <c r="SRB52" i="1" s="1"/>
  <c r="SRC52" i="1" s="1"/>
  <c r="SRD52" i="1" s="1"/>
  <c r="SRE52" i="1" s="1"/>
  <c r="SRF52" i="1" s="1"/>
  <c r="SRG52" i="1" s="1"/>
  <c r="SRH52" i="1" s="1"/>
  <c r="SRI52" i="1" s="1"/>
  <c r="SRJ52" i="1" s="1"/>
  <c r="SRK52" i="1" s="1"/>
  <c r="SRL52" i="1" s="1"/>
  <c r="SRM52" i="1" s="1"/>
  <c r="SRN52" i="1" s="1"/>
  <c r="SRO52" i="1" s="1"/>
  <c r="SRP52" i="1" s="1"/>
  <c r="SRQ52" i="1" s="1"/>
  <c r="SRR52" i="1" s="1"/>
  <c r="SRS52" i="1" s="1"/>
  <c r="SRT52" i="1" s="1"/>
  <c r="SRU52" i="1" s="1"/>
  <c r="SRV52" i="1" s="1"/>
  <c r="SRW52" i="1" s="1"/>
  <c r="SRX52" i="1" s="1"/>
  <c r="SRY52" i="1" s="1"/>
  <c r="SRZ52" i="1" s="1"/>
  <c r="SSA52" i="1" s="1"/>
  <c r="SSB52" i="1" s="1"/>
  <c r="SSC52" i="1" s="1"/>
  <c r="SSD52" i="1" s="1"/>
  <c r="SSE52" i="1" s="1"/>
  <c r="SSF52" i="1" s="1"/>
  <c r="SSG52" i="1" s="1"/>
  <c r="SSH52" i="1" s="1"/>
  <c r="SSI52" i="1" s="1"/>
  <c r="SSJ52" i="1" s="1"/>
  <c r="SSK52" i="1" s="1"/>
  <c r="SSL52" i="1" s="1"/>
  <c r="SSM52" i="1" s="1"/>
  <c r="SSN52" i="1" s="1"/>
  <c r="SSO52" i="1" s="1"/>
  <c r="SSP52" i="1" s="1"/>
  <c r="SSQ52" i="1" s="1"/>
  <c r="SSR52" i="1" s="1"/>
  <c r="SSS52" i="1" s="1"/>
  <c r="SST52" i="1" s="1"/>
  <c r="SSU52" i="1" s="1"/>
  <c r="SSV52" i="1" s="1"/>
  <c r="SSW52" i="1" s="1"/>
  <c r="SSX52" i="1" s="1"/>
  <c r="SSY52" i="1" s="1"/>
  <c r="SSZ52" i="1" s="1"/>
  <c r="STA52" i="1" s="1"/>
  <c r="STB52" i="1" s="1"/>
  <c r="STC52" i="1" s="1"/>
  <c r="STD52" i="1" s="1"/>
  <c r="STE52" i="1" s="1"/>
  <c r="STF52" i="1" s="1"/>
  <c r="STG52" i="1" s="1"/>
  <c r="STH52" i="1" s="1"/>
  <c r="STI52" i="1" s="1"/>
  <c r="STJ52" i="1" s="1"/>
  <c r="STK52" i="1" s="1"/>
  <c r="STL52" i="1" s="1"/>
  <c r="STM52" i="1" s="1"/>
  <c r="STN52" i="1" s="1"/>
  <c r="STO52" i="1" s="1"/>
  <c r="STP52" i="1" s="1"/>
  <c r="STQ52" i="1" s="1"/>
  <c r="STR52" i="1" s="1"/>
  <c r="STS52" i="1" s="1"/>
  <c r="STT52" i="1" s="1"/>
  <c r="STU52" i="1" s="1"/>
  <c r="STV52" i="1" s="1"/>
  <c r="STW52" i="1" s="1"/>
  <c r="STX52" i="1" s="1"/>
  <c r="STY52" i="1" s="1"/>
  <c r="STZ52" i="1" s="1"/>
  <c r="SUA52" i="1" s="1"/>
  <c r="SUB52" i="1" s="1"/>
  <c r="SUC52" i="1" s="1"/>
  <c r="SUD52" i="1" s="1"/>
  <c r="SUE52" i="1" s="1"/>
  <c r="SUF52" i="1" s="1"/>
  <c r="SUG52" i="1" s="1"/>
  <c r="SUH52" i="1" s="1"/>
  <c r="SUI52" i="1" s="1"/>
  <c r="SUJ52" i="1" s="1"/>
  <c r="SUK52" i="1" s="1"/>
  <c r="SUL52" i="1" s="1"/>
  <c r="SUM52" i="1" s="1"/>
  <c r="SUN52" i="1" s="1"/>
  <c r="SUO52" i="1" s="1"/>
  <c r="SUP52" i="1" s="1"/>
  <c r="SUQ52" i="1" s="1"/>
  <c r="SUR52" i="1" s="1"/>
  <c r="SUS52" i="1" s="1"/>
  <c r="SUT52" i="1" s="1"/>
  <c r="SUU52" i="1" s="1"/>
  <c r="SUV52" i="1" s="1"/>
  <c r="SUW52" i="1" s="1"/>
  <c r="SUX52" i="1" s="1"/>
  <c r="SUY52" i="1" s="1"/>
  <c r="SUZ52" i="1" s="1"/>
  <c r="SVA52" i="1" s="1"/>
  <c r="SVB52" i="1" s="1"/>
  <c r="SVC52" i="1" s="1"/>
  <c r="SVD52" i="1" s="1"/>
  <c r="SVE52" i="1" s="1"/>
  <c r="SVF52" i="1" s="1"/>
  <c r="SVG52" i="1" s="1"/>
  <c r="SVH52" i="1" s="1"/>
  <c r="SVI52" i="1" s="1"/>
  <c r="SVJ52" i="1" s="1"/>
  <c r="SVK52" i="1" s="1"/>
  <c r="SVL52" i="1" s="1"/>
  <c r="SVM52" i="1" s="1"/>
  <c r="SVN52" i="1" s="1"/>
  <c r="SVO52" i="1" s="1"/>
  <c r="SVP52" i="1" s="1"/>
  <c r="SVQ52" i="1" s="1"/>
  <c r="SVR52" i="1" s="1"/>
  <c r="SVS52" i="1" s="1"/>
  <c r="SVT52" i="1" s="1"/>
  <c r="SVU52" i="1" s="1"/>
  <c r="SVV52" i="1" s="1"/>
  <c r="SVW52" i="1" s="1"/>
  <c r="SVX52" i="1" s="1"/>
  <c r="SVY52" i="1" s="1"/>
  <c r="SVZ52" i="1" s="1"/>
  <c r="SWA52" i="1" s="1"/>
  <c r="SWB52" i="1" s="1"/>
  <c r="SWC52" i="1" s="1"/>
  <c r="SWD52" i="1" s="1"/>
  <c r="SWE52" i="1" s="1"/>
  <c r="SWF52" i="1" s="1"/>
  <c r="SWG52" i="1" s="1"/>
  <c r="SWH52" i="1" s="1"/>
  <c r="SWI52" i="1" s="1"/>
  <c r="SWJ52" i="1" s="1"/>
  <c r="SWK52" i="1" s="1"/>
  <c r="SWL52" i="1" s="1"/>
  <c r="SWM52" i="1" s="1"/>
  <c r="SWN52" i="1" s="1"/>
  <c r="SWO52" i="1" s="1"/>
  <c r="SWP52" i="1" s="1"/>
  <c r="SWQ52" i="1" s="1"/>
  <c r="SWR52" i="1" s="1"/>
  <c r="SWS52" i="1" s="1"/>
  <c r="SWT52" i="1" s="1"/>
  <c r="SWU52" i="1" s="1"/>
  <c r="SWV52" i="1" s="1"/>
  <c r="SWW52" i="1" s="1"/>
  <c r="SWX52" i="1" s="1"/>
  <c r="SWY52" i="1" s="1"/>
  <c r="SWZ52" i="1" s="1"/>
  <c r="SXA52" i="1" s="1"/>
  <c r="SXB52" i="1" s="1"/>
  <c r="SXC52" i="1" s="1"/>
  <c r="SXD52" i="1" s="1"/>
  <c r="SXE52" i="1" s="1"/>
  <c r="SXF52" i="1" s="1"/>
  <c r="SXG52" i="1" s="1"/>
  <c r="SXH52" i="1" s="1"/>
  <c r="SXI52" i="1" s="1"/>
  <c r="SXJ52" i="1" s="1"/>
  <c r="SXK52" i="1" s="1"/>
  <c r="SXL52" i="1" s="1"/>
  <c r="SXM52" i="1" s="1"/>
  <c r="SXN52" i="1" s="1"/>
  <c r="SXO52" i="1" s="1"/>
  <c r="SXP52" i="1" s="1"/>
  <c r="SXQ52" i="1" s="1"/>
  <c r="SXR52" i="1" s="1"/>
  <c r="SXS52" i="1" s="1"/>
  <c r="SXT52" i="1" s="1"/>
  <c r="SXU52" i="1" s="1"/>
  <c r="SXV52" i="1" s="1"/>
  <c r="SXW52" i="1" s="1"/>
  <c r="SXX52" i="1" s="1"/>
  <c r="SXY52" i="1" s="1"/>
  <c r="SXZ52" i="1" s="1"/>
  <c r="SYA52" i="1" s="1"/>
  <c r="SYB52" i="1" s="1"/>
  <c r="SYC52" i="1" s="1"/>
  <c r="SYD52" i="1" s="1"/>
  <c r="SYE52" i="1" s="1"/>
  <c r="SYF52" i="1" s="1"/>
  <c r="SYG52" i="1" s="1"/>
  <c r="SYH52" i="1" s="1"/>
  <c r="SYI52" i="1" s="1"/>
  <c r="SYJ52" i="1" s="1"/>
  <c r="SYK52" i="1" s="1"/>
  <c r="SYL52" i="1" s="1"/>
  <c r="SYM52" i="1" s="1"/>
  <c r="SYN52" i="1" s="1"/>
  <c r="SYO52" i="1" s="1"/>
  <c r="SYP52" i="1" s="1"/>
  <c r="SYQ52" i="1" s="1"/>
  <c r="SYR52" i="1" s="1"/>
  <c r="SYS52" i="1" s="1"/>
  <c r="SYT52" i="1" s="1"/>
  <c r="SYU52" i="1" s="1"/>
  <c r="SYV52" i="1" s="1"/>
  <c r="SYW52" i="1" s="1"/>
  <c r="SYX52" i="1" s="1"/>
  <c r="SYY52" i="1" s="1"/>
  <c r="SYZ52" i="1" s="1"/>
  <c r="SZA52" i="1" s="1"/>
  <c r="SZB52" i="1" s="1"/>
  <c r="SZC52" i="1" s="1"/>
  <c r="SZD52" i="1" s="1"/>
  <c r="SZE52" i="1" s="1"/>
  <c r="SZF52" i="1" s="1"/>
  <c r="SZG52" i="1" s="1"/>
  <c r="SZH52" i="1" s="1"/>
  <c r="SZI52" i="1" s="1"/>
  <c r="SZJ52" i="1" s="1"/>
  <c r="SZK52" i="1" s="1"/>
  <c r="SZL52" i="1" s="1"/>
  <c r="SZM52" i="1" s="1"/>
  <c r="SZN52" i="1" s="1"/>
  <c r="SZO52" i="1" s="1"/>
  <c r="SZP52" i="1" s="1"/>
  <c r="SZQ52" i="1" s="1"/>
  <c r="SZR52" i="1" s="1"/>
  <c r="SZS52" i="1" s="1"/>
  <c r="SZT52" i="1" s="1"/>
  <c r="SZU52" i="1" s="1"/>
  <c r="SZV52" i="1" s="1"/>
  <c r="SZW52" i="1" s="1"/>
  <c r="SZX52" i="1" s="1"/>
  <c r="SZY52" i="1" s="1"/>
  <c r="SZZ52" i="1" s="1"/>
  <c r="TAA52" i="1" s="1"/>
  <c r="TAB52" i="1" s="1"/>
  <c r="TAC52" i="1" s="1"/>
  <c r="TAD52" i="1" s="1"/>
  <c r="TAE52" i="1" s="1"/>
  <c r="TAF52" i="1" s="1"/>
  <c r="TAG52" i="1" s="1"/>
  <c r="TAH52" i="1" s="1"/>
  <c r="TAI52" i="1" s="1"/>
  <c r="TAJ52" i="1" s="1"/>
  <c r="TAK52" i="1" s="1"/>
  <c r="TAL52" i="1" s="1"/>
  <c r="TAM52" i="1" s="1"/>
  <c r="TAN52" i="1" s="1"/>
  <c r="TAO52" i="1" s="1"/>
  <c r="TAP52" i="1" s="1"/>
  <c r="TAQ52" i="1" s="1"/>
  <c r="TAR52" i="1" s="1"/>
  <c r="TAS52" i="1" s="1"/>
  <c r="TAT52" i="1" s="1"/>
  <c r="TAU52" i="1" s="1"/>
  <c r="TAV52" i="1" s="1"/>
  <c r="TAW52" i="1" s="1"/>
  <c r="TAX52" i="1" s="1"/>
  <c r="TAY52" i="1" s="1"/>
  <c r="TAZ52" i="1" s="1"/>
  <c r="TBA52" i="1" s="1"/>
  <c r="TBB52" i="1" s="1"/>
  <c r="TBC52" i="1" s="1"/>
  <c r="TBD52" i="1" s="1"/>
  <c r="TBE52" i="1" s="1"/>
  <c r="TBF52" i="1" s="1"/>
  <c r="TBG52" i="1" s="1"/>
  <c r="TBH52" i="1" s="1"/>
  <c r="TBI52" i="1" s="1"/>
  <c r="TBJ52" i="1" s="1"/>
  <c r="TBK52" i="1" s="1"/>
  <c r="TBL52" i="1" s="1"/>
  <c r="TBM52" i="1" s="1"/>
  <c r="TBN52" i="1" s="1"/>
  <c r="TBO52" i="1" s="1"/>
  <c r="TBP52" i="1" s="1"/>
  <c r="TBQ52" i="1" s="1"/>
  <c r="TBR52" i="1" s="1"/>
  <c r="TBS52" i="1" s="1"/>
  <c r="TBT52" i="1" s="1"/>
  <c r="TBU52" i="1" s="1"/>
  <c r="TBV52" i="1" s="1"/>
  <c r="TBW52" i="1" s="1"/>
  <c r="TBX52" i="1" s="1"/>
  <c r="TBY52" i="1" s="1"/>
  <c r="TBZ52" i="1" s="1"/>
  <c r="TCA52" i="1" s="1"/>
  <c r="TCB52" i="1" s="1"/>
  <c r="TCC52" i="1" s="1"/>
  <c r="TCD52" i="1" s="1"/>
  <c r="TCE52" i="1" s="1"/>
  <c r="TCF52" i="1" s="1"/>
  <c r="TCG52" i="1" s="1"/>
  <c r="TCH52" i="1" s="1"/>
  <c r="TCI52" i="1" s="1"/>
  <c r="TCJ52" i="1" s="1"/>
  <c r="TCK52" i="1" s="1"/>
  <c r="TCL52" i="1" s="1"/>
  <c r="TCM52" i="1" s="1"/>
  <c r="TCN52" i="1" s="1"/>
  <c r="TCO52" i="1" s="1"/>
  <c r="TCP52" i="1" s="1"/>
  <c r="TCQ52" i="1" s="1"/>
  <c r="TCR52" i="1" s="1"/>
  <c r="TCS52" i="1" s="1"/>
  <c r="TCT52" i="1" s="1"/>
  <c r="TCU52" i="1" s="1"/>
  <c r="TCV52" i="1" s="1"/>
  <c r="TCW52" i="1" s="1"/>
  <c r="TCX52" i="1" s="1"/>
  <c r="TCY52" i="1" s="1"/>
  <c r="TCZ52" i="1" s="1"/>
  <c r="TDA52" i="1" s="1"/>
  <c r="TDB52" i="1" s="1"/>
  <c r="TDC52" i="1" s="1"/>
  <c r="TDD52" i="1" s="1"/>
  <c r="TDE52" i="1" s="1"/>
  <c r="TDF52" i="1" s="1"/>
  <c r="TDG52" i="1" s="1"/>
  <c r="TDH52" i="1" s="1"/>
  <c r="TDI52" i="1" s="1"/>
  <c r="TDJ52" i="1" s="1"/>
  <c r="TDK52" i="1" s="1"/>
  <c r="TDL52" i="1" s="1"/>
  <c r="TDM52" i="1" s="1"/>
  <c r="TDN52" i="1" s="1"/>
  <c r="TDO52" i="1" s="1"/>
  <c r="TDP52" i="1" s="1"/>
  <c r="TDQ52" i="1" s="1"/>
  <c r="TDR52" i="1" s="1"/>
  <c r="TDS52" i="1" s="1"/>
  <c r="TDT52" i="1" s="1"/>
  <c r="TDU52" i="1" s="1"/>
  <c r="TDV52" i="1" s="1"/>
  <c r="TDW52" i="1" s="1"/>
  <c r="TDX52" i="1" s="1"/>
  <c r="TDY52" i="1" s="1"/>
  <c r="TDZ52" i="1" s="1"/>
  <c r="TEA52" i="1" s="1"/>
  <c r="TEB52" i="1" s="1"/>
  <c r="TEC52" i="1" s="1"/>
  <c r="TED52" i="1" s="1"/>
  <c r="TEE52" i="1" s="1"/>
  <c r="TEF52" i="1" s="1"/>
  <c r="TEG52" i="1" s="1"/>
  <c r="TEH52" i="1" s="1"/>
  <c r="TEI52" i="1" s="1"/>
  <c r="TEJ52" i="1" s="1"/>
  <c r="TEK52" i="1" s="1"/>
  <c r="TEL52" i="1" s="1"/>
  <c r="TEM52" i="1" s="1"/>
  <c r="TEN52" i="1" s="1"/>
  <c r="TEO52" i="1" s="1"/>
  <c r="TEP52" i="1" s="1"/>
  <c r="TEQ52" i="1" s="1"/>
  <c r="TER52" i="1" s="1"/>
  <c r="TES52" i="1" s="1"/>
  <c r="TET52" i="1" s="1"/>
  <c r="TEU52" i="1" s="1"/>
  <c r="TEV52" i="1" s="1"/>
  <c r="TEW52" i="1" s="1"/>
  <c r="TEX52" i="1" s="1"/>
  <c r="TEY52" i="1" s="1"/>
  <c r="TEZ52" i="1" s="1"/>
  <c r="TFA52" i="1" s="1"/>
  <c r="TFB52" i="1" s="1"/>
  <c r="TFC52" i="1" s="1"/>
  <c r="TFD52" i="1" s="1"/>
  <c r="TFE52" i="1" s="1"/>
  <c r="TFF52" i="1" s="1"/>
  <c r="TFG52" i="1" s="1"/>
  <c r="TFH52" i="1" s="1"/>
  <c r="TFI52" i="1" s="1"/>
  <c r="TFJ52" i="1" s="1"/>
  <c r="TFK52" i="1" s="1"/>
  <c r="TFL52" i="1" s="1"/>
  <c r="TFM52" i="1" s="1"/>
  <c r="TFN52" i="1" s="1"/>
  <c r="TFO52" i="1" s="1"/>
  <c r="TFP52" i="1" s="1"/>
  <c r="TFQ52" i="1" s="1"/>
  <c r="TFR52" i="1" s="1"/>
  <c r="TFS52" i="1" s="1"/>
  <c r="TFT52" i="1" s="1"/>
  <c r="TFU52" i="1" s="1"/>
  <c r="TFV52" i="1" s="1"/>
  <c r="TFW52" i="1" s="1"/>
  <c r="TFX52" i="1" s="1"/>
  <c r="TFY52" i="1" s="1"/>
  <c r="TFZ52" i="1" s="1"/>
  <c r="TGA52" i="1" s="1"/>
  <c r="TGB52" i="1" s="1"/>
  <c r="TGC52" i="1" s="1"/>
  <c r="TGD52" i="1" s="1"/>
  <c r="TGE52" i="1" s="1"/>
  <c r="TGF52" i="1" s="1"/>
  <c r="TGG52" i="1" s="1"/>
  <c r="TGH52" i="1" s="1"/>
  <c r="TGI52" i="1" s="1"/>
  <c r="TGJ52" i="1" s="1"/>
  <c r="TGK52" i="1" s="1"/>
  <c r="TGL52" i="1" s="1"/>
  <c r="TGM52" i="1" s="1"/>
  <c r="TGN52" i="1" s="1"/>
  <c r="TGO52" i="1" s="1"/>
  <c r="TGP52" i="1" s="1"/>
  <c r="TGQ52" i="1" s="1"/>
  <c r="TGR52" i="1" s="1"/>
  <c r="TGS52" i="1" s="1"/>
  <c r="TGT52" i="1" s="1"/>
  <c r="TGU52" i="1" s="1"/>
  <c r="TGV52" i="1" s="1"/>
  <c r="TGW52" i="1" s="1"/>
  <c r="TGX52" i="1" s="1"/>
  <c r="TGY52" i="1" s="1"/>
  <c r="TGZ52" i="1" s="1"/>
  <c r="THA52" i="1" s="1"/>
  <c r="THB52" i="1" s="1"/>
  <c r="THC52" i="1" s="1"/>
  <c r="THD52" i="1" s="1"/>
  <c r="THE52" i="1" s="1"/>
  <c r="THF52" i="1" s="1"/>
  <c r="THG52" i="1" s="1"/>
  <c r="THH52" i="1" s="1"/>
  <c r="THI52" i="1" s="1"/>
  <c r="THJ52" i="1" s="1"/>
  <c r="THK52" i="1" s="1"/>
  <c r="THL52" i="1" s="1"/>
  <c r="THM52" i="1" s="1"/>
  <c r="THN52" i="1" s="1"/>
  <c r="THO52" i="1" s="1"/>
  <c r="THP52" i="1" s="1"/>
  <c r="THQ52" i="1" s="1"/>
  <c r="THR52" i="1" s="1"/>
  <c r="THS52" i="1" s="1"/>
  <c r="THT52" i="1" s="1"/>
  <c r="THU52" i="1" s="1"/>
  <c r="THV52" i="1" s="1"/>
  <c r="THW52" i="1" s="1"/>
  <c r="THX52" i="1" s="1"/>
  <c r="THY52" i="1" s="1"/>
  <c r="THZ52" i="1" s="1"/>
  <c r="TIA52" i="1" s="1"/>
  <c r="TIB52" i="1" s="1"/>
  <c r="TIC52" i="1" s="1"/>
  <c r="TID52" i="1" s="1"/>
  <c r="TIE52" i="1" s="1"/>
  <c r="TIF52" i="1" s="1"/>
  <c r="TIG52" i="1" s="1"/>
  <c r="TIH52" i="1" s="1"/>
  <c r="TII52" i="1" s="1"/>
  <c r="TIJ52" i="1" s="1"/>
  <c r="TIK52" i="1" s="1"/>
  <c r="TIL52" i="1" s="1"/>
  <c r="TIM52" i="1" s="1"/>
  <c r="TIN52" i="1" s="1"/>
  <c r="TIO52" i="1" s="1"/>
  <c r="TIP52" i="1" s="1"/>
  <c r="TIQ52" i="1" s="1"/>
  <c r="TIR52" i="1" s="1"/>
  <c r="TIS52" i="1" s="1"/>
  <c r="TIT52" i="1" s="1"/>
  <c r="TIU52" i="1" s="1"/>
  <c r="TIV52" i="1" s="1"/>
  <c r="TIW52" i="1" s="1"/>
  <c r="TIX52" i="1" s="1"/>
  <c r="TIY52" i="1" s="1"/>
  <c r="TIZ52" i="1" s="1"/>
  <c r="TJA52" i="1" s="1"/>
  <c r="TJB52" i="1" s="1"/>
  <c r="TJC52" i="1" s="1"/>
  <c r="TJD52" i="1" s="1"/>
  <c r="TJE52" i="1" s="1"/>
  <c r="TJF52" i="1" s="1"/>
  <c r="TJG52" i="1" s="1"/>
  <c r="TJH52" i="1" s="1"/>
  <c r="TJI52" i="1" s="1"/>
  <c r="TJJ52" i="1" s="1"/>
  <c r="TJK52" i="1" s="1"/>
  <c r="TJL52" i="1" s="1"/>
  <c r="TJM52" i="1" s="1"/>
  <c r="TJN52" i="1" s="1"/>
  <c r="TJO52" i="1" s="1"/>
  <c r="TJP52" i="1" s="1"/>
  <c r="TJQ52" i="1" s="1"/>
  <c r="TJR52" i="1" s="1"/>
  <c r="TJS52" i="1" s="1"/>
  <c r="TJT52" i="1" s="1"/>
  <c r="TJU52" i="1" s="1"/>
  <c r="TJV52" i="1" s="1"/>
  <c r="TJW52" i="1" s="1"/>
  <c r="TJX52" i="1" s="1"/>
  <c r="TJY52" i="1" s="1"/>
  <c r="TJZ52" i="1" s="1"/>
  <c r="TKA52" i="1" s="1"/>
  <c r="TKB52" i="1" s="1"/>
  <c r="TKC52" i="1" s="1"/>
  <c r="TKD52" i="1" s="1"/>
  <c r="TKE52" i="1" s="1"/>
  <c r="TKF52" i="1" s="1"/>
  <c r="TKG52" i="1" s="1"/>
  <c r="TKH52" i="1" s="1"/>
  <c r="TKI52" i="1" s="1"/>
  <c r="TKJ52" i="1" s="1"/>
  <c r="TKK52" i="1" s="1"/>
  <c r="TKL52" i="1" s="1"/>
  <c r="TKM52" i="1" s="1"/>
  <c r="TKN52" i="1" s="1"/>
  <c r="TKO52" i="1" s="1"/>
  <c r="TKP52" i="1" s="1"/>
  <c r="TKQ52" i="1" s="1"/>
  <c r="TKR52" i="1" s="1"/>
  <c r="TKS52" i="1" s="1"/>
  <c r="TKT52" i="1" s="1"/>
  <c r="TKU52" i="1" s="1"/>
  <c r="TKV52" i="1" s="1"/>
  <c r="TKW52" i="1" s="1"/>
  <c r="TKX52" i="1" s="1"/>
  <c r="TKY52" i="1" s="1"/>
  <c r="TKZ52" i="1" s="1"/>
  <c r="TLA52" i="1" s="1"/>
  <c r="TLB52" i="1" s="1"/>
  <c r="TLC52" i="1" s="1"/>
  <c r="TLD52" i="1" s="1"/>
  <c r="TLE52" i="1" s="1"/>
  <c r="TLF52" i="1" s="1"/>
  <c r="TLG52" i="1" s="1"/>
  <c r="TLH52" i="1" s="1"/>
  <c r="TLI52" i="1" s="1"/>
  <c r="TLJ52" i="1" s="1"/>
  <c r="TLK52" i="1" s="1"/>
  <c r="TLL52" i="1" s="1"/>
  <c r="TLM52" i="1" s="1"/>
  <c r="TLN52" i="1" s="1"/>
  <c r="TLO52" i="1" s="1"/>
  <c r="TLP52" i="1" s="1"/>
  <c r="TLQ52" i="1" s="1"/>
  <c r="TLR52" i="1" s="1"/>
  <c r="TLS52" i="1" s="1"/>
  <c r="TLT52" i="1" s="1"/>
  <c r="TLU52" i="1" s="1"/>
  <c r="TLV52" i="1" s="1"/>
  <c r="TLW52" i="1" s="1"/>
  <c r="TLX52" i="1" s="1"/>
  <c r="TLY52" i="1" s="1"/>
  <c r="TLZ52" i="1" s="1"/>
  <c r="TMA52" i="1" s="1"/>
  <c r="TMB52" i="1" s="1"/>
  <c r="TMC52" i="1" s="1"/>
  <c r="TMD52" i="1" s="1"/>
  <c r="TME52" i="1" s="1"/>
  <c r="TMF52" i="1" s="1"/>
  <c r="TMG52" i="1" s="1"/>
  <c r="TMH52" i="1" s="1"/>
  <c r="TMI52" i="1" s="1"/>
  <c r="TMJ52" i="1" s="1"/>
  <c r="TMK52" i="1" s="1"/>
  <c r="TML52" i="1" s="1"/>
  <c r="TMM52" i="1" s="1"/>
  <c r="TMN52" i="1" s="1"/>
  <c r="TMO52" i="1" s="1"/>
  <c r="TMP52" i="1" s="1"/>
  <c r="TMQ52" i="1" s="1"/>
  <c r="TMR52" i="1" s="1"/>
  <c r="TMS52" i="1" s="1"/>
  <c r="TMT52" i="1" s="1"/>
  <c r="TMU52" i="1" s="1"/>
  <c r="TMV52" i="1" s="1"/>
  <c r="TMW52" i="1" s="1"/>
  <c r="TMX52" i="1" s="1"/>
  <c r="TMY52" i="1" s="1"/>
  <c r="TMZ52" i="1" s="1"/>
  <c r="TNA52" i="1" s="1"/>
  <c r="TNB52" i="1" s="1"/>
  <c r="TNC52" i="1" s="1"/>
  <c r="TND52" i="1" s="1"/>
  <c r="TNE52" i="1" s="1"/>
  <c r="TNF52" i="1" s="1"/>
  <c r="TNG52" i="1" s="1"/>
  <c r="TNH52" i="1" s="1"/>
  <c r="TNI52" i="1" s="1"/>
  <c r="TNJ52" i="1" s="1"/>
  <c r="TNK52" i="1" s="1"/>
  <c r="TNL52" i="1" s="1"/>
  <c r="TNM52" i="1" s="1"/>
  <c r="TNN52" i="1" s="1"/>
  <c r="TNO52" i="1" s="1"/>
  <c r="TNP52" i="1" s="1"/>
  <c r="TNQ52" i="1" s="1"/>
  <c r="TNR52" i="1" s="1"/>
  <c r="TNS52" i="1" s="1"/>
  <c r="TNT52" i="1" s="1"/>
  <c r="TNU52" i="1" s="1"/>
  <c r="TNV52" i="1" s="1"/>
  <c r="TNW52" i="1" s="1"/>
  <c r="TNX52" i="1" s="1"/>
  <c r="TNY52" i="1" s="1"/>
  <c r="TNZ52" i="1" s="1"/>
  <c r="TOA52" i="1" s="1"/>
  <c r="TOB52" i="1" s="1"/>
  <c r="TOC52" i="1" s="1"/>
  <c r="TOD52" i="1" s="1"/>
  <c r="TOE52" i="1" s="1"/>
  <c r="TOF52" i="1" s="1"/>
  <c r="TOG52" i="1" s="1"/>
  <c r="TOH52" i="1" s="1"/>
  <c r="TOI52" i="1" s="1"/>
  <c r="TOJ52" i="1" s="1"/>
  <c r="TOK52" i="1" s="1"/>
  <c r="TOL52" i="1" s="1"/>
  <c r="TOM52" i="1" s="1"/>
  <c r="TON52" i="1" s="1"/>
  <c r="TOO52" i="1" s="1"/>
  <c r="TOP52" i="1" s="1"/>
  <c r="TOQ52" i="1" s="1"/>
  <c r="TOR52" i="1" s="1"/>
  <c r="TOS52" i="1" s="1"/>
  <c r="TOT52" i="1" s="1"/>
  <c r="TOU52" i="1" s="1"/>
  <c r="TOV52" i="1" s="1"/>
  <c r="TOW52" i="1" s="1"/>
  <c r="TOX52" i="1" s="1"/>
  <c r="TOY52" i="1" s="1"/>
  <c r="TOZ52" i="1" s="1"/>
  <c r="TPA52" i="1" s="1"/>
  <c r="TPB52" i="1" s="1"/>
  <c r="TPC52" i="1" s="1"/>
  <c r="TPD52" i="1" s="1"/>
  <c r="TPE52" i="1" s="1"/>
  <c r="TPF52" i="1" s="1"/>
  <c r="TPG52" i="1" s="1"/>
  <c r="TPH52" i="1" s="1"/>
  <c r="TPI52" i="1" s="1"/>
  <c r="TPJ52" i="1" s="1"/>
  <c r="TPK52" i="1" s="1"/>
  <c r="TPL52" i="1" s="1"/>
  <c r="TPM52" i="1" s="1"/>
  <c r="TPN52" i="1" s="1"/>
  <c r="TPO52" i="1" s="1"/>
  <c r="TPP52" i="1" s="1"/>
  <c r="TPQ52" i="1" s="1"/>
  <c r="TPR52" i="1" s="1"/>
  <c r="TPS52" i="1" s="1"/>
  <c r="TPT52" i="1" s="1"/>
  <c r="TPU52" i="1" s="1"/>
  <c r="TPV52" i="1" s="1"/>
  <c r="TPW52" i="1" s="1"/>
  <c r="TPX52" i="1" s="1"/>
  <c r="TPY52" i="1" s="1"/>
  <c r="TPZ52" i="1" s="1"/>
  <c r="TQA52" i="1" s="1"/>
  <c r="TQB52" i="1" s="1"/>
  <c r="TQC52" i="1" s="1"/>
  <c r="TQD52" i="1" s="1"/>
  <c r="TQE52" i="1" s="1"/>
  <c r="TQF52" i="1" s="1"/>
  <c r="TQG52" i="1" s="1"/>
  <c r="TQH52" i="1" s="1"/>
  <c r="TQI52" i="1" s="1"/>
  <c r="TQJ52" i="1" s="1"/>
  <c r="TQK52" i="1" s="1"/>
  <c r="TQL52" i="1" s="1"/>
  <c r="TQM52" i="1" s="1"/>
  <c r="TQN52" i="1" s="1"/>
  <c r="TQO52" i="1" s="1"/>
  <c r="TQP52" i="1" s="1"/>
  <c r="TQQ52" i="1" s="1"/>
  <c r="TQR52" i="1" s="1"/>
  <c r="TQS52" i="1" s="1"/>
  <c r="TQT52" i="1" s="1"/>
  <c r="TQU52" i="1" s="1"/>
  <c r="TQV52" i="1" s="1"/>
  <c r="TQW52" i="1" s="1"/>
  <c r="TQX52" i="1" s="1"/>
  <c r="TQY52" i="1" s="1"/>
  <c r="TQZ52" i="1" s="1"/>
  <c r="TRA52" i="1" s="1"/>
  <c r="TRB52" i="1" s="1"/>
  <c r="TRC52" i="1" s="1"/>
  <c r="TRD52" i="1" s="1"/>
  <c r="TRE52" i="1" s="1"/>
  <c r="TRF52" i="1" s="1"/>
  <c r="TRG52" i="1" s="1"/>
  <c r="TRH52" i="1" s="1"/>
  <c r="TRI52" i="1" s="1"/>
  <c r="TRJ52" i="1" s="1"/>
  <c r="TRK52" i="1" s="1"/>
  <c r="TRL52" i="1" s="1"/>
  <c r="TRM52" i="1" s="1"/>
  <c r="TRN52" i="1" s="1"/>
  <c r="TRO52" i="1" s="1"/>
  <c r="TRP52" i="1" s="1"/>
  <c r="TRQ52" i="1" s="1"/>
  <c r="TRR52" i="1" s="1"/>
  <c r="TRS52" i="1" s="1"/>
  <c r="TRT52" i="1" s="1"/>
  <c r="TRU52" i="1" s="1"/>
  <c r="TRV52" i="1" s="1"/>
  <c r="TRW52" i="1" s="1"/>
  <c r="TRX52" i="1" s="1"/>
  <c r="TRY52" i="1" s="1"/>
  <c r="TRZ52" i="1" s="1"/>
  <c r="TSA52" i="1" s="1"/>
  <c r="TSB52" i="1" s="1"/>
  <c r="TSC52" i="1" s="1"/>
  <c r="TSD52" i="1" s="1"/>
  <c r="TSE52" i="1" s="1"/>
  <c r="TSF52" i="1" s="1"/>
  <c r="TSG52" i="1" s="1"/>
  <c r="TSH52" i="1" s="1"/>
  <c r="TSI52" i="1" s="1"/>
  <c r="TSJ52" i="1" s="1"/>
  <c r="TSK52" i="1" s="1"/>
  <c r="TSL52" i="1" s="1"/>
  <c r="TSM52" i="1" s="1"/>
  <c r="TSN52" i="1" s="1"/>
  <c r="TSO52" i="1" s="1"/>
  <c r="TSP52" i="1" s="1"/>
  <c r="TSQ52" i="1" s="1"/>
  <c r="TSR52" i="1" s="1"/>
  <c r="TSS52" i="1" s="1"/>
  <c r="TST52" i="1" s="1"/>
  <c r="TSU52" i="1" s="1"/>
  <c r="TSV52" i="1" s="1"/>
  <c r="TSW52" i="1" s="1"/>
  <c r="TSX52" i="1" s="1"/>
  <c r="TSY52" i="1" s="1"/>
  <c r="TSZ52" i="1" s="1"/>
  <c r="TTA52" i="1" s="1"/>
  <c r="TTB52" i="1" s="1"/>
  <c r="TTC52" i="1" s="1"/>
  <c r="TTD52" i="1" s="1"/>
  <c r="TTE52" i="1" s="1"/>
  <c r="TTF52" i="1" s="1"/>
  <c r="TTG52" i="1" s="1"/>
  <c r="TTH52" i="1" s="1"/>
  <c r="TTI52" i="1" s="1"/>
  <c r="TTJ52" i="1" s="1"/>
  <c r="TTK52" i="1" s="1"/>
  <c r="TTL52" i="1" s="1"/>
  <c r="TTM52" i="1" s="1"/>
  <c r="TTN52" i="1" s="1"/>
  <c r="TTO52" i="1" s="1"/>
  <c r="TTP52" i="1" s="1"/>
  <c r="TTQ52" i="1" s="1"/>
  <c r="TTR52" i="1" s="1"/>
  <c r="TTS52" i="1" s="1"/>
  <c r="TTT52" i="1" s="1"/>
  <c r="TTU52" i="1" s="1"/>
  <c r="TTV52" i="1" s="1"/>
  <c r="TTW52" i="1" s="1"/>
  <c r="TTX52" i="1" s="1"/>
  <c r="TTY52" i="1" s="1"/>
  <c r="TTZ52" i="1" s="1"/>
  <c r="TUA52" i="1" s="1"/>
  <c r="TUB52" i="1" s="1"/>
  <c r="TUC52" i="1" s="1"/>
  <c r="TUD52" i="1" s="1"/>
  <c r="TUE52" i="1" s="1"/>
  <c r="TUF52" i="1" s="1"/>
  <c r="TUG52" i="1" s="1"/>
  <c r="TUH52" i="1" s="1"/>
  <c r="TUI52" i="1" s="1"/>
  <c r="TUJ52" i="1" s="1"/>
  <c r="TUK52" i="1" s="1"/>
  <c r="TUL52" i="1" s="1"/>
  <c r="TUM52" i="1" s="1"/>
  <c r="TUN52" i="1" s="1"/>
  <c r="TUO52" i="1" s="1"/>
  <c r="TUP52" i="1" s="1"/>
  <c r="TUQ52" i="1" s="1"/>
  <c r="TUR52" i="1" s="1"/>
  <c r="TUS52" i="1" s="1"/>
  <c r="TUT52" i="1" s="1"/>
  <c r="TUU52" i="1" s="1"/>
  <c r="TUV52" i="1" s="1"/>
  <c r="TUW52" i="1" s="1"/>
  <c r="TUX52" i="1" s="1"/>
  <c r="TUY52" i="1" s="1"/>
  <c r="TUZ52" i="1" s="1"/>
  <c r="TVA52" i="1" s="1"/>
  <c r="TVB52" i="1" s="1"/>
  <c r="TVC52" i="1" s="1"/>
  <c r="TVD52" i="1" s="1"/>
  <c r="TVE52" i="1" s="1"/>
  <c r="TVF52" i="1" s="1"/>
  <c r="TVG52" i="1" s="1"/>
  <c r="TVH52" i="1" s="1"/>
  <c r="TVI52" i="1" s="1"/>
  <c r="TVJ52" i="1" s="1"/>
  <c r="TVK52" i="1" s="1"/>
  <c r="TVL52" i="1" s="1"/>
  <c r="TVM52" i="1" s="1"/>
  <c r="TVN52" i="1" s="1"/>
  <c r="TVO52" i="1" s="1"/>
  <c r="TVP52" i="1" s="1"/>
  <c r="TVQ52" i="1" s="1"/>
  <c r="TVR52" i="1" s="1"/>
  <c r="TVS52" i="1" s="1"/>
  <c r="TVT52" i="1" s="1"/>
  <c r="TVU52" i="1" s="1"/>
  <c r="TVV52" i="1" s="1"/>
  <c r="TVW52" i="1" s="1"/>
  <c r="TVX52" i="1" s="1"/>
  <c r="TVY52" i="1" s="1"/>
  <c r="TVZ52" i="1" s="1"/>
  <c r="TWA52" i="1" s="1"/>
  <c r="TWB52" i="1" s="1"/>
  <c r="TWC52" i="1" s="1"/>
  <c r="TWD52" i="1" s="1"/>
  <c r="TWE52" i="1" s="1"/>
  <c r="TWF52" i="1" s="1"/>
  <c r="TWG52" i="1" s="1"/>
  <c r="TWH52" i="1" s="1"/>
  <c r="TWI52" i="1" s="1"/>
  <c r="TWJ52" i="1" s="1"/>
  <c r="TWK52" i="1" s="1"/>
  <c r="TWL52" i="1" s="1"/>
  <c r="TWM52" i="1" s="1"/>
  <c r="TWN52" i="1" s="1"/>
  <c r="TWO52" i="1" s="1"/>
  <c r="TWP52" i="1" s="1"/>
  <c r="TWQ52" i="1" s="1"/>
  <c r="TWR52" i="1" s="1"/>
  <c r="TWS52" i="1" s="1"/>
  <c r="TWT52" i="1" s="1"/>
  <c r="TWU52" i="1" s="1"/>
  <c r="TWV52" i="1" s="1"/>
  <c r="TWW52" i="1" s="1"/>
  <c r="TWX52" i="1" s="1"/>
  <c r="TWY52" i="1" s="1"/>
  <c r="TWZ52" i="1" s="1"/>
  <c r="TXA52" i="1" s="1"/>
  <c r="TXB52" i="1" s="1"/>
  <c r="TXC52" i="1" s="1"/>
  <c r="TXD52" i="1" s="1"/>
  <c r="TXE52" i="1" s="1"/>
  <c r="TXF52" i="1" s="1"/>
  <c r="TXG52" i="1" s="1"/>
  <c r="TXH52" i="1" s="1"/>
  <c r="TXI52" i="1" s="1"/>
  <c r="TXJ52" i="1" s="1"/>
  <c r="TXK52" i="1" s="1"/>
  <c r="TXL52" i="1" s="1"/>
  <c r="TXM52" i="1" s="1"/>
  <c r="TXN52" i="1" s="1"/>
  <c r="TXO52" i="1" s="1"/>
  <c r="TXP52" i="1" s="1"/>
  <c r="TXQ52" i="1" s="1"/>
  <c r="TXR52" i="1" s="1"/>
  <c r="TXS52" i="1" s="1"/>
  <c r="TXT52" i="1" s="1"/>
  <c r="TXU52" i="1" s="1"/>
  <c r="TXV52" i="1" s="1"/>
  <c r="TXW52" i="1" s="1"/>
  <c r="TXX52" i="1" s="1"/>
  <c r="TXY52" i="1" s="1"/>
  <c r="TXZ52" i="1" s="1"/>
  <c r="TYA52" i="1" s="1"/>
  <c r="TYB52" i="1" s="1"/>
  <c r="TYC52" i="1" s="1"/>
  <c r="TYD52" i="1" s="1"/>
  <c r="TYE52" i="1" s="1"/>
  <c r="TYF52" i="1" s="1"/>
  <c r="TYG52" i="1" s="1"/>
  <c r="TYH52" i="1" s="1"/>
  <c r="TYI52" i="1" s="1"/>
  <c r="TYJ52" i="1" s="1"/>
  <c r="TYK52" i="1" s="1"/>
  <c r="TYL52" i="1" s="1"/>
  <c r="TYM52" i="1" s="1"/>
  <c r="TYN52" i="1" s="1"/>
  <c r="TYO52" i="1" s="1"/>
  <c r="TYP52" i="1" s="1"/>
  <c r="TYQ52" i="1" s="1"/>
  <c r="TYR52" i="1" s="1"/>
  <c r="TYS52" i="1" s="1"/>
  <c r="TYT52" i="1" s="1"/>
  <c r="TYU52" i="1" s="1"/>
  <c r="TYV52" i="1" s="1"/>
  <c r="TYW52" i="1" s="1"/>
  <c r="TYX52" i="1" s="1"/>
  <c r="TYY52" i="1" s="1"/>
  <c r="TYZ52" i="1" s="1"/>
  <c r="TZA52" i="1" s="1"/>
  <c r="TZB52" i="1" s="1"/>
  <c r="TZC52" i="1" s="1"/>
  <c r="TZD52" i="1" s="1"/>
  <c r="TZE52" i="1" s="1"/>
  <c r="TZF52" i="1" s="1"/>
  <c r="TZG52" i="1" s="1"/>
  <c r="TZH52" i="1" s="1"/>
  <c r="TZI52" i="1" s="1"/>
  <c r="TZJ52" i="1" s="1"/>
  <c r="TZK52" i="1" s="1"/>
  <c r="TZL52" i="1" s="1"/>
  <c r="TZM52" i="1" s="1"/>
  <c r="TZN52" i="1" s="1"/>
  <c r="TZO52" i="1" s="1"/>
  <c r="TZP52" i="1" s="1"/>
  <c r="TZQ52" i="1" s="1"/>
  <c r="TZR52" i="1" s="1"/>
  <c r="TZS52" i="1" s="1"/>
  <c r="TZT52" i="1" s="1"/>
  <c r="TZU52" i="1" s="1"/>
  <c r="TZV52" i="1" s="1"/>
  <c r="TZW52" i="1" s="1"/>
  <c r="TZX52" i="1" s="1"/>
  <c r="TZY52" i="1" s="1"/>
  <c r="TZZ52" i="1" s="1"/>
  <c r="UAA52" i="1" s="1"/>
  <c r="UAB52" i="1" s="1"/>
  <c r="UAC52" i="1" s="1"/>
  <c r="UAD52" i="1" s="1"/>
  <c r="UAE52" i="1" s="1"/>
  <c r="UAF52" i="1" s="1"/>
  <c r="UAG52" i="1" s="1"/>
  <c r="UAH52" i="1" s="1"/>
  <c r="UAI52" i="1" s="1"/>
  <c r="UAJ52" i="1" s="1"/>
  <c r="UAK52" i="1" s="1"/>
  <c r="UAL52" i="1" s="1"/>
  <c r="UAM52" i="1" s="1"/>
  <c r="UAN52" i="1" s="1"/>
  <c r="UAO52" i="1" s="1"/>
  <c r="UAP52" i="1" s="1"/>
  <c r="UAQ52" i="1" s="1"/>
  <c r="UAR52" i="1" s="1"/>
  <c r="UAS52" i="1" s="1"/>
  <c r="UAT52" i="1" s="1"/>
  <c r="UAU52" i="1" s="1"/>
  <c r="UAV52" i="1" s="1"/>
  <c r="UAW52" i="1" s="1"/>
  <c r="UAX52" i="1" s="1"/>
  <c r="UAY52" i="1" s="1"/>
  <c r="UAZ52" i="1" s="1"/>
  <c r="UBA52" i="1" s="1"/>
  <c r="UBB52" i="1" s="1"/>
  <c r="UBC52" i="1" s="1"/>
  <c r="UBD52" i="1" s="1"/>
  <c r="UBE52" i="1" s="1"/>
  <c r="UBF52" i="1" s="1"/>
  <c r="UBG52" i="1" s="1"/>
  <c r="UBH52" i="1" s="1"/>
  <c r="UBI52" i="1" s="1"/>
  <c r="UBJ52" i="1" s="1"/>
  <c r="UBK52" i="1" s="1"/>
  <c r="UBL52" i="1" s="1"/>
  <c r="UBM52" i="1" s="1"/>
  <c r="UBN52" i="1" s="1"/>
  <c r="UBO52" i="1" s="1"/>
  <c r="UBP52" i="1" s="1"/>
  <c r="UBQ52" i="1" s="1"/>
  <c r="UBR52" i="1" s="1"/>
  <c r="UBS52" i="1" s="1"/>
  <c r="UBT52" i="1" s="1"/>
  <c r="UBU52" i="1" s="1"/>
  <c r="UBV52" i="1" s="1"/>
  <c r="UBW52" i="1" s="1"/>
  <c r="UBX52" i="1" s="1"/>
  <c r="UBY52" i="1" s="1"/>
  <c r="UBZ52" i="1" s="1"/>
  <c r="UCA52" i="1" s="1"/>
  <c r="UCB52" i="1" s="1"/>
  <c r="UCC52" i="1" s="1"/>
  <c r="UCD52" i="1" s="1"/>
  <c r="UCE52" i="1" s="1"/>
  <c r="UCF52" i="1" s="1"/>
  <c r="UCG52" i="1" s="1"/>
  <c r="UCH52" i="1" s="1"/>
  <c r="UCI52" i="1" s="1"/>
  <c r="UCJ52" i="1" s="1"/>
  <c r="UCK52" i="1" s="1"/>
  <c r="UCL52" i="1" s="1"/>
  <c r="UCM52" i="1" s="1"/>
  <c r="UCN52" i="1" s="1"/>
  <c r="UCO52" i="1" s="1"/>
  <c r="UCP52" i="1" s="1"/>
  <c r="UCQ52" i="1" s="1"/>
  <c r="UCR52" i="1" s="1"/>
  <c r="UCS52" i="1" s="1"/>
  <c r="UCT52" i="1" s="1"/>
  <c r="UCU52" i="1" s="1"/>
  <c r="UCV52" i="1" s="1"/>
  <c r="UCW52" i="1" s="1"/>
  <c r="UCX52" i="1" s="1"/>
  <c r="UCY52" i="1" s="1"/>
  <c r="UCZ52" i="1" s="1"/>
  <c r="UDA52" i="1" s="1"/>
  <c r="UDB52" i="1" s="1"/>
  <c r="UDC52" i="1" s="1"/>
  <c r="UDD52" i="1" s="1"/>
  <c r="UDE52" i="1" s="1"/>
  <c r="UDF52" i="1" s="1"/>
  <c r="UDG52" i="1" s="1"/>
  <c r="UDH52" i="1" s="1"/>
  <c r="UDI52" i="1" s="1"/>
  <c r="UDJ52" i="1" s="1"/>
  <c r="UDK52" i="1" s="1"/>
  <c r="UDL52" i="1" s="1"/>
  <c r="UDM52" i="1" s="1"/>
  <c r="UDN52" i="1" s="1"/>
  <c r="UDO52" i="1" s="1"/>
  <c r="UDP52" i="1" s="1"/>
  <c r="UDQ52" i="1" s="1"/>
  <c r="UDR52" i="1" s="1"/>
  <c r="UDS52" i="1" s="1"/>
  <c r="UDT52" i="1" s="1"/>
  <c r="UDU52" i="1" s="1"/>
  <c r="UDV52" i="1" s="1"/>
  <c r="UDW52" i="1" s="1"/>
  <c r="UDX52" i="1" s="1"/>
  <c r="UDY52" i="1" s="1"/>
  <c r="UDZ52" i="1" s="1"/>
  <c r="UEA52" i="1" s="1"/>
  <c r="UEB52" i="1" s="1"/>
  <c r="UEC52" i="1" s="1"/>
  <c r="UED52" i="1" s="1"/>
  <c r="UEE52" i="1" s="1"/>
  <c r="UEF52" i="1" s="1"/>
  <c r="UEG52" i="1" s="1"/>
  <c r="UEH52" i="1" s="1"/>
  <c r="UEI52" i="1" s="1"/>
  <c r="UEJ52" i="1" s="1"/>
  <c r="UEK52" i="1" s="1"/>
  <c r="UEL52" i="1" s="1"/>
  <c r="UEM52" i="1" s="1"/>
  <c r="UEN52" i="1" s="1"/>
  <c r="UEO52" i="1" s="1"/>
  <c r="UEP52" i="1" s="1"/>
  <c r="UEQ52" i="1" s="1"/>
  <c r="UER52" i="1" s="1"/>
  <c r="UES52" i="1" s="1"/>
  <c r="UET52" i="1" s="1"/>
  <c r="UEU52" i="1" s="1"/>
  <c r="UEV52" i="1" s="1"/>
  <c r="UEW52" i="1" s="1"/>
  <c r="UEX52" i="1" s="1"/>
  <c r="UEY52" i="1" s="1"/>
  <c r="UEZ52" i="1" s="1"/>
  <c r="UFA52" i="1" s="1"/>
  <c r="UFB52" i="1" s="1"/>
  <c r="UFC52" i="1" s="1"/>
  <c r="UFD52" i="1" s="1"/>
  <c r="UFE52" i="1" s="1"/>
  <c r="UFF52" i="1" s="1"/>
  <c r="UFG52" i="1" s="1"/>
  <c r="UFH52" i="1" s="1"/>
  <c r="UFI52" i="1" s="1"/>
  <c r="UFJ52" i="1" s="1"/>
  <c r="UFK52" i="1" s="1"/>
  <c r="UFL52" i="1" s="1"/>
  <c r="UFM52" i="1" s="1"/>
  <c r="UFN52" i="1" s="1"/>
  <c r="UFO52" i="1" s="1"/>
  <c r="UFP52" i="1" s="1"/>
  <c r="UFQ52" i="1" s="1"/>
  <c r="UFR52" i="1" s="1"/>
  <c r="UFS52" i="1" s="1"/>
  <c r="UFT52" i="1" s="1"/>
  <c r="UFU52" i="1" s="1"/>
  <c r="UFV52" i="1" s="1"/>
  <c r="UFW52" i="1" s="1"/>
  <c r="UFX52" i="1" s="1"/>
  <c r="UFY52" i="1" s="1"/>
  <c r="UFZ52" i="1" s="1"/>
  <c r="UGA52" i="1" s="1"/>
  <c r="UGB52" i="1" s="1"/>
  <c r="UGC52" i="1" s="1"/>
  <c r="UGD52" i="1" s="1"/>
  <c r="UGE52" i="1" s="1"/>
  <c r="UGF52" i="1" s="1"/>
  <c r="UGG52" i="1" s="1"/>
  <c r="UGH52" i="1" s="1"/>
  <c r="UGI52" i="1" s="1"/>
  <c r="UGJ52" i="1" s="1"/>
  <c r="UGK52" i="1" s="1"/>
  <c r="UGL52" i="1" s="1"/>
  <c r="UGM52" i="1" s="1"/>
  <c r="UGN52" i="1" s="1"/>
  <c r="UGO52" i="1" s="1"/>
  <c r="UGP52" i="1" s="1"/>
  <c r="UGQ52" i="1" s="1"/>
  <c r="UGR52" i="1" s="1"/>
  <c r="UGS52" i="1" s="1"/>
  <c r="UGT52" i="1" s="1"/>
  <c r="UGU52" i="1" s="1"/>
  <c r="UGV52" i="1" s="1"/>
  <c r="UGW52" i="1" s="1"/>
  <c r="UGX52" i="1" s="1"/>
  <c r="UGY52" i="1" s="1"/>
  <c r="UGZ52" i="1" s="1"/>
  <c r="UHA52" i="1" s="1"/>
  <c r="UHB52" i="1" s="1"/>
  <c r="UHC52" i="1" s="1"/>
  <c r="UHD52" i="1" s="1"/>
  <c r="UHE52" i="1" s="1"/>
  <c r="UHF52" i="1" s="1"/>
  <c r="UHG52" i="1" s="1"/>
  <c r="UHH52" i="1" s="1"/>
  <c r="UHI52" i="1" s="1"/>
  <c r="UHJ52" i="1" s="1"/>
  <c r="UHK52" i="1" s="1"/>
  <c r="UHL52" i="1" s="1"/>
  <c r="UHM52" i="1" s="1"/>
  <c r="UHN52" i="1" s="1"/>
  <c r="UHO52" i="1" s="1"/>
  <c r="UHP52" i="1" s="1"/>
  <c r="UHQ52" i="1" s="1"/>
  <c r="UHR52" i="1" s="1"/>
  <c r="UHS52" i="1" s="1"/>
  <c r="UHT52" i="1" s="1"/>
  <c r="UHU52" i="1" s="1"/>
  <c r="UHV52" i="1" s="1"/>
  <c r="UHW52" i="1" s="1"/>
  <c r="UHX52" i="1" s="1"/>
  <c r="UHY52" i="1" s="1"/>
  <c r="UHZ52" i="1" s="1"/>
  <c r="UIA52" i="1" s="1"/>
  <c r="UIB52" i="1" s="1"/>
  <c r="UIC52" i="1" s="1"/>
  <c r="UID52" i="1" s="1"/>
  <c r="UIE52" i="1" s="1"/>
  <c r="UIF52" i="1" s="1"/>
  <c r="UIG52" i="1" s="1"/>
  <c r="UIH52" i="1" s="1"/>
  <c r="UII52" i="1" s="1"/>
  <c r="UIJ52" i="1" s="1"/>
  <c r="UIK52" i="1" s="1"/>
  <c r="UIL52" i="1" s="1"/>
  <c r="UIM52" i="1" s="1"/>
  <c r="UIN52" i="1" s="1"/>
  <c r="UIO52" i="1" s="1"/>
  <c r="UIP52" i="1" s="1"/>
  <c r="UIQ52" i="1" s="1"/>
  <c r="UIR52" i="1" s="1"/>
  <c r="UIS52" i="1" s="1"/>
  <c r="UIT52" i="1" s="1"/>
  <c r="UIU52" i="1" s="1"/>
  <c r="UIV52" i="1" s="1"/>
  <c r="UIW52" i="1" s="1"/>
  <c r="UIX52" i="1" s="1"/>
  <c r="UIY52" i="1" s="1"/>
  <c r="UIZ52" i="1" s="1"/>
  <c r="UJA52" i="1" s="1"/>
  <c r="UJB52" i="1" s="1"/>
  <c r="UJC52" i="1" s="1"/>
  <c r="UJD52" i="1" s="1"/>
  <c r="UJE52" i="1" s="1"/>
  <c r="UJF52" i="1" s="1"/>
  <c r="UJG52" i="1" s="1"/>
  <c r="UJH52" i="1" s="1"/>
  <c r="UJI52" i="1" s="1"/>
  <c r="UJJ52" i="1" s="1"/>
  <c r="UJK52" i="1" s="1"/>
  <c r="UJL52" i="1" s="1"/>
  <c r="UJM52" i="1" s="1"/>
  <c r="UJN52" i="1" s="1"/>
  <c r="UJO52" i="1" s="1"/>
  <c r="UJP52" i="1" s="1"/>
  <c r="UJQ52" i="1" s="1"/>
  <c r="UJR52" i="1" s="1"/>
  <c r="UJS52" i="1" s="1"/>
  <c r="UJT52" i="1" s="1"/>
  <c r="UJU52" i="1" s="1"/>
  <c r="UJV52" i="1" s="1"/>
  <c r="UJW52" i="1" s="1"/>
  <c r="UJX52" i="1" s="1"/>
  <c r="UJY52" i="1" s="1"/>
  <c r="UJZ52" i="1" s="1"/>
  <c r="UKA52" i="1" s="1"/>
  <c r="UKB52" i="1" s="1"/>
  <c r="UKC52" i="1" s="1"/>
  <c r="UKD52" i="1" s="1"/>
  <c r="UKE52" i="1" s="1"/>
  <c r="UKF52" i="1" s="1"/>
  <c r="UKG52" i="1" s="1"/>
  <c r="UKH52" i="1" s="1"/>
  <c r="UKI52" i="1" s="1"/>
  <c r="UKJ52" i="1" s="1"/>
  <c r="UKK52" i="1" s="1"/>
  <c r="UKL52" i="1" s="1"/>
  <c r="UKM52" i="1" s="1"/>
  <c r="UKN52" i="1" s="1"/>
  <c r="UKO52" i="1" s="1"/>
  <c r="UKP52" i="1" s="1"/>
  <c r="UKQ52" i="1" s="1"/>
  <c r="UKR52" i="1" s="1"/>
  <c r="UKS52" i="1" s="1"/>
  <c r="UKT52" i="1" s="1"/>
  <c r="UKU52" i="1" s="1"/>
  <c r="UKV52" i="1" s="1"/>
  <c r="UKW52" i="1" s="1"/>
  <c r="UKX52" i="1" s="1"/>
  <c r="UKY52" i="1" s="1"/>
  <c r="UKZ52" i="1" s="1"/>
  <c r="ULA52" i="1" s="1"/>
  <c r="ULB52" i="1" s="1"/>
  <c r="ULC52" i="1" s="1"/>
  <c r="ULD52" i="1" s="1"/>
  <c r="ULE52" i="1" s="1"/>
  <c r="ULF52" i="1" s="1"/>
  <c r="ULG52" i="1" s="1"/>
  <c r="ULH52" i="1" s="1"/>
  <c r="ULI52" i="1" s="1"/>
  <c r="ULJ52" i="1" s="1"/>
  <c r="ULK52" i="1" s="1"/>
  <c r="ULL52" i="1" s="1"/>
  <c r="ULM52" i="1" s="1"/>
  <c r="ULN52" i="1" s="1"/>
  <c r="ULO52" i="1" s="1"/>
  <c r="ULP52" i="1" s="1"/>
  <c r="ULQ52" i="1" s="1"/>
  <c r="ULR52" i="1" s="1"/>
  <c r="ULS52" i="1" s="1"/>
  <c r="ULT52" i="1" s="1"/>
  <c r="ULU52" i="1" s="1"/>
  <c r="ULV52" i="1" s="1"/>
  <c r="ULW52" i="1" s="1"/>
  <c r="ULX52" i="1" s="1"/>
  <c r="ULY52" i="1" s="1"/>
  <c r="ULZ52" i="1" s="1"/>
  <c r="UMA52" i="1" s="1"/>
  <c r="UMB52" i="1" s="1"/>
  <c r="UMC52" i="1" s="1"/>
  <c r="UMD52" i="1" s="1"/>
  <c r="UME52" i="1" s="1"/>
  <c r="UMF52" i="1" s="1"/>
  <c r="UMG52" i="1" s="1"/>
  <c r="UMH52" i="1" s="1"/>
  <c r="UMI52" i="1" s="1"/>
  <c r="UMJ52" i="1" s="1"/>
  <c r="UMK52" i="1" s="1"/>
  <c r="UML52" i="1" s="1"/>
  <c r="UMM52" i="1" s="1"/>
  <c r="UMN52" i="1" s="1"/>
  <c r="UMO52" i="1" s="1"/>
  <c r="UMP52" i="1" s="1"/>
  <c r="UMQ52" i="1" s="1"/>
  <c r="UMR52" i="1" s="1"/>
  <c r="UMS52" i="1" s="1"/>
  <c r="UMT52" i="1" s="1"/>
  <c r="UMU52" i="1" s="1"/>
  <c r="UMV52" i="1" s="1"/>
  <c r="UMW52" i="1" s="1"/>
  <c r="UMX52" i="1" s="1"/>
  <c r="UMY52" i="1" s="1"/>
  <c r="UMZ52" i="1" s="1"/>
  <c r="UNA52" i="1" s="1"/>
  <c r="UNB52" i="1" s="1"/>
  <c r="UNC52" i="1" s="1"/>
  <c r="UND52" i="1" s="1"/>
  <c r="UNE52" i="1" s="1"/>
  <c r="UNF52" i="1" s="1"/>
  <c r="UNG52" i="1" s="1"/>
  <c r="UNH52" i="1" s="1"/>
  <c r="UNI52" i="1" s="1"/>
  <c r="UNJ52" i="1" s="1"/>
  <c r="UNK52" i="1" s="1"/>
  <c r="UNL52" i="1" s="1"/>
  <c r="UNM52" i="1" s="1"/>
  <c r="UNN52" i="1" s="1"/>
  <c r="UNO52" i="1" s="1"/>
  <c r="UNP52" i="1" s="1"/>
  <c r="UNQ52" i="1" s="1"/>
  <c r="UNR52" i="1" s="1"/>
  <c r="UNS52" i="1" s="1"/>
  <c r="UNT52" i="1" s="1"/>
  <c r="UNU52" i="1" s="1"/>
  <c r="UNV52" i="1" s="1"/>
  <c r="UNW52" i="1" s="1"/>
  <c r="UNX52" i="1" s="1"/>
  <c r="UNY52" i="1" s="1"/>
  <c r="UNZ52" i="1" s="1"/>
  <c r="UOA52" i="1" s="1"/>
  <c r="UOB52" i="1" s="1"/>
  <c r="UOC52" i="1" s="1"/>
  <c r="UOD52" i="1" s="1"/>
  <c r="UOE52" i="1" s="1"/>
  <c r="UOF52" i="1" s="1"/>
  <c r="UOG52" i="1" s="1"/>
  <c r="UOH52" i="1" s="1"/>
  <c r="UOI52" i="1" s="1"/>
  <c r="UOJ52" i="1" s="1"/>
  <c r="UOK52" i="1" s="1"/>
  <c r="UOL52" i="1" s="1"/>
  <c r="UOM52" i="1" s="1"/>
  <c r="UON52" i="1" s="1"/>
  <c r="UOO52" i="1" s="1"/>
  <c r="UOP52" i="1" s="1"/>
  <c r="UOQ52" i="1" s="1"/>
  <c r="UOR52" i="1" s="1"/>
  <c r="UOS52" i="1" s="1"/>
  <c r="UOT52" i="1" s="1"/>
  <c r="UOU52" i="1" s="1"/>
  <c r="UOV52" i="1" s="1"/>
  <c r="UOW52" i="1" s="1"/>
  <c r="UOX52" i="1" s="1"/>
  <c r="UOY52" i="1" s="1"/>
  <c r="UOZ52" i="1" s="1"/>
  <c r="UPA52" i="1" s="1"/>
  <c r="UPB52" i="1" s="1"/>
  <c r="UPC52" i="1" s="1"/>
  <c r="UPD52" i="1" s="1"/>
  <c r="UPE52" i="1" s="1"/>
  <c r="UPF52" i="1" s="1"/>
  <c r="UPG52" i="1" s="1"/>
  <c r="UPH52" i="1" s="1"/>
  <c r="UPI52" i="1" s="1"/>
  <c r="UPJ52" i="1" s="1"/>
  <c r="UPK52" i="1" s="1"/>
  <c r="UPL52" i="1" s="1"/>
  <c r="UPM52" i="1" s="1"/>
  <c r="UPN52" i="1" s="1"/>
  <c r="UPO52" i="1" s="1"/>
  <c r="UPP52" i="1" s="1"/>
  <c r="UPQ52" i="1" s="1"/>
  <c r="UPR52" i="1" s="1"/>
  <c r="UPS52" i="1" s="1"/>
  <c r="UPT52" i="1" s="1"/>
  <c r="UPU52" i="1" s="1"/>
  <c r="UPV52" i="1" s="1"/>
  <c r="UPW52" i="1" s="1"/>
  <c r="UPX52" i="1" s="1"/>
  <c r="UPY52" i="1" s="1"/>
  <c r="UPZ52" i="1" s="1"/>
  <c r="UQA52" i="1" s="1"/>
  <c r="UQB52" i="1" s="1"/>
  <c r="UQC52" i="1" s="1"/>
  <c r="UQD52" i="1" s="1"/>
  <c r="UQE52" i="1" s="1"/>
  <c r="UQF52" i="1" s="1"/>
  <c r="UQG52" i="1" s="1"/>
  <c r="UQH52" i="1" s="1"/>
  <c r="UQI52" i="1" s="1"/>
  <c r="UQJ52" i="1" s="1"/>
  <c r="UQK52" i="1" s="1"/>
  <c r="UQL52" i="1" s="1"/>
  <c r="UQM52" i="1" s="1"/>
  <c r="UQN52" i="1" s="1"/>
  <c r="UQO52" i="1" s="1"/>
  <c r="UQP52" i="1" s="1"/>
  <c r="UQQ52" i="1" s="1"/>
  <c r="UQR52" i="1" s="1"/>
  <c r="UQS52" i="1" s="1"/>
  <c r="UQT52" i="1" s="1"/>
  <c r="UQU52" i="1" s="1"/>
  <c r="UQV52" i="1" s="1"/>
  <c r="UQW52" i="1" s="1"/>
  <c r="UQX52" i="1" s="1"/>
  <c r="UQY52" i="1" s="1"/>
  <c r="UQZ52" i="1" s="1"/>
  <c r="URA52" i="1" s="1"/>
  <c r="URB52" i="1" s="1"/>
  <c r="URC52" i="1" s="1"/>
  <c r="URD52" i="1" s="1"/>
  <c r="URE52" i="1" s="1"/>
  <c r="URF52" i="1" s="1"/>
  <c r="URG52" i="1" s="1"/>
  <c r="URH52" i="1" s="1"/>
  <c r="URI52" i="1" s="1"/>
  <c r="URJ52" i="1" s="1"/>
  <c r="URK52" i="1" s="1"/>
  <c r="URL52" i="1" s="1"/>
  <c r="URM52" i="1" s="1"/>
  <c r="URN52" i="1" s="1"/>
  <c r="URO52" i="1" s="1"/>
  <c r="URP52" i="1" s="1"/>
  <c r="URQ52" i="1" s="1"/>
  <c r="URR52" i="1" s="1"/>
  <c r="URS52" i="1" s="1"/>
  <c r="URT52" i="1" s="1"/>
  <c r="URU52" i="1" s="1"/>
  <c r="URV52" i="1" s="1"/>
  <c r="URW52" i="1" s="1"/>
  <c r="URX52" i="1" s="1"/>
  <c r="URY52" i="1" s="1"/>
  <c r="URZ52" i="1" s="1"/>
  <c r="USA52" i="1" s="1"/>
  <c r="USB52" i="1" s="1"/>
  <c r="USC52" i="1" s="1"/>
  <c r="USD52" i="1" s="1"/>
  <c r="USE52" i="1" s="1"/>
  <c r="USF52" i="1" s="1"/>
  <c r="USG52" i="1" s="1"/>
  <c r="USH52" i="1" s="1"/>
  <c r="USI52" i="1" s="1"/>
  <c r="USJ52" i="1" s="1"/>
  <c r="USK52" i="1" s="1"/>
  <c r="USL52" i="1" s="1"/>
  <c r="USM52" i="1" s="1"/>
  <c r="USN52" i="1" s="1"/>
  <c r="USO52" i="1" s="1"/>
  <c r="USP52" i="1" s="1"/>
  <c r="USQ52" i="1" s="1"/>
  <c r="USR52" i="1" s="1"/>
  <c r="USS52" i="1" s="1"/>
  <c r="UST52" i="1" s="1"/>
  <c r="USU52" i="1" s="1"/>
  <c r="USV52" i="1" s="1"/>
  <c r="USW52" i="1" s="1"/>
  <c r="USX52" i="1" s="1"/>
  <c r="USY52" i="1" s="1"/>
  <c r="USZ52" i="1" s="1"/>
  <c r="UTA52" i="1" s="1"/>
  <c r="UTB52" i="1" s="1"/>
  <c r="UTC52" i="1" s="1"/>
  <c r="UTD52" i="1" s="1"/>
  <c r="UTE52" i="1" s="1"/>
  <c r="UTF52" i="1" s="1"/>
  <c r="UTG52" i="1" s="1"/>
  <c r="UTH52" i="1" s="1"/>
  <c r="UTI52" i="1" s="1"/>
  <c r="UTJ52" i="1" s="1"/>
  <c r="UTK52" i="1" s="1"/>
  <c r="UTL52" i="1" s="1"/>
  <c r="UTM52" i="1" s="1"/>
  <c r="UTN52" i="1" s="1"/>
  <c r="UTO52" i="1" s="1"/>
  <c r="UTP52" i="1" s="1"/>
  <c r="UTQ52" i="1" s="1"/>
  <c r="UTR52" i="1" s="1"/>
  <c r="UTS52" i="1" s="1"/>
  <c r="UTT52" i="1" s="1"/>
  <c r="UTU52" i="1" s="1"/>
  <c r="UTV52" i="1" s="1"/>
  <c r="UTW52" i="1" s="1"/>
  <c r="UTX52" i="1" s="1"/>
  <c r="UTY52" i="1" s="1"/>
  <c r="UTZ52" i="1" s="1"/>
  <c r="UUA52" i="1" s="1"/>
  <c r="UUB52" i="1" s="1"/>
  <c r="UUC52" i="1" s="1"/>
  <c r="UUD52" i="1" s="1"/>
  <c r="UUE52" i="1" s="1"/>
  <c r="UUF52" i="1" s="1"/>
  <c r="UUG52" i="1" s="1"/>
  <c r="UUH52" i="1" s="1"/>
  <c r="UUI52" i="1" s="1"/>
  <c r="UUJ52" i="1" s="1"/>
  <c r="UUK52" i="1" s="1"/>
  <c r="UUL52" i="1" s="1"/>
  <c r="UUM52" i="1" s="1"/>
  <c r="UUN52" i="1" s="1"/>
  <c r="UUO52" i="1" s="1"/>
  <c r="UUP52" i="1" s="1"/>
  <c r="UUQ52" i="1" s="1"/>
  <c r="UUR52" i="1" s="1"/>
  <c r="UUS52" i="1" s="1"/>
  <c r="UUT52" i="1" s="1"/>
  <c r="UUU52" i="1" s="1"/>
  <c r="UUV52" i="1" s="1"/>
  <c r="UUW52" i="1" s="1"/>
  <c r="UUX52" i="1" s="1"/>
  <c r="UUY52" i="1" s="1"/>
  <c r="UUZ52" i="1" s="1"/>
  <c r="UVA52" i="1" s="1"/>
  <c r="UVB52" i="1" s="1"/>
  <c r="UVC52" i="1" s="1"/>
  <c r="UVD52" i="1" s="1"/>
  <c r="UVE52" i="1" s="1"/>
  <c r="UVF52" i="1" s="1"/>
  <c r="UVG52" i="1" s="1"/>
  <c r="UVH52" i="1" s="1"/>
  <c r="UVI52" i="1" s="1"/>
  <c r="UVJ52" i="1" s="1"/>
  <c r="UVK52" i="1" s="1"/>
  <c r="UVL52" i="1" s="1"/>
  <c r="UVM52" i="1" s="1"/>
  <c r="UVN52" i="1" s="1"/>
  <c r="UVO52" i="1" s="1"/>
  <c r="UVP52" i="1" s="1"/>
  <c r="UVQ52" i="1" s="1"/>
  <c r="UVR52" i="1" s="1"/>
  <c r="UVS52" i="1" s="1"/>
  <c r="UVT52" i="1" s="1"/>
  <c r="UVU52" i="1" s="1"/>
  <c r="UVV52" i="1" s="1"/>
  <c r="UVW52" i="1" s="1"/>
  <c r="UVX52" i="1" s="1"/>
  <c r="UVY52" i="1" s="1"/>
  <c r="UVZ52" i="1" s="1"/>
  <c r="UWA52" i="1" s="1"/>
  <c r="UWB52" i="1" s="1"/>
  <c r="UWC52" i="1" s="1"/>
  <c r="UWD52" i="1" s="1"/>
  <c r="UWE52" i="1" s="1"/>
  <c r="UWF52" i="1" s="1"/>
  <c r="UWG52" i="1" s="1"/>
  <c r="UWH52" i="1" s="1"/>
  <c r="UWI52" i="1" s="1"/>
  <c r="UWJ52" i="1" s="1"/>
  <c r="UWK52" i="1" s="1"/>
  <c r="UWL52" i="1" s="1"/>
  <c r="UWM52" i="1" s="1"/>
  <c r="UWN52" i="1" s="1"/>
  <c r="UWO52" i="1" s="1"/>
  <c r="UWP52" i="1" s="1"/>
  <c r="UWQ52" i="1" s="1"/>
  <c r="UWR52" i="1" s="1"/>
  <c r="UWS52" i="1" s="1"/>
  <c r="UWT52" i="1" s="1"/>
  <c r="UWU52" i="1" s="1"/>
  <c r="UWV52" i="1" s="1"/>
  <c r="UWW52" i="1" s="1"/>
  <c r="UWX52" i="1" s="1"/>
  <c r="UWY52" i="1" s="1"/>
  <c r="UWZ52" i="1" s="1"/>
  <c r="UXA52" i="1" s="1"/>
  <c r="UXB52" i="1" s="1"/>
  <c r="UXC52" i="1" s="1"/>
  <c r="UXD52" i="1" s="1"/>
  <c r="UXE52" i="1" s="1"/>
  <c r="UXF52" i="1" s="1"/>
  <c r="UXG52" i="1" s="1"/>
  <c r="UXH52" i="1" s="1"/>
  <c r="UXI52" i="1" s="1"/>
  <c r="UXJ52" i="1" s="1"/>
  <c r="UXK52" i="1" s="1"/>
  <c r="UXL52" i="1" s="1"/>
  <c r="UXM52" i="1" s="1"/>
  <c r="UXN52" i="1" s="1"/>
  <c r="UXO52" i="1" s="1"/>
  <c r="UXP52" i="1" s="1"/>
  <c r="UXQ52" i="1" s="1"/>
  <c r="UXR52" i="1" s="1"/>
  <c r="UXS52" i="1" s="1"/>
  <c r="UXT52" i="1" s="1"/>
  <c r="UXU52" i="1" s="1"/>
  <c r="UXV52" i="1" s="1"/>
  <c r="UXW52" i="1" s="1"/>
  <c r="UXX52" i="1" s="1"/>
  <c r="UXY52" i="1" s="1"/>
  <c r="UXZ52" i="1" s="1"/>
  <c r="UYA52" i="1" s="1"/>
  <c r="UYB52" i="1" s="1"/>
  <c r="UYC52" i="1" s="1"/>
  <c r="UYD52" i="1" s="1"/>
  <c r="UYE52" i="1" s="1"/>
  <c r="UYF52" i="1" s="1"/>
  <c r="UYG52" i="1" s="1"/>
  <c r="UYH52" i="1" s="1"/>
  <c r="UYI52" i="1" s="1"/>
  <c r="UYJ52" i="1" s="1"/>
  <c r="UYK52" i="1" s="1"/>
  <c r="UYL52" i="1" s="1"/>
  <c r="UYM52" i="1" s="1"/>
  <c r="UYN52" i="1" s="1"/>
  <c r="UYO52" i="1" s="1"/>
  <c r="UYP52" i="1" s="1"/>
  <c r="UYQ52" i="1" s="1"/>
  <c r="UYR52" i="1" s="1"/>
  <c r="UYS52" i="1" s="1"/>
  <c r="UYT52" i="1" s="1"/>
  <c r="UYU52" i="1" s="1"/>
  <c r="UYV52" i="1" s="1"/>
  <c r="UYW52" i="1" s="1"/>
  <c r="UYX52" i="1" s="1"/>
  <c r="UYY52" i="1" s="1"/>
  <c r="UYZ52" i="1" s="1"/>
  <c r="UZA52" i="1" s="1"/>
  <c r="UZB52" i="1" s="1"/>
  <c r="UZC52" i="1" s="1"/>
  <c r="UZD52" i="1" s="1"/>
  <c r="UZE52" i="1" s="1"/>
  <c r="UZF52" i="1" s="1"/>
  <c r="UZG52" i="1" s="1"/>
  <c r="UZH52" i="1" s="1"/>
  <c r="UZI52" i="1" s="1"/>
  <c r="UZJ52" i="1" s="1"/>
  <c r="UZK52" i="1" s="1"/>
  <c r="UZL52" i="1" s="1"/>
  <c r="UZM52" i="1" s="1"/>
  <c r="UZN52" i="1" s="1"/>
  <c r="UZO52" i="1" s="1"/>
  <c r="UZP52" i="1" s="1"/>
  <c r="UZQ52" i="1" s="1"/>
  <c r="UZR52" i="1" s="1"/>
  <c r="UZS52" i="1" s="1"/>
  <c r="UZT52" i="1" s="1"/>
  <c r="UZU52" i="1" s="1"/>
  <c r="UZV52" i="1" s="1"/>
  <c r="UZW52" i="1" s="1"/>
  <c r="UZX52" i="1" s="1"/>
  <c r="UZY52" i="1" s="1"/>
  <c r="UZZ52" i="1" s="1"/>
  <c r="VAA52" i="1" s="1"/>
  <c r="VAB52" i="1" s="1"/>
  <c r="VAC52" i="1" s="1"/>
  <c r="VAD52" i="1" s="1"/>
  <c r="VAE52" i="1" s="1"/>
  <c r="VAF52" i="1" s="1"/>
  <c r="VAG52" i="1" s="1"/>
  <c r="VAH52" i="1" s="1"/>
  <c r="VAI52" i="1" s="1"/>
  <c r="VAJ52" i="1" s="1"/>
  <c r="VAK52" i="1" s="1"/>
  <c r="VAL52" i="1" s="1"/>
  <c r="VAM52" i="1" s="1"/>
  <c r="VAN52" i="1" s="1"/>
  <c r="VAO52" i="1" s="1"/>
  <c r="VAP52" i="1" s="1"/>
  <c r="VAQ52" i="1" s="1"/>
  <c r="VAR52" i="1" s="1"/>
  <c r="VAS52" i="1" s="1"/>
  <c r="VAT52" i="1" s="1"/>
  <c r="VAU52" i="1" s="1"/>
  <c r="VAV52" i="1" s="1"/>
  <c r="VAW52" i="1" s="1"/>
  <c r="VAX52" i="1" s="1"/>
  <c r="VAY52" i="1" s="1"/>
  <c r="VAZ52" i="1" s="1"/>
  <c r="VBA52" i="1" s="1"/>
  <c r="VBB52" i="1" s="1"/>
  <c r="VBC52" i="1" s="1"/>
  <c r="VBD52" i="1" s="1"/>
  <c r="VBE52" i="1" s="1"/>
  <c r="VBF52" i="1" s="1"/>
  <c r="VBG52" i="1" s="1"/>
  <c r="VBH52" i="1" s="1"/>
  <c r="VBI52" i="1" s="1"/>
  <c r="VBJ52" i="1" s="1"/>
  <c r="VBK52" i="1" s="1"/>
  <c r="VBL52" i="1" s="1"/>
  <c r="VBM52" i="1" s="1"/>
  <c r="VBN52" i="1" s="1"/>
  <c r="VBO52" i="1" s="1"/>
  <c r="VBP52" i="1" s="1"/>
  <c r="VBQ52" i="1" s="1"/>
  <c r="VBR52" i="1" s="1"/>
  <c r="VBS52" i="1" s="1"/>
  <c r="VBT52" i="1" s="1"/>
  <c r="VBU52" i="1" s="1"/>
  <c r="VBV52" i="1" s="1"/>
  <c r="VBW52" i="1" s="1"/>
  <c r="VBX52" i="1" s="1"/>
  <c r="VBY52" i="1" s="1"/>
  <c r="VBZ52" i="1" s="1"/>
  <c r="VCA52" i="1" s="1"/>
  <c r="VCB52" i="1" s="1"/>
  <c r="VCC52" i="1" s="1"/>
  <c r="VCD52" i="1" s="1"/>
  <c r="VCE52" i="1" s="1"/>
  <c r="VCF52" i="1" s="1"/>
  <c r="VCG52" i="1" s="1"/>
  <c r="VCH52" i="1" s="1"/>
  <c r="VCI52" i="1" s="1"/>
  <c r="VCJ52" i="1" s="1"/>
  <c r="VCK52" i="1" s="1"/>
  <c r="VCL52" i="1" s="1"/>
  <c r="VCM52" i="1" s="1"/>
  <c r="VCN52" i="1" s="1"/>
  <c r="VCO52" i="1" s="1"/>
  <c r="VCP52" i="1" s="1"/>
  <c r="VCQ52" i="1" s="1"/>
  <c r="VCR52" i="1" s="1"/>
  <c r="VCS52" i="1" s="1"/>
  <c r="VCT52" i="1" s="1"/>
  <c r="VCU52" i="1" s="1"/>
  <c r="VCV52" i="1" s="1"/>
  <c r="VCW52" i="1" s="1"/>
  <c r="VCX52" i="1" s="1"/>
  <c r="VCY52" i="1" s="1"/>
  <c r="VCZ52" i="1" s="1"/>
  <c r="VDA52" i="1" s="1"/>
  <c r="VDB52" i="1" s="1"/>
  <c r="VDC52" i="1" s="1"/>
  <c r="VDD52" i="1" s="1"/>
  <c r="VDE52" i="1" s="1"/>
  <c r="VDF52" i="1" s="1"/>
  <c r="VDG52" i="1" s="1"/>
  <c r="VDH52" i="1" s="1"/>
  <c r="VDI52" i="1" s="1"/>
  <c r="VDJ52" i="1" s="1"/>
  <c r="VDK52" i="1" s="1"/>
  <c r="VDL52" i="1" s="1"/>
  <c r="VDM52" i="1" s="1"/>
  <c r="VDN52" i="1" s="1"/>
  <c r="VDO52" i="1" s="1"/>
  <c r="VDP52" i="1" s="1"/>
  <c r="VDQ52" i="1" s="1"/>
  <c r="VDR52" i="1" s="1"/>
  <c r="VDS52" i="1" s="1"/>
  <c r="VDT52" i="1" s="1"/>
  <c r="VDU52" i="1" s="1"/>
  <c r="VDV52" i="1" s="1"/>
  <c r="VDW52" i="1" s="1"/>
  <c r="VDX52" i="1" s="1"/>
  <c r="VDY52" i="1" s="1"/>
  <c r="VDZ52" i="1" s="1"/>
  <c r="VEA52" i="1" s="1"/>
  <c r="VEB52" i="1" s="1"/>
  <c r="VEC52" i="1" s="1"/>
  <c r="VED52" i="1" s="1"/>
  <c r="VEE52" i="1" s="1"/>
  <c r="VEF52" i="1" s="1"/>
  <c r="VEG52" i="1" s="1"/>
  <c r="VEH52" i="1" s="1"/>
  <c r="VEI52" i="1" s="1"/>
  <c r="VEJ52" i="1" s="1"/>
  <c r="VEK52" i="1" s="1"/>
  <c r="VEL52" i="1" s="1"/>
  <c r="VEM52" i="1" s="1"/>
  <c r="VEN52" i="1" s="1"/>
  <c r="VEO52" i="1" s="1"/>
  <c r="VEP52" i="1" s="1"/>
  <c r="VEQ52" i="1" s="1"/>
  <c r="VER52" i="1" s="1"/>
  <c r="VES52" i="1" s="1"/>
  <c r="VET52" i="1" s="1"/>
  <c r="VEU52" i="1" s="1"/>
  <c r="VEV52" i="1" s="1"/>
  <c r="VEW52" i="1" s="1"/>
  <c r="VEX52" i="1" s="1"/>
  <c r="VEY52" i="1" s="1"/>
  <c r="VEZ52" i="1" s="1"/>
  <c r="VFA52" i="1" s="1"/>
  <c r="VFB52" i="1" s="1"/>
  <c r="VFC52" i="1" s="1"/>
  <c r="VFD52" i="1" s="1"/>
  <c r="VFE52" i="1" s="1"/>
  <c r="VFF52" i="1" s="1"/>
  <c r="VFG52" i="1" s="1"/>
  <c r="VFH52" i="1" s="1"/>
  <c r="VFI52" i="1" s="1"/>
  <c r="VFJ52" i="1" s="1"/>
  <c r="VFK52" i="1" s="1"/>
  <c r="VFL52" i="1" s="1"/>
  <c r="VFM52" i="1" s="1"/>
  <c r="VFN52" i="1" s="1"/>
  <c r="VFO52" i="1" s="1"/>
  <c r="VFP52" i="1" s="1"/>
  <c r="VFQ52" i="1" s="1"/>
  <c r="VFR52" i="1" s="1"/>
  <c r="VFS52" i="1" s="1"/>
  <c r="VFT52" i="1" s="1"/>
  <c r="VFU52" i="1" s="1"/>
  <c r="VFV52" i="1" s="1"/>
  <c r="VFW52" i="1" s="1"/>
  <c r="VFX52" i="1" s="1"/>
  <c r="VFY52" i="1" s="1"/>
  <c r="VFZ52" i="1" s="1"/>
  <c r="VGA52" i="1" s="1"/>
  <c r="VGB52" i="1" s="1"/>
  <c r="VGC52" i="1" s="1"/>
  <c r="VGD52" i="1" s="1"/>
  <c r="VGE52" i="1" s="1"/>
  <c r="VGF52" i="1" s="1"/>
  <c r="VGG52" i="1" s="1"/>
  <c r="VGH52" i="1" s="1"/>
  <c r="VGI52" i="1" s="1"/>
  <c r="VGJ52" i="1" s="1"/>
  <c r="VGK52" i="1" s="1"/>
  <c r="VGL52" i="1" s="1"/>
  <c r="VGM52" i="1" s="1"/>
  <c r="VGN52" i="1" s="1"/>
  <c r="VGO52" i="1" s="1"/>
  <c r="VGP52" i="1" s="1"/>
  <c r="VGQ52" i="1" s="1"/>
  <c r="VGR52" i="1" s="1"/>
  <c r="VGS52" i="1" s="1"/>
  <c r="VGT52" i="1" s="1"/>
  <c r="VGU52" i="1" s="1"/>
  <c r="VGV52" i="1" s="1"/>
  <c r="VGW52" i="1" s="1"/>
  <c r="VGX52" i="1" s="1"/>
  <c r="VGY52" i="1" s="1"/>
  <c r="VGZ52" i="1" s="1"/>
  <c r="VHA52" i="1" s="1"/>
  <c r="VHB52" i="1" s="1"/>
  <c r="VHC52" i="1" s="1"/>
  <c r="VHD52" i="1" s="1"/>
  <c r="VHE52" i="1" s="1"/>
  <c r="VHF52" i="1" s="1"/>
  <c r="VHG52" i="1" s="1"/>
  <c r="VHH52" i="1" s="1"/>
  <c r="VHI52" i="1" s="1"/>
  <c r="VHJ52" i="1" s="1"/>
  <c r="VHK52" i="1" s="1"/>
  <c r="VHL52" i="1" s="1"/>
  <c r="VHM52" i="1" s="1"/>
  <c r="VHN52" i="1" s="1"/>
  <c r="VHO52" i="1" s="1"/>
  <c r="VHP52" i="1" s="1"/>
  <c r="VHQ52" i="1" s="1"/>
  <c r="VHR52" i="1" s="1"/>
  <c r="VHS52" i="1" s="1"/>
  <c r="VHT52" i="1" s="1"/>
  <c r="VHU52" i="1" s="1"/>
  <c r="VHV52" i="1" s="1"/>
  <c r="VHW52" i="1" s="1"/>
  <c r="VHX52" i="1" s="1"/>
  <c r="VHY52" i="1" s="1"/>
  <c r="VHZ52" i="1" s="1"/>
  <c r="VIA52" i="1" s="1"/>
  <c r="VIB52" i="1" s="1"/>
  <c r="VIC52" i="1" s="1"/>
  <c r="VID52" i="1" s="1"/>
  <c r="VIE52" i="1" s="1"/>
  <c r="VIF52" i="1" s="1"/>
  <c r="VIG52" i="1" s="1"/>
  <c r="VIH52" i="1" s="1"/>
  <c r="VII52" i="1" s="1"/>
  <c r="VIJ52" i="1" s="1"/>
  <c r="VIK52" i="1" s="1"/>
  <c r="VIL52" i="1" s="1"/>
  <c r="VIM52" i="1" s="1"/>
  <c r="VIN52" i="1" s="1"/>
  <c r="VIO52" i="1" s="1"/>
  <c r="VIP52" i="1" s="1"/>
  <c r="VIQ52" i="1" s="1"/>
  <c r="VIR52" i="1" s="1"/>
  <c r="VIS52" i="1" s="1"/>
  <c r="VIT52" i="1" s="1"/>
  <c r="VIU52" i="1" s="1"/>
  <c r="VIV52" i="1" s="1"/>
  <c r="VIW52" i="1" s="1"/>
  <c r="VIX52" i="1" s="1"/>
  <c r="VIY52" i="1" s="1"/>
  <c r="VIZ52" i="1" s="1"/>
  <c r="VJA52" i="1" s="1"/>
  <c r="VJB52" i="1" s="1"/>
  <c r="VJC52" i="1" s="1"/>
  <c r="VJD52" i="1" s="1"/>
  <c r="VJE52" i="1" s="1"/>
  <c r="VJF52" i="1" s="1"/>
  <c r="VJG52" i="1" s="1"/>
  <c r="VJH52" i="1" s="1"/>
  <c r="VJI52" i="1" s="1"/>
  <c r="VJJ52" i="1" s="1"/>
  <c r="VJK52" i="1" s="1"/>
  <c r="VJL52" i="1" s="1"/>
  <c r="VJM52" i="1" s="1"/>
  <c r="VJN52" i="1" s="1"/>
  <c r="VJO52" i="1" s="1"/>
  <c r="VJP52" i="1" s="1"/>
  <c r="VJQ52" i="1" s="1"/>
  <c r="VJR52" i="1" s="1"/>
  <c r="VJS52" i="1" s="1"/>
  <c r="VJT52" i="1" s="1"/>
  <c r="VJU52" i="1" s="1"/>
  <c r="VJV52" i="1" s="1"/>
  <c r="VJW52" i="1" s="1"/>
  <c r="VJX52" i="1" s="1"/>
  <c r="VJY52" i="1" s="1"/>
  <c r="VJZ52" i="1" s="1"/>
  <c r="VKA52" i="1" s="1"/>
  <c r="VKB52" i="1" s="1"/>
  <c r="VKC52" i="1" s="1"/>
  <c r="VKD52" i="1" s="1"/>
  <c r="VKE52" i="1" s="1"/>
  <c r="VKF52" i="1" s="1"/>
  <c r="VKG52" i="1" s="1"/>
  <c r="VKH52" i="1" s="1"/>
  <c r="VKI52" i="1" s="1"/>
  <c r="VKJ52" i="1" s="1"/>
  <c r="VKK52" i="1" s="1"/>
  <c r="VKL52" i="1" s="1"/>
  <c r="VKM52" i="1" s="1"/>
  <c r="VKN52" i="1" s="1"/>
  <c r="VKO52" i="1" s="1"/>
  <c r="VKP52" i="1" s="1"/>
  <c r="VKQ52" i="1" s="1"/>
  <c r="VKR52" i="1" s="1"/>
  <c r="VKS52" i="1" s="1"/>
  <c r="VKT52" i="1" s="1"/>
  <c r="VKU52" i="1" s="1"/>
  <c r="VKV52" i="1" s="1"/>
  <c r="VKW52" i="1" s="1"/>
  <c r="VKX52" i="1" s="1"/>
  <c r="VKY52" i="1" s="1"/>
  <c r="VKZ52" i="1" s="1"/>
  <c r="VLA52" i="1" s="1"/>
  <c r="VLB52" i="1" s="1"/>
  <c r="VLC52" i="1" s="1"/>
  <c r="VLD52" i="1" s="1"/>
  <c r="VLE52" i="1" s="1"/>
  <c r="VLF52" i="1" s="1"/>
  <c r="VLG52" i="1" s="1"/>
  <c r="VLH52" i="1" s="1"/>
  <c r="VLI52" i="1" s="1"/>
  <c r="VLJ52" i="1" s="1"/>
  <c r="VLK52" i="1" s="1"/>
  <c r="VLL52" i="1" s="1"/>
  <c r="VLM52" i="1" s="1"/>
  <c r="VLN52" i="1" s="1"/>
  <c r="VLO52" i="1" s="1"/>
  <c r="VLP52" i="1" s="1"/>
  <c r="VLQ52" i="1" s="1"/>
  <c r="VLR52" i="1" s="1"/>
  <c r="VLS52" i="1" s="1"/>
  <c r="VLT52" i="1" s="1"/>
  <c r="VLU52" i="1" s="1"/>
  <c r="VLV52" i="1" s="1"/>
  <c r="VLW52" i="1" s="1"/>
  <c r="VLX52" i="1" s="1"/>
  <c r="VLY52" i="1" s="1"/>
  <c r="VLZ52" i="1" s="1"/>
  <c r="VMA52" i="1" s="1"/>
  <c r="VMB52" i="1" s="1"/>
  <c r="VMC52" i="1" s="1"/>
  <c r="VMD52" i="1" s="1"/>
  <c r="VME52" i="1" s="1"/>
  <c r="VMF52" i="1" s="1"/>
  <c r="VMG52" i="1" s="1"/>
  <c r="VMH52" i="1" s="1"/>
  <c r="VMI52" i="1" s="1"/>
  <c r="VMJ52" i="1" s="1"/>
  <c r="VMK52" i="1" s="1"/>
  <c r="VML52" i="1" s="1"/>
  <c r="VMM52" i="1" s="1"/>
  <c r="VMN52" i="1" s="1"/>
  <c r="VMO52" i="1" s="1"/>
  <c r="VMP52" i="1" s="1"/>
  <c r="VMQ52" i="1" s="1"/>
  <c r="VMR52" i="1" s="1"/>
  <c r="VMS52" i="1" s="1"/>
  <c r="VMT52" i="1" s="1"/>
  <c r="VMU52" i="1" s="1"/>
  <c r="VMV52" i="1" s="1"/>
  <c r="VMW52" i="1" s="1"/>
  <c r="VMX52" i="1" s="1"/>
  <c r="VMY52" i="1" s="1"/>
  <c r="VMZ52" i="1" s="1"/>
  <c r="VNA52" i="1" s="1"/>
  <c r="VNB52" i="1" s="1"/>
  <c r="VNC52" i="1" s="1"/>
  <c r="VND52" i="1" s="1"/>
  <c r="VNE52" i="1" s="1"/>
  <c r="VNF52" i="1" s="1"/>
  <c r="VNG52" i="1" s="1"/>
  <c r="VNH52" i="1" s="1"/>
  <c r="VNI52" i="1" s="1"/>
  <c r="VNJ52" i="1" s="1"/>
  <c r="VNK52" i="1" s="1"/>
  <c r="VNL52" i="1" s="1"/>
  <c r="VNM52" i="1" s="1"/>
  <c r="VNN52" i="1" s="1"/>
  <c r="VNO52" i="1" s="1"/>
  <c r="VNP52" i="1" s="1"/>
  <c r="VNQ52" i="1" s="1"/>
  <c r="VNR52" i="1" s="1"/>
  <c r="VNS52" i="1" s="1"/>
  <c r="VNT52" i="1" s="1"/>
  <c r="VNU52" i="1" s="1"/>
  <c r="VNV52" i="1" s="1"/>
  <c r="VNW52" i="1" s="1"/>
  <c r="VNX52" i="1" s="1"/>
  <c r="VNY52" i="1" s="1"/>
  <c r="VNZ52" i="1" s="1"/>
  <c r="VOA52" i="1" s="1"/>
  <c r="VOB52" i="1" s="1"/>
  <c r="VOC52" i="1" s="1"/>
  <c r="VOD52" i="1" s="1"/>
  <c r="VOE52" i="1" s="1"/>
  <c r="VOF52" i="1" s="1"/>
  <c r="VOG52" i="1" s="1"/>
  <c r="VOH52" i="1" s="1"/>
  <c r="VOI52" i="1" s="1"/>
  <c r="VOJ52" i="1" s="1"/>
  <c r="VOK52" i="1" s="1"/>
  <c r="VOL52" i="1" s="1"/>
  <c r="VOM52" i="1" s="1"/>
  <c r="VON52" i="1" s="1"/>
  <c r="VOO52" i="1" s="1"/>
  <c r="VOP52" i="1" s="1"/>
  <c r="VOQ52" i="1" s="1"/>
  <c r="VOR52" i="1" s="1"/>
  <c r="VOS52" i="1" s="1"/>
  <c r="VOT52" i="1" s="1"/>
  <c r="VOU52" i="1" s="1"/>
  <c r="VOV52" i="1" s="1"/>
  <c r="VOW52" i="1" s="1"/>
  <c r="VOX52" i="1" s="1"/>
  <c r="VOY52" i="1" s="1"/>
  <c r="VOZ52" i="1" s="1"/>
  <c r="VPA52" i="1" s="1"/>
  <c r="VPB52" i="1" s="1"/>
  <c r="VPC52" i="1" s="1"/>
  <c r="VPD52" i="1" s="1"/>
  <c r="VPE52" i="1" s="1"/>
  <c r="VPF52" i="1" s="1"/>
  <c r="VPG52" i="1" s="1"/>
  <c r="VPH52" i="1" s="1"/>
  <c r="VPI52" i="1" s="1"/>
  <c r="VPJ52" i="1" s="1"/>
  <c r="VPK52" i="1" s="1"/>
  <c r="VPL52" i="1" s="1"/>
  <c r="VPM52" i="1" s="1"/>
  <c r="VPN52" i="1" s="1"/>
  <c r="VPO52" i="1" s="1"/>
  <c r="VPP52" i="1" s="1"/>
  <c r="VPQ52" i="1" s="1"/>
  <c r="VPR52" i="1" s="1"/>
  <c r="VPS52" i="1" s="1"/>
  <c r="VPT52" i="1" s="1"/>
  <c r="VPU52" i="1" s="1"/>
  <c r="VPV52" i="1" s="1"/>
  <c r="VPW52" i="1" s="1"/>
  <c r="VPX52" i="1" s="1"/>
  <c r="VPY52" i="1" s="1"/>
  <c r="VPZ52" i="1" s="1"/>
  <c r="VQA52" i="1" s="1"/>
  <c r="VQB52" i="1" s="1"/>
  <c r="VQC52" i="1" s="1"/>
  <c r="VQD52" i="1" s="1"/>
  <c r="VQE52" i="1" s="1"/>
  <c r="VQF52" i="1" s="1"/>
  <c r="VQG52" i="1" s="1"/>
  <c r="VQH52" i="1" s="1"/>
  <c r="VQI52" i="1" s="1"/>
  <c r="VQJ52" i="1" s="1"/>
  <c r="VQK52" i="1" s="1"/>
  <c r="VQL52" i="1" s="1"/>
  <c r="VQM52" i="1" s="1"/>
  <c r="VQN52" i="1" s="1"/>
  <c r="VQO52" i="1" s="1"/>
  <c r="VQP52" i="1" s="1"/>
  <c r="VQQ52" i="1" s="1"/>
  <c r="VQR52" i="1" s="1"/>
  <c r="VQS52" i="1" s="1"/>
  <c r="VQT52" i="1" s="1"/>
  <c r="VQU52" i="1" s="1"/>
  <c r="VQV52" i="1" s="1"/>
  <c r="VQW52" i="1" s="1"/>
  <c r="VQX52" i="1" s="1"/>
  <c r="VQY52" i="1" s="1"/>
  <c r="VQZ52" i="1" s="1"/>
  <c r="VRA52" i="1" s="1"/>
  <c r="VRB52" i="1" s="1"/>
  <c r="VRC52" i="1" s="1"/>
  <c r="VRD52" i="1" s="1"/>
  <c r="VRE52" i="1" s="1"/>
  <c r="VRF52" i="1" s="1"/>
  <c r="VRG52" i="1" s="1"/>
  <c r="VRH52" i="1" s="1"/>
  <c r="VRI52" i="1" s="1"/>
  <c r="VRJ52" i="1" s="1"/>
  <c r="VRK52" i="1" s="1"/>
  <c r="VRL52" i="1" s="1"/>
  <c r="VRM52" i="1" s="1"/>
  <c r="VRN52" i="1" s="1"/>
  <c r="VRO52" i="1" s="1"/>
  <c r="VRP52" i="1" s="1"/>
  <c r="VRQ52" i="1" s="1"/>
  <c r="VRR52" i="1" s="1"/>
  <c r="VRS52" i="1" s="1"/>
  <c r="VRT52" i="1" s="1"/>
  <c r="VRU52" i="1" s="1"/>
  <c r="VRV52" i="1" s="1"/>
  <c r="VRW52" i="1" s="1"/>
  <c r="VRX52" i="1" s="1"/>
  <c r="VRY52" i="1" s="1"/>
  <c r="VRZ52" i="1" s="1"/>
  <c r="VSA52" i="1" s="1"/>
  <c r="VSB52" i="1" s="1"/>
  <c r="VSC52" i="1" s="1"/>
  <c r="VSD52" i="1" s="1"/>
  <c r="VSE52" i="1" s="1"/>
  <c r="VSF52" i="1" s="1"/>
  <c r="VSG52" i="1" s="1"/>
  <c r="VSH52" i="1" s="1"/>
  <c r="VSI52" i="1" s="1"/>
  <c r="VSJ52" i="1" s="1"/>
  <c r="VSK52" i="1" s="1"/>
  <c r="VSL52" i="1" s="1"/>
  <c r="VSM52" i="1" s="1"/>
  <c r="VSN52" i="1" s="1"/>
  <c r="VSO52" i="1" s="1"/>
  <c r="VSP52" i="1" s="1"/>
  <c r="VSQ52" i="1" s="1"/>
  <c r="VSR52" i="1" s="1"/>
  <c r="VSS52" i="1" s="1"/>
  <c r="VST52" i="1" s="1"/>
  <c r="VSU52" i="1" s="1"/>
  <c r="VSV52" i="1" s="1"/>
  <c r="VSW52" i="1" s="1"/>
  <c r="VSX52" i="1" s="1"/>
  <c r="VSY52" i="1" s="1"/>
  <c r="VSZ52" i="1" s="1"/>
  <c r="VTA52" i="1" s="1"/>
  <c r="VTB52" i="1" s="1"/>
  <c r="VTC52" i="1" s="1"/>
  <c r="VTD52" i="1" s="1"/>
  <c r="VTE52" i="1" s="1"/>
  <c r="VTF52" i="1" s="1"/>
  <c r="VTG52" i="1" s="1"/>
  <c r="VTH52" i="1" s="1"/>
  <c r="VTI52" i="1" s="1"/>
  <c r="VTJ52" i="1" s="1"/>
  <c r="VTK52" i="1" s="1"/>
  <c r="VTL52" i="1" s="1"/>
  <c r="VTM52" i="1" s="1"/>
  <c r="VTN52" i="1" s="1"/>
  <c r="VTO52" i="1" s="1"/>
  <c r="VTP52" i="1" s="1"/>
  <c r="VTQ52" i="1" s="1"/>
  <c r="VTR52" i="1" s="1"/>
  <c r="VTS52" i="1" s="1"/>
  <c r="VTT52" i="1" s="1"/>
  <c r="VTU52" i="1" s="1"/>
  <c r="VTV52" i="1" s="1"/>
  <c r="VTW52" i="1" s="1"/>
  <c r="VTX52" i="1" s="1"/>
  <c r="VTY52" i="1" s="1"/>
  <c r="VTZ52" i="1" s="1"/>
  <c r="VUA52" i="1" s="1"/>
  <c r="VUB52" i="1" s="1"/>
  <c r="VUC52" i="1" s="1"/>
  <c r="VUD52" i="1" s="1"/>
  <c r="VUE52" i="1" s="1"/>
  <c r="VUF52" i="1" s="1"/>
  <c r="VUG52" i="1" s="1"/>
  <c r="VUH52" i="1" s="1"/>
  <c r="VUI52" i="1" s="1"/>
  <c r="VUJ52" i="1" s="1"/>
  <c r="VUK52" i="1" s="1"/>
  <c r="VUL52" i="1" s="1"/>
  <c r="VUM52" i="1" s="1"/>
  <c r="VUN52" i="1" s="1"/>
  <c r="VUO52" i="1" s="1"/>
  <c r="VUP52" i="1" s="1"/>
  <c r="VUQ52" i="1" s="1"/>
  <c r="VUR52" i="1" s="1"/>
  <c r="VUS52" i="1" s="1"/>
  <c r="VUT52" i="1" s="1"/>
  <c r="VUU52" i="1" s="1"/>
  <c r="VUV52" i="1" s="1"/>
  <c r="VUW52" i="1" s="1"/>
  <c r="VUX52" i="1" s="1"/>
  <c r="VUY52" i="1" s="1"/>
  <c r="VUZ52" i="1" s="1"/>
  <c r="VVA52" i="1" s="1"/>
  <c r="VVB52" i="1" s="1"/>
  <c r="VVC52" i="1" s="1"/>
  <c r="VVD52" i="1" s="1"/>
  <c r="VVE52" i="1" s="1"/>
  <c r="VVF52" i="1" s="1"/>
  <c r="VVG52" i="1" s="1"/>
  <c r="VVH52" i="1" s="1"/>
  <c r="VVI52" i="1" s="1"/>
  <c r="VVJ52" i="1" s="1"/>
  <c r="VVK52" i="1" s="1"/>
  <c r="VVL52" i="1" s="1"/>
  <c r="VVM52" i="1" s="1"/>
  <c r="VVN52" i="1" s="1"/>
  <c r="VVO52" i="1" s="1"/>
  <c r="VVP52" i="1" s="1"/>
  <c r="VVQ52" i="1" s="1"/>
  <c r="VVR52" i="1" s="1"/>
  <c r="VVS52" i="1" s="1"/>
  <c r="VVT52" i="1" s="1"/>
  <c r="VVU52" i="1" s="1"/>
  <c r="VVV52" i="1" s="1"/>
  <c r="VVW52" i="1" s="1"/>
  <c r="VVX52" i="1" s="1"/>
  <c r="VVY52" i="1" s="1"/>
  <c r="VVZ52" i="1" s="1"/>
  <c r="VWA52" i="1" s="1"/>
  <c r="VWB52" i="1" s="1"/>
  <c r="VWC52" i="1" s="1"/>
  <c r="VWD52" i="1" s="1"/>
  <c r="VWE52" i="1" s="1"/>
  <c r="VWF52" i="1" s="1"/>
  <c r="VWG52" i="1" s="1"/>
  <c r="VWH52" i="1" s="1"/>
  <c r="VWI52" i="1" s="1"/>
  <c r="VWJ52" i="1" s="1"/>
  <c r="VWK52" i="1" s="1"/>
  <c r="VWL52" i="1" s="1"/>
  <c r="VWM52" i="1" s="1"/>
  <c r="VWN52" i="1" s="1"/>
  <c r="VWO52" i="1" s="1"/>
  <c r="VWP52" i="1" s="1"/>
  <c r="VWQ52" i="1" s="1"/>
  <c r="VWR52" i="1" s="1"/>
  <c r="VWS52" i="1" s="1"/>
  <c r="VWT52" i="1" s="1"/>
  <c r="VWU52" i="1" s="1"/>
  <c r="VWV52" i="1" s="1"/>
  <c r="VWW52" i="1" s="1"/>
  <c r="VWX52" i="1" s="1"/>
  <c r="VWY52" i="1" s="1"/>
  <c r="VWZ52" i="1" s="1"/>
  <c r="VXA52" i="1" s="1"/>
  <c r="VXB52" i="1" s="1"/>
  <c r="VXC52" i="1" s="1"/>
  <c r="VXD52" i="1" s="1"/>
  <c r="VXE52" i="1" s="1"/>
  <c r="VXF52" i="1" s="1"/>
  <c r="VXG52" i="1" s="1"/>
  <c r="VXH52" i="1" s="1"/>
  <c r="VXI52" i="1" s="1"/>
  <c r="VXJ52" i="1" s="1"/>
  <c r="VXK52" i="1" s="1"/>
  <c r="VXL52" i="1" s="1"/>
  <c r="VXM52" i="1" s="1"/>
  <c r="VXN52" i="1" s="1"/>
  <c r="VXO52" i="1" s="1"/>
  <c r="VXP52" i="1" s="1"/>
  <c r="VXQ52" i="1" s="1"/>
  <c r="VXR52" i="1" s="1"/>
  <c r="VXS52" i="1" s="1"/>
  <c r="VXT52" i="1" s="1"/>
  <c r="VXU52" i="1" s="1"/>
  <c r="VXV52" i="1" s="1"/>
  <c r="VXW52" i="1" s="1"/>
  <c r="VXX52" i="1" s="1"/>
  <c r="VXY52" i="1" s="1"/>
  <c r="VXZ52" i="1" s="1"/>
  <c r="VYA52" i="1" s="1"/>
  <c r="VYB52" i="1" s="1"/>
  <c r="VYC52" i="1" s="1"/>
  <c r="VYD52" i="1" s="1"/>
  <c r="VYE52" i="1" s="1"/>
  <c r="VYF52" i="1" s="1"/>
  <c r="VYG52" i="1" s="1"/>
  <c r="VYH52" i="1" s="1"/>
  <c r="VYI52" i="1" s="1"/>
  <c r="VYJ52" i="1" s="1"/>
  <c r="VYK52" i="1" s="1"/>
  <c r="VYL52" i="1" s="1"/>
  <c r="VYM52" i="1" s="1"/>
  <c r="VYN52" i="1" s="1"/>
  <c r="VYO52" i="1" s="1"/>
  <c r="VYP52" i="1" s="1"/>
  <c r="VYQ52" i="1" s="1"/>
  <c r="VYR52" i="1" s="1"/>
  <c r="VYS52" i="1" s="1"/>
  <c r="VYT52" i="1" s="1"/>
  <c r="VYU52" i="1" s="1"/>
  <c r="VYV52" i="1" s="1"/>
  <c r="VYW52" i="1" s="1"/>
  <c r="VYX52" i="1" s="1"/>
  <c r="VYY52" i="1" s="1"/>
  <c r="VYZ52" i="1" s="1"/>
  <c r="VZA52" i="1" s="1"/>
  <c r="VZB52" i="1" s="1"/>
  <c r="VZC52" i="1" s="1"/>
  <c r="VZD52" i="1" s="1"/>
  <c r="VZE52" i="1" s="1"/>
  <c r="VZF52" i="1" s="1"/>
  <c r="VZG52" i="1" s="1"/>
  <c r="VZH52" i="1" s="1"/>
  <c r="VZI52" i="1" s="1"/>
  <c r="VZJ52" i="1" s="1"/>
  <c r="VZK52" i="1" s="1"/>
  <c r="VZL52" i="1" s="1"/>
  <c r="VZM52" i="1" s="1"/>
  <c r="VZN52" i="1" s="1"/>
  <c r="VZO52" i="1" s="1"/>
  <c r="VZP52" i="1" s="1"/>
  <c r="VZQ52" i="1" s="1"/>
  <c r="VZR52" i="1" s="1"/>
  <c r="VZS52" i="1" s="1"/>
  <c r="VZT52" i="1" s="1"/>
  <c r="VZU52" i="1" s="1"/>
  <c r="VZV52" i="1" s="1"/>
  <c r="VZW52" i="1" s="1"/>
  <c r="VZX52" i="1" s="1"/>
  <c r="VZY52" i="1" s="1"/>
  <c r="VZZ52" i="1" s="1"/>
  <c r="WAA52" i="1" s="1"/>
  <c r="WAB52" i="1" s="1"/>
  <c r="WAC52" i="1" s="1"/>
  <c r="WAD52" i="1" s="1"/>
  <c r="WAE52" i="1" s="1"/>
  <c r="WAF52" i="1" s="1"/>
  <c r="WAG52" i="1" s="1"/>
  <c r="WAH52" i="1" s="1"/>
  <c r="WAI52" i="1" s="1"/>
  <c r="WAJ52" i="1" s="1"/>
  <c r="WAK52" i="1" s="1"/>
  <c r="WAL52" i="1" s="1"/>
  <c r="WAM52" i="1" s="1"/>
  <c r="WAN52" i="1" s="1"/>
  <c r="WAO52" i="1" s="1"/>
  <c r="WAP52" i="1" s="1"/>
  <c r="WAQ52" i="1" s="1"/>
  <c r="WAR52" i="1" s="1"/>
  <c r="WAS52" i="1" s="1"/>
  <c r="WAT52" i="1" s="1"/>
  <c r="WAU52" i="1" s="1"/>
  <c r="WAV52" i="1" s="1"/>
  <c r="WAW52" i="1" s="1"/>
  <c r="WAX52" i="1" s="1"/>
  <c r="WAY52" i="1" s="1"/>
  <c r="WAZ52" i="1" s="1"/>
  <c r="WBA52" i="1" s="1"/>
  <c r="WBB52" i="1" s="1"/>
  <c r="WBC52" i="1" s="1"/>
  <c r="WBD52" i="1" s="1"/>
  <c r="WBE52" i="1" s="1"/>
  <c r="WBF52" i="1" s="1"/>
  <c r="WBG52" i="1" s="1"/>
  <c r="WBH52" i="1" s="1"/>
  <c r="WBI52" i="1" s="1"/>
  <c r="WBJ52" i="1" s="1"/>
  <c r="WBK52" i="1" s="1"/>
  <c r="WBL52" i="1" s="1"/>
  <c r="WBM52" i="1" s="1"/>
  <c r="WBN52" i="1" s="1"/>
  <c r="WBO52" i="1" s="1"/>
  <c r="WBP52" i="1" s="1"/>
  <c r="WBQ52" i="1" s="1"/>
  <c r="WBR52" i="1" s="1"/>
  <c r="WBS52" i="1" s="1"/>
  <c r="WBT52" i="1" s="1"/>
  <c r="WBU52" i="1" s="1"/>
  <c r="WBV52" i="1" s="1"/>
  <c r="WBW52" i="1" s="1"/>
  <c r="WBX52" i="1" s="1"/>
  <c r="WBY52" i="1" s="1"/>
  <c r="WBZ52" i="1" s="1"/>
  <c r="WCA52" i="1" s="1"/>
  <c r="WCB52" i="1" s="1"/>
  <c r="WCC52" i="1" s="1"/>
  <c r="WCD52" i="1" s="1"/>
  <c r="WCE52" i="1" s="1"/>
  <c r="WCF52" i="1" s="1"/>
  <c r="WCG52" i="1" s="1"/>
  <c r="WCH52" i="1" s="1"/>
  <c r="WCI52" i="1" s="1"/>
  <c r="WCJ52" i="1" s="1"/>
  <c r="WCK52" i="1" s="1"/>
  <c r="WCL52" i="1" s="1"/>
  <c r="WCM52" i="1" s="1"/>
  <c r="WCN52" i="1" s="1"/>
  <c r="WCO52" i="1" s="1"/>
  <c r="WCP52" i="1" s="1"/>
  <c r="WCQ52" i="1" s="1"/>
  <c r="WCR52" i="1" s="1"/>
  <c r="WCS52" i="1" s="1"/>
  <c r="WCT52" i="1" s="1"/>
  <c r="WCU52" i="1" s="1"/>
  <c r="WCV52" i="1" s="1"/>
  <c r="WCW52" i="1" s="1"/>
  <c r="WCX52" i="1" s="1"/>
  <c r="WCY52" i="1" s="1"/>
  <c r="WCZ52" i="1" s="1"/>
  <c r="WDA52" i="1" s="1"/>
  <c r="WDB52" i="1" s="1"/>
  <c r="WDC52" i="1" s="1"/>
  <c r="WDD52" i="1" s="1"/>
  <c r="WDE52" i="1" s="1"/>
  <c r="WDF52" i="1" s="1"/>
  <c r="WDG52" i="1" s="1"/>
  <c r="WDH52" i="1" s="1"/>
  <c r="WDI52" i="1" s="1"/>
  <c r="WDJ52" i="1" s="1"/>
  <c r="WDK52" i="1" s="1"/>
  <c r="WDL52" i="1" s="1"/>
  <c r="WDM52" i="1" s="1"/>
  <c r="WDN52" i="1" s="1"/>
  <c r="WDO52" i="1" s="1"/>
  <c r="WDP52" i="1" s="1"/>
  <c r="WDQ52" i="1" s="1"/>
  <c r="WDR52" i="1" s="1"/>
  <c r="WDS52" i="1" s="1"/>
  <c r="WDT52" i="1" s="1"/>
  <c r="WDU52" i="1" s="1"/>
  <c r="WDV52" i="1" s="1"/>
  <c r="WDW52" i="1" s="1"/>
  <c r="WDX52" i="1" s="1"/>
  <c r="WDY52" i="1" s="1"/>
  <c r="WDZ52" i="1" s="1"/>
  <c r="WEA52" i="1" s="1"/>
  <c r="WEB52" i="1" s="1"/>
  <c r="WEC52" i="1" s="1"/>
  <c r="WED52" i="1" s="1"/>
  <c r="WEE52" i="1" s="1"/>
  <c r="WEF52" i="1" s="1"/>
  <c r="WEG52" i="1" s="1"/>
  <c r="WEH52" i="1" s="1"/>
  <c r="WEI52" i="1" s="1"/>
  <c r="WEJ52" i="1" s="1"/>
  <c r="WEK52" i="1" s="1"/>
  <c r="WEL52" i="1" s="1"/>
  <c r="WEM52" i="1" s="1"/>
  <c r="WEN52" i="1" s="1"/>
  <c r="WEO52" i="1" s="1"/>
  <c r="WEP52" i="1" s="1"/>
  <c r="WEQ52" i="1" s="1"/>
  <c r="WER52" i="1" s="1"/>
  <c r="WES52" i="1" s="1"/>
  <c r="WET52" i="1" s="1"/>
  <c r="WEU52" i="1" s="1"/>
  <c r="WEV52" i="1" s="1"/>
  <c r="WEW52" i="1" s="1"/>
  <c r="WEX52" i="1" s="1"/>
  <c r="WEY52" i="1" s="1"/>
  <c r="WEZ52" i="1" s="1"/>
  <c r="WFA52" i="1" s="1"/>
  <c r="WFB52" i="1" s="1"/>
  <c r="WFC52" i="1" s="1"/>
  <c r="WFD52" i="1" s="1"/>
  <c r="WFE52" i="1" s="1"/>
  <c r="WFF52" i="1" s="1"/>
  <c r="WFG52" i="1" s="1"/>
  <c r="WFH52" i="1" s="1"/>
  <c r="WFI52" i="1" s="1"/>
  <c r="WFJ52" i="1" s="1"/>
  <c r="WFK52" i="1" s="1"/>
  <c r="WFL52" i="1" s="1"/>
  <c r="WFM52" i="1" s="1"/>
  <c r="WFN52" i="1" s="1"/>
  <c r="WFO52" i="1" s="1"/>
  <c r="WFP52" i="1" s="1"/>
  <c r="WFQ52" i="1" s="1"/>
  <c r="WFR52" i="1" s="1"/>
  <c r="WFS52" i="1" s="1"/>
  <c r="WFT52" i="1" s="1"/>
  <c r="WFU52" i="1" s="1"/>
  <c r="WFV52" i="1" s="1"/>
  <c r="WFW52" i="1" s="1"/>
  <c r="WFX52" i="1" s="1"/>
  <c r="WFY52" i="1" s="1"/>
  <c r="WFZ52" i="1" s="1"/>
  <c r="WGA52" i="1" s="1"/>
  <c r="WGB52" i="1" s="1"/>
  <c r="WGC52" i="1" s="1"/>
  <c r="WGD52" i="1" s="1"/>
  <c r="WGE52" i="1" s="1"/>
  <c r="WGF52" i="1" s="1"/>
  <c r="WGG52" i="1" s="1"/>
  <c r="WGH52" i="1" s="1"/>
  <c r="WGI52" i="1" s="1"/>
  <c r="WGJ52" i="1" s="1"/>
  <c r="WGK52" i="1" s="1"/>
  <c r="WGL52" i="1" s="1"/>
  <c r="WGM52" i="1" s="1"/>
  <c r="WGN52" i="1" s="1"/>
  <c r="WGO52" i="1" s="1"/>
  <c r="WGP52" i="1" s="1"/>
  <c r="WGQ52" i="1" s="1"/>
  <c r="WGR52" i="1" s="1"/>
  <c r="WGS52" i="1" s="1"/>
  <c r="WGT52" i="1" s="1"/>
  <c r="WGU52" i="1" s="1"/>
  <c r="WGV52" i="1" s="1"/>
  <c r="WGW52" i="1" s="1"/>
  <c r="WGX52" i="1" s="1"/>
  <c r="WGY52" i="1" s="1"/>
  <c r="WGZ52" i="1" s="1"/>
  <c r="WHA52" i="1" s="1"/>
  <c r="WHB52" i="1" s="1"/>
  <c r="WHC52" i="1" s="1"/>
  <c r="WHD52" i="1" s="1"/>
  <c r="WHE52" i="1" s="1"/>
  <c r="WHF52" i="1" s="1"/>
  <c r="WHG52" i="1" s="1"/>
  <c r="WHH52" i="1" s="1"/>
  <c r="WHI52" i="1" s="1"/>
  <c r="WHJ52" i="1" s="1"/>
  <c r="WHK52" i="1" s="1"/>
  <c r="WHL52" i="1" s="1"/>
  <c r="WHM52" i="1" s="1"/>
  <c r="WHN52" i="1" s="1"/>
  <c r="WHO52" i="1" s="1"/>
  <c r="WHP52" i="1" s="1"/>
  <c r="WHQ52" i="1" s="1"/>
  <c r="WHR52" i="1" s="1"/>
  <c r="WHS52" i="1" s="1"/>
  <c r="WHT52" i="1" s="1"/>
  <c r="WHU52" i="1" s="1"/>
  <c r="WHV52" i="1" s="1"/>
  <c r="WHW52" i="1" s="1"/>
  <c r="WHX52" i="1" s="1"/>
  <c r="WHY52" i="1" s="1"/>
  <c r="WHZ52" i="1" s="1"/>
  <c r="WIA52" i="1" s="1"/>
  <c r="WIB52" i="1" s="1"/>
  <c r="WIC52" i="1" s="1"/>
  <c r="WID52" i="1" s="1"/>
  <c r="WIE52" i="1" s="1"/>
  <c r="WIF52" i="1" s="1"/>
  <c r="WIG52" i="1" s="1"/>
  <c r="WIH52" i="1" s="1"/>
  <c r="WII52" i="1" s="1"/>
  <c r="WIJ52" i="1" s="1"/>
  <c r="WIK52" i="1" s="1"/>
  <c r="WIL52" i="1" s="1"/>
  <c r="WIM52" i="1" s="1"/>
  <c r="WIN52" i="1" s="1"/>
  <c r="WIO52" i="1" s="1"/>
  <c r="WIP52" i="1" s="1"/>
  <c r="WIQ52" i="1" s="1"/>
  <c r="WIR52" i="1" s="1"/>
  <c r="WIS52" i="1" s="1"/>
  <c r="WIT52" i="1" s="1"/>
  <c r="WIU52" i="1" s="1"/>
  <c r="WIV52" i="1" s="1"/>
  <c r="WIW52" i="1" s="1"/>
  <c r="WIX52" i="1" s="1"/>
  <c r="WIY52" i="1" s="1"/>
  <c r="WIZ52" i="1" s="1"/>
  <c r="WJA52" i="1" s="1"/>
  <c r="WJB52" i="1" s="1"/>
  <c r="WJC52" i="1" s="1"/>
  <c r="WJD52" i="1" s="1"/>
  <c r="WJE52" i="1" s="1"/>
  <c r="WJF52" i="1" s="1"/>
  <c r="WJG52" i="1" s="1"/>
  <c r="WJH52" i="1" s="1"/>
  <c r="WJI52" i="1" s="1"/>
  <c r="WJJ52" i="1" s="1"/>
  <c r="WJK52" i="1" s="1"/>
  <c r="WJL52" i="1" s="1"/>
  <c r="WJM52" i="1" s="1"/>
  <c r="WJN52" i="1" s="1"/>
  <c r="WJO52" i="1" s="1"/>
  <c r="WJP52" i="1" s="1"/>
  <c r="WJQ52" i="1" s="1"/>
  <c r="WJR52" i="1" s="1"/>
  <c r="WJS52" i="1" s="1"/>
  <c r="WJT52" i="1" s="1"/>
  <c r="WJU52" i="1" s="1"/>
  <c r="WJV52" i="1" s="1"/>
  <c r="WJW52" i="1" s="1"/>
  <c r="WJX52" i="1" s="1"/>
  <c r="WJY52" i="1" s="1"/>
  <c r="WJZ52" i="1" s="1"/>
  <c r="WKA52" i="1" s="1"/>
  <c r="WKB52" i="1" s="1"/>
  <c r="WKC52" i="1" s="1"/>
  <c r="WKD52" i="1" s="1"/>
  <c r="WKE52" i="1" s="1"/>
  <c r="WKF52" i="1" s="1"/>
  <c r="WKG52" i="1" s="1"/>
  <c r="WKH52" i="1" s="1"/>
  <c r="WKI52" i="1" s="1"/>
  <c r="WKJ52" i="1" s="1"/>
  <c r="WKK52" i="1" s="1"/>
  <c r="WKL52" i="1" s="1"/>
  <c r="WKM52" i="1" s="1"/>
  <c r="WKN52" i="1" s="1"/>
  <c r="WKO52" i="1" s="1"/>
  <c r="WKP52" i="1" s="1"/>
  <c r="WKQ52" i="1" s="1"/>
  <c r="WKR52" i="1" s="1"/>
  <c r="WKS52" i="1" s="1"/>
  <c r="WKT52" i="1" s="1"/>
  <c r="WKU52" i="1" s="1"/>
  <c r="WKV52" i="1" s="1"/>
  <c r="WKW52" i="1" s="1"/>
  <c r="WKX52" i="1" s="1"/>
  <c r="WKY52" i="1" s="1"/>
  <c r="WKZ52" i="1" s="1"/>
  <c r="WLA52" i="1" s="1"/>
  <c r="WLB52" i="1" s="1"/>
  <c r="WLC52" i="1" s="1"/>
  <c r="WLD52" i="1" s="1"/>
  <c r="WLE52" i="1" s="1"/>
  <c r="WLF52" i="1" s="1"/>
  <c r="WLG52" i="1" s="1"/>
  <c r="WLH52" i="1" s="1"/>
  <c r="WLI52" i="1" s="1"/>
  <c r="WLJ52" i="1" s="1"/>
  <c r="WLK52" i="1" s="1"/>
  <c r="WLL52" i="1" s="1"/>
  <c r="WLM52" i="1" s="1"/>
  <c r="WLN52" i="1" s="1"/>
  <c r="WLO52" i="1" s="1"/>
  <c r="WLP52" i="1" s="1"/>
  <c r="WLQ52" i="1" s="1"/>
  <c r="WLR52" i="1" s="1"/>
  <c r="WLS52" i="1" s="1"/>
  <c r="WLT52" i="1" s="1"/>
  <c r="WLU52" i="1" s="1"/>
  <c r="WLV52" i="1" s="1"/>
  <c r="WLW52" i="1" s="1"/>
  <c r="WLX52" i="1" s="1"/>
  <c r="WLY52" i="1" s="1"/>
  <c r="WLZ52" i="1" s="1"/>
  <c r="WMA52" i="1" s="1"/>
  <c r="WMB52" i="1" s="1"/>
  <c r="WMC52" i="1" s="1"/>
  <c r="WMD52" i="1" s="1"/>
  <c r="WME52" i="1" s="1"/>
  <c r="WMF52" i="1" s="1"/>
  <c r="WMG52" i="1" s="1"/>
  <c r="WMH52" i="1" s="1"/>
  <c r="WMI52" i="1" s="1"/>
  <c r="WMJ52" i="1" s="1"/>
  <c r="WMK52" i="1" s="1"/>
  <c r="WML52" i="1" s="1"/>
  <c r="WMM52" i="1" s="1"/>
  <c r="WMN52" i="1" s="1"/>
  <c r="WMO52" i="1" s="1"/>
  <c r="WMP52" i="1" s="1"/>
  <c r="WMQ52" i="1" s="1"/>
  <c r="WMR52" i="1" s="1"/>
  <c r="WMS52" i="1" s="1"/>
  <c r="WMT52" i="1" s="1"/>
  <c r="WMU52" i="1" s="1"/>
  <c r="WMV52" i="1" s="1"/>
  <c r="WMW52" i="1" s="1"/>
  <c r="WMX52" i="1" s="1"/>
  <c r="WMY52" i="1" s="1"/>
  <c r="WMZ52" i="1" s="1"/>
  <c r="WNA52" i="1" s="1"/>
  <c r="WNB52" i="1" s="1"/>
  <c r="WNC52" i="1" s="1"/>
  <c r="WND52" i="1" s="1"/>
  <c r="WNE52" i="1" s="1"/>
  <c r="WNF52" i="1" s="1"/>
  <c r="WNG52" i="1" s="1"/>
  <c r="WNH52" i="1" s="1"/>
  <c r="WNI52" i="1" s="1"/>
  <c r="WNJ52" i="1" s="1"/>
  <c r="WNK52" i="1" s="1"/>
  <c r="WNL52" i="1" s="1"/>
  <c r="WNM52" i="1" s="1"/>
  <c r="WNN52" i="1" s="1"/>
  <c r="WNO52" i="1" s="1"/>
  <c r="WNP52" i="1" s="1"/>
  <c r="WNQ52" i="1" s="1"/>
  <c r="WNR52" i="1" s="1"/>
  <c r="WNS52" i="1" s="1"/>
  <c r="WNT52" i="1" s="1"/>
  <c r="WNU52" i="1" s="1"/>
  <c r="WNV52" i="1" s="1"/>
  <c r="WNW52" i="1" s="1"/>
  <c r="WNX52" i="1" s="1"/>
  <c r="WNY52" i="1" s="1"/>
  <c r="WNZ52" i="1" s="1"/>
  <c r="WOA52" i="1" s="1"/>
  <c r="WOB52" i="1" s="1"/>
  <c r="WOC52" i="1" s="1"/>
  <c r="WOD52" i="1" s="1"/>
  <c r="WOE52" i="1" s="1"/>
  <c r="WOF52" i="1" s="1"/>
  <c r="WOG52" i="1" s="1"/>
  <c r="WOH52" i="1" s="1"/>
  <c r="WOI52" i="1" s="1"/>
  <c r="WOJ52" i="1" s="1"/>
  <c r="WOK52" i="1" s="1"/>
  <c r="WOL52" i="1" s="1"/>
  <c r="WOM52" i="1" s="1"/>
  <c r="WON52" i="1" s="1"/>
  <c r="WOO52" i="1" s="1"/>
  <c r="WOP52" i="1" s="1"/>
  <c r="WOQ52" i="1" s="1"/>
  <c r="WOR52" i="1" s="1"/>
  <c r="WOS52" i="1" s="1"/>
  <c r="WOT52" i="1" s="1"/>
  <c r="WOU52" i="1" s="1"/>
  <c r="WOV52" i="1" s="1"/>
  <c r="WOW52" i="1" s="1"/>
  <c r="WOX52" i="1" s="1"/>
  <c r="WOY52" i="1" s="1"/>
  <c r="WOZ52" i="1" s="1"/>
  <c r="WPA52" i="1" s="1"/>
  <c r="WPB52" i="1" s="1"/>
  <c r="WPC52" i="1" s="1"/>
  <c r="WPD52" i="1" s="1"/>
  <c r="WPE52" i="1" s="1"/>
  <c r="WPF52" i="1" s="1"/>
  <c r="WPG52" i="1" s="1"/>
  <c r="WPH52" i="1" s="1"/>
  <c r="WPI52" i="1" s="1"/>
  <c r="WPJ52" i="1" s="1"/>
  <c r="WPK52" i="1" s="1"/>
  <c r="WPL52" i="1" s="1"/>
  <c r="WPM52" i="1" s="1"/>
  <c r="WPN52" i="1" s="1"/>
  <c r="WPO52" i="1" s="1"/>
  <c r="WPP52" i="1" s="1"/>
  <c r="WPQ52" i="1" s="1"/>
  <c r="WPR52" i="1" s="1"/>
  <c r="WPS52" i="1" s="1"/>
  <c r="WPT52" i="1" s="1"/>
  <c r="WPU52" i="1" s="1"/>
  <c r="WPV52" i="1" s="1"/>
  <c r="WPW52" i="1" s="1"/>
  <c r="WPX52" i="1" s="1"/>
  <c r="WPY52" i="1" s="1"/>
  <c r="WPZ52" i="1" s="1"/>
  <c r="WQA52" i="1" s="1"/>
  <c r="WQB52" i="1" s="1"/>
  <c r="WQC52" i="1" s="1"/>
  <c r="WQD52" i="1" s="1"/>
  <c r="WQE52" i="1" s="1"/>
  <c r="WQF52" i="1" s="1"/>
  <c r="WQG52" i="1" s="1"/>
  <c r="WQH52" i="1" s="1"/>
  <c r="WQI52" i="1" s="1"/>
  <c r="WQJ52" i="1" s="1"/>
  <c r="WQK52" i="1" s="1"/>
  <c r="WQL52" i="1" s="1"/>
  <c r="WQM52" i="1" s="1"/>
  <c r="WQN52" i="1" s="1"/>
  <c r="WQO52" i="1" s="1"/>
  <c r="WQP52" i="1" s="1"/>
  <c r="WQQ52" i="1" s="1"/>
  <c r="WQR52" i="1" s="1"/>
  <c r="WQS52" i="1" s="1"/>
  <c r="WQT52" i="1" s="1"/>
  <c r="WQU52" i="1" s="1"/>
  <c r="WQV52" i="1" s="1"/>
  <c r="WQW52" i="1" s="1"/>
  <c r="WQX52" i="1" s="1"/>
  <c r="WQY52" i="1" s="1"/>
  <c r="WQZ52" i="1" s="1"/>
  <c r="WRA52" i="1" s="1"/>
  <c r="WRB52" i="1" s="1"/>
  <c r="WRC52" i="1" s="1"/>
  <c r="WRD52" i="1" s="1"/>
  <c r="WRE52" i="1" s="1"/>
  <c r="WRF52" i="1" s="1"/>
  <c r="WRG52" i="1" s="1"/>
  <c r="WRH52" i="1" s="1"/>
  <c r="WRI52" i="1" s="1"/>
  <c r="WRJ52" i="1" s="1"/>
  <c r="WRK52" i="1" s="1"/>
  <c r="WRL52" i="1" s="1"/>
  <c r="WRM52" i="1" s="1"/>
  <c r="WRN52" i="1" s="1"/>
  <c r="WRO52" i="1" s="1"/>
  <c r="WRP52" i="1" s="1"/>
  <c r="WRQ52" i="1" s="1"/>
  <c r="WRR52" i="1" s="1"/>
  <c r="WRS52" i="1" s="1"/>
  <c r="WRT52" i="1" s="1"/>
  <c r="WRU52" i="1" s="1"/>
  <c r="WRV52" i="1" s="1"/>
  <c r="WRW52" i="1" s="1"/>
  <c r="WRX52" i="1" s="1"/>
  <c r="WRY52" i="1" s="1"/>
  <c r="WRZ52" i="1" s="1"/>
  <c r="WSA52" i="1" s="1"/>
  <c r="WSB52" i="1" s="1"/>
  <c r="WSC52" i="1" s="1"/>
  <c r="WSD52" i="1" s="1"/>
  <c r="WSE52" i="1" s="1"/>
  <c r="WSF52" i="1" s="1"/>
  <c r="WSG52" i="1" s="1"/>
  <c r="WSH52" i="1" s="1"/>
  <c r="WSI52" i="1" s="1"/>
  <c r="WSJ52" i="1" s="1"/>
  <c r="WSK52" i="1" s="1"/>
  <c r="WSL52" i="1" s="1"/>
  <c r="WSM52" i="1" s="1"/>
  <c r="WSN52" i="1" s="1"/>
  <c r="WSO52" i="1" s="1"/>
  <c r="WSP52" i="1" s="1"/>
  <c r="WSQ52" i="1" s="1"/>
  <c r="WSR52" i="1" s="1"/>
  <c r="WSS52" i="1" s="1"/>
  <c r="WST52" i="1" s="1"/>
  <c r="WSU52" i="1" s="1"/>
  <c r="WSV52" i="1" s="1"/>
  <c r="WSW52" i="1" s="1"/>
  <c r="WSX52" i="1" s="1"/>
  <c r="WSY52" i="1" s="1"/>
  <c r="WSZ52" i="1" s="1"/>
  <c r="WTA52" i="1" s="1"/>
  <c r="WTB52" i="1" s="1"/>
  <c r="WTC52" i="1" s="1"/>
  <c r="WTD52" i="1" s="1"/>
  <c r="WTE52" i="1" s="1"/>
  <c r="WTF52" i="1" s="1"/>
  <c r="WTG52" i="1" s="1"/>
  <c r="WTH52" i="1" s="1"/>
  <c r="WTI52" i="1" s="1"/>
  <c r="WTJ52" i="1" s="1"/>
  <c r="WTK52" i="1" s="1"/>
  <c r="WTL52" i="1" s="1"/>
  <c r="WTM52" i="1" s="1"/>
  <c r="WTN52" i="1" s="1"/>
  <c r="WTO52" i="1" s="1"/>
  <c r="WTP52" i="1" s="1"/>
  <c r="WTQ52" i="1" s="1"/>
  <c r="WTR52" i="1" s="1"/>
  <c r="WTS52" i="1" s="1"/>
  <c r="WTT52" i="1" s="1"/>
  <c r="WTU52" i="1" s="1"/>
  <c r="WTV52" i="1" s="1"/>
  <c r="WTW52" i="1" s="1"/>
  <c r="WTX52" i="1" s="1"/>
  <c r="WTY52" i="1" s="1"/>
  <c r="WTZ52" i="1" s="1"/>
  <c r="WUA52" i="1" s="1"/>
  <c r="WUB52" i="1" s="1"/>
  <c r="WUC52" i="1" s="1"/>
  <c r="WUD52" i="1" s="1"/>
  <c r="WUE52" i="1" s="1"/>
  <c r="WUF52" i="1" s="1"/>
  <c r="WUG52" i="1" s="1"/>
  <c r="WUH52" i="1" s="1"/>
  <c r="WUI52" i="1" s="1"/>
  <c r="WUJ52" i="1" s="1"/>
  <c r="WUK52" i="1" s="1"/>
  <c r="WUL52" i="1" s="1"/>
  <c r="WUM52" i="1" s="1"/>
  <c r="WUN52" i="1" s="1"/>
  <c r="WUO52" i="1" s="1"/>
  <c r="WUP52" i="1" s="1"/>
  <c r="WUQ52" i="1" s="1"/>
  <c r="WUR52" i="1" s="1"/>
  <c r="WUS52" i="1" s="1"/>
  <c r="WUT52" i="1" s="1"/>
  <c r="WUU52" i="1" s="1"/>
  <c r="WUV52" i="1" s="1"/>
  <c r="WUW52" i="1" s="1"/>
  <c r="WUX52" i="1" s="1"/>
  <c r="WUY52" i="1" s="1"/>
  <c r="WUZ52" i="1" s="1"/>
  <c r="WVA52" i="1" s="1"/>
  <c r="WVB52" i="1" s="1"/>
  <c r="WVC52" i="1" s="1"/>
  <c r="WVD52" i="1" s="1"/>
  <c r="WVE52" i="1" s="1"/>
  <c r="WVF52" i="1" s="1"/>
  <c r="WVG52" i="1" s="1"/>
  <c r="WVH52" i="1" s="1"/>
  <c r="WVI52" i="1" s="1"/>
  <c r="WVJ52" i="1" s="1"/>
  <c r="WVK52" i="1" s="1"/>
  <c r="WVL52" i="1" s="1"/>
  <c r="WVM52" i="1" s="1"/>
  <c r="WVN52" i="1" s="1"/>
  <c r="WVO52" i="1" s="1"/>
  <c r="WVP52" i="1" s="1"/>
  <c r="WVQ52" i="1" s="1"/>
  <c r="WVR52" i="1" s="1"/>
  <c r="WVS52" i="1" s="1"/>
  <c r="WVT52" i="1" s="1"/>
  <c r="WVU52" i="1" s="1"/>
  <c r="WVV52" i="1" s="1"/>
  <c r="WVW52" i="1" s="1"/>
  <c r="WVX52" i="1" s="1"/>
  <c r="WVY52" i="1" s="1"/>
  <c r="WVZ52" i="1" s="1"/>
  <c r="WWA52" i="1" s="1"/>
  <c r="WWB52" i="1" s="1"/>
  <c r="WWC52" i="1" s="1"/>
  <c r="WWD52" i="1" s="1"/>
  <c r="WWE52" i="1" s="1"/>
  <c r="WWF52" i="1" s="1"/>
  <c r="WWG52" i="1" s="1"/>
  <c r="WWH52" i="1" s="1"/>
  <c r="WWI52" i="1" s="1"/>
  <c r="WWJ52" i="1" s="1"/>
  <c r="WWK52" i="1" s="1"/>
  <c r="WWL52" i="1" s="1"/>
  <c r="WWM52" i="1" s="1"/>
  <c r="WWN52" i="1" s="1"/>
  <c r="WWO52" i="1" s="1"/>
  <c r="WWP52" i="1" s="1"/>
  <c r="WWQ52" i="1" s="1"/>
  <c r="WWR52" i="1" s="1"/>
  <c r="WWS52" i="1" s="1"/>
  <c r="WWT52" i="1" s="1"/>
  <c r="WWU52" i="1" s="1"/>
  <c r="WWV52" i="1" s="1"/>
  <c r="WWW52" i="1" s="1"/>
  <c r="WWX52" i="1" s="1"/>
  <c r="WWY52" i="1" s="1"/>
  <c r="WWZ52" i="1" s="1"/>
  <c r="WXA52" i="1" s="1"/>
  <c r="WXB52" i="1" s="1"/>
  <c r="WXC52" i="1" s="1"/>
  <c r="WXD52" i="1" s="1"/>
  <c r="WXE52" i="1" s="1"/>
  <c r="WXF52" i="1" s="1"/>
  <c r="WXG52" i="1" s="1"/>
  <c r="WXH52" i="1" s="1"/>
  <c r="WXI52" i="1" s="1"/>
  <c r="WXJ52" i="1" s="1"/>
  <c r="WXK52" i="1" s="1"/>
  <c r="WXL52" i="1" s="1"/>
  <c r="WXM52" i="1" s="1"/>
  <c r="WXN52" i="1" s="1"/>
  <c r="WXO52" i="1" s="1"/>
  <c r="WXP52" i="1" s="1"/>
  <c r="WXQ52" i="1" s="1"/>
  <c r="WXR52" i="1" s="1"/>
  <c r="WXS52" i="1" s="1"/>
  <c r="WXT52" i="1" s="1"/>
  <c r="WXU52" i="1" s="1"/>
  <c r="WXV52" i="1" s="1"/>
  <c r="WXW52" i="1" s="1"/>
  <c r="WXX52" i="1" s="1"/>
  <c r="WXY52" i="1" s="1"/>
  <c r="WXZ52" i="1" s="1"/>
  <c r="WYA52" i="1" s="1"/>
  <c r="WYB52" i="1" s="1"/>
  <c r="WYC52" i="1" s="1"/>
  <c r="WYD52" i="1" s="1"/>
  <c r="WYE52" i="1" s="1"/>
  <c r="WYF52" i="1" s="1"/>
  <c r="WYG52" i="1" s="1"/>
  <c r="WYH52" i="1" s="1"/>
  <c r="WYI52" i="1" s="1"/>
  <c r="WYJ52" i="1" s="1"/>
  <c r="WYK52" i="1" s="1"/>
  <c r="WYL52" i="1" s="1"/>
  <c r="WYM52" i="1" s="1"/>
  <c r="WYN52" i="1" s="1"/>
  <c r="WYO52" i="1" s="1"/>
  <c r="WYP52" i="1" s="1"/>
  <c r="WYQ52" i="1" s="1"/>
  <c r="WYR52" i="1" s="1"/>
  <c r="WYS52" i="1" s="1"/>
  <c r="WYT52" i="1" s="1"/>
  <c r="WYU52" i="1" s="1"/>
  <c r="WYV52" i="1" s="1"/>
  <c r="WYW52" i="1" s="1"/>
  <c r="WYX52" i="1" s="1"/>
  <c r="WYY52" i="1" s="1"/>
  <c r="WYZ52" i="1" s="1"/>
  <c r="WZA52" i="1" s="1"/>
  <c r="WZB52" i="1" s="1"/>
  <c r="WZC52" i="1" s="1"/>
  <c r="WZD52" i="1" s="1"/>
  <c r="WZE52" i="1" s="1"/>
  <c r="WZF52" i="1" s="1"/>
  <c r="WZG52" i="1" s="1"/>
  <c r="WZH52" i="1" s="1"/>
  <c r="WZI52" i="1" s="1"/>
  <c r="WZJ52" i="1" s="1"/>
  <c r="WZK52" i="1" s="1"/>
  <c r="WZL52" i="1" s="1"/>
  <c r="WZM52" i="1" s="1"/>
  <c r="WZN52" i="1" s="1"/>
  <c r="WZO52" i="1" s="1"/>
  <c r="WZP52" i="1" s="1"/>
  <c r="WZQ52" i="1" s="1"/>
  <c r="WZR52" i="1" s="1"/>
  <c r="WZS52" i="1" s="1"/>
  <c r="WZT52" i="1" s="1"/>
  <c r="WZU52" i="1" s="1"/>
  <c r="WZV52" i="1" s="1"/>
  <c r="WZW52" i="1" s="1"/>
  <c r="WZX52" i="1" s="1"/>
  <c r="WZY52" i="1" s="1"/>
  <c r="WZZ52" i="1" s="1"/>
  <c r="XAA52" i="1" s="1"/>
  <c r="XAB52" i="1" s="1"/>
  <c r="XAC52" i="1" s="1"/>
  <c r="XAD52" i="1" s="1"/>
  <c r="XAE52" i="1" s="1"/>
  <c r="XAF52" i="1" s="1"/>
  <c r="XAG52" i="1" s="1"/>
  <c r="XAH52" i="1" s="1"/>
  <c r="XAI52" i="1" s="1"/>
  <c r="XAJ52" i="1" s="1"/>
  <c r="XAK52" i="1" s="1"/>
  <c r="XAL52" i="1" s="1"/>
  <c r="XAM52" i="1" s="1"/>
  <c r="XAN52" i="1" s="1"/>
  <c r="XAO52" i="1" s="1"/>
  <c r="XAP52" i="1" s="1"/>
  <c r="XAQ52" i="1" s="1"/>
  <c r="XAR52" i="1" s="1"/>
  <c r="XAS52" i="1" s="1"/>
  <c r="XAT52" i="1" s="1"/>
  <c r="XAU52" i="1" s="1"/>
  <c r="XAV52" i="1" s="1"/>
  <c r="XAW52" i="1" s="1"/>
  <c r="XAX52" i="1" s="1"/>
  <c r="XAY52" i="1" s="1"/>
  <c r="XAZ52" i="1" s="1"/>
  <c r="XBA52" i="1" s="1"/>
  <c r="XBB52" i="1" s="1"/>
  <c r="XBC52" i="1" s="1"/>
  <c r="XBD52" i="1" s="1"/>
  <c r="XBE52" i="1" s="1"/>
  <c r="XBF52" i="1" s="1"/>
  <c r="XBG52" i="1" s="1"/>
  <c r="XBH52" i="1" s="1"/>
  <c r="XBI52" i="1" s="1"/>
  <c r="XBJ52" i="1" s="1"/>
  <c r="XBK52" i="1" s="1"/>
  <c r="XBL52" i="1" s="1"/>
  <c r="XBM52" i="1" s="1"/>
  <c r="XBN52" i="1" s="1"/>
  <c r="XBO52" i="1" s="1"/>
  <c r="XBP52" i="1" s="1"/>
  <c r="XBQ52" i="1" s="1"/>
  <c r="XBR52" i="1" s="1"/>
  <c r="XBS52" i="1" s="1"/>
  <c r="XBT52" i="1" s="1"/>
  <c r="XBU52" i="1" s="1"/>
  <c r="XBV52" i="1" s="1"/>
  <c r="XBW52" i="1" s="1"/>
  <c r="XBX52" i="1" s="1"/>
  <c r="XBY52" i="1" s="1"/>
  <c r="XBZ52" i="1" s="1"/>
  <c r="XCA52" i="1" s="1"/>
  <c r="XCB52" i="1" s="1"/>
  <c r="XCC52" i="1" s="1"/>
  <c r="XCD52" i="1" s="1"/>
  <c r="XCE52" i="1" s="1"/>
  <c r="XCF52" i="1" s="1"/>
  <c r="XCG52" i="1" s="1"/>
  <c r="XCH52" i="1" s="1"/>
  <c r="XCI52" i="1" s="1"/>
  <c r="XCJ52" i="1" s="1"/>
  <c r="XCK52" i="1" s="1"/>
  <c r="XCL52" i="1" s="1"/>
  <c r="XCM52" i="1" s="1"/>
  <c r="XCN52" i="1" s="1"/>
  <c r="XCO52" i="1" s="1"/>
  <c r="XCP52" i="1" s="1"/>
  <c r="XCQ52" i="1" s="1"/>
  <c r="XCR52" i="1" s="1"/>
  <c r="XCS52" i="1" s="1"/>
  <c r="XCT52" i="1" s="1"/>
  <c r="XCU52" i="1" s="1"/>
  <c r="XCV52" i="1" s="1"/>
  <c r="XCW52" i="1" s="1"/>
  <c r="XCX52" i="1" s="1"/>
  <c r="XCY52" i="1" s="1"/>
  <c r="XCZ52" i="1" s="1"/>
  <c r="XDA52" i="1" s="1"/>
  <c r="XDB52" i="1" s="1"/>
  <c r="XDC52" i="1" s="1"/>
  <c r="XDD52" i="1" s="1"/>
  <c r="XDE52" i="1" s="1"/>
  <c r="XDF52" i="1" s="1"/>
  <c r="XDG52" i="1" s="1"/>
  <c r="XDH52" i="1" s="1"/>
  <c r="XDI52" i="1" s="1"/>
  <c r="XDJ52" i="1" s="1"/>
  <c r="XDK52" i="1" s="1"/>
  <c r="XDL52" i="1" s="1"/>
  <c r="XDM52" i="1" s="1"/>
  <c r="XDN52" i="1" s="1"/>
  <c r="XDO52" i="1" s="1"/>
  <c r="XDP52" i="1" s="1"/>
  <c r="XDQ52" i="1" s="1"/>
  <c r="XDR52" i="1" s="1"/>
  <c r="XDS52" i="1" s="1"/>
  <c r="XDT52" i="1" s="1"/>
  <c r="XDU52" i="1" s="1"/>
  <c r="XDV52" i="1" s="1"/>
  <c r="XDW52" i="1" s="1"/>
  <c r="XDX52" i="1" s="1"/>
  <c r="XDY52" i="1" s="1"/>
  <c r="XDZ52" i="1" s="1"/>
  <c r="XEA52" i="1" s="1"/>
  <c r="XEB52" i="1" s="1"/>
  <c r="XEC52" i="1" s="1"/>
  <c r="XED52" i="1" s="1"/>
  <c r="XEE52" i="1" s="1"/>
  <c r="XEF52" i="1" s="1"/>
  <c r="XEG52" i="1" s="1"/>
  <c r="XEH52" i="1" s="1"/>
  <c r="XEI52" i="1" s="1"/>
  <c r="XEJ52" i="1" s="1"/>
  <c r="XEK52" i="1" s="1"/>
  <c r="XEL52" i="1" s="1"/>
  <c r="XEM52" i="1" s="1"/>
  <c r="XEN52" i="1" s="1"/>
  <c r="XEO52" i="1" s="1"/>
  <c r="XEP52" i="1" s="1"/>
  <c r="XEQ52" i="1" s="1"/>
  <c r="XER52" i="1" s="1"/>
  <c r="XES52" i="1" s="1"/>
  <c r="XET52" i="1" s="1"/>
  <c r="XEU52" i="1" s="1"/>
  <c r="XEV52" i="1" s="1"/>
  <c r="XEW52" i="1" s="1"/>
  <c r="XEX52" i="1" s="1"/>
  <c r="XEY52" i="1" s="1"/>
  <c r="XEZ52" i="1" s="1"/>
  <c r="XFA52" i="1" s="1"/>
  <c r="XFB52" i="1" s="1"/>
  <c r="XFC52" i="1" s="1"/>
  <c r="XFD52" i="1" s="1"/>
  <c r="H52" i="1"/>
  <c r="BO63" i="1" l="1"/>
  <c r="BO65" i="1" s="1"/>
  <c r="BO68" i="1" s="1"/>
  <c r="BO69" i="1" s="1"/>
  <c r="H56" i="1"/>
  <c r="BP64" i="1"/>
  <c r="BQ20" i="1"/>
  <c r="BQ41" i="1" s="1"/>
  <c r="BP41" i="1"/>
  <c r="BN71" i="1"/>
  <c r="BN72" i="1" s="1"/>
  <c r="BQ21" i="1"/>
  <c r="BQ42" i="1" s="1"/>
  <c r="BP42" i="1"/>
  <c r="BQ64" i="1"/>
  <c r="BO71" i="1" l="1"/>
  <c r="BO72" i="1" s="1"/>
  <c r="BP63" i="1"/>
  <c r="BP65" i="1" s="1"/>
  <c r="BP68" i="1" s="1"/>
  <c r="BP69" i="1" s="1"/>
  <c r="BQ63" i="1"/>
  <c r="BQ65" i="1" s="1"/>
  <c r="BQ68" i="1" s="1"/>
  <c r="BQ69" i="1" s="1"/>
  <c r="BP71" i="1" l="1"/>
  <c r="BP72" i="1" s="1"/>
  <c r="BQ71" i="1"/>
  <c r="BQ72" i="1" l="1"/>
</calcChain>
</file>

<file path=xl/sharedStrings.xml><?xml version="1.0" encoding="utf-8"?>
<sst xmlns="http://schemas.openxmlformats.org/spreadsheetml/2006/main" count="86" uniqueCount="48">
  <si>
    <t>Incremental Growth</t>
  </si>
  <si>
    <t>Constant</t>
  </si>
  <si>
    <t>Units</t>
  </si>
  <si>
    <t>Total</t>
  </si>
  <si>
    <t>Discount Rate</t>
  </si>
  <si>
    <t>Discount Factor (Mid Period)</t>
  </si>
  <si>
    <t>Assumed Mix of Alt Fuel Market Share if Gas Not Available</t>
  </si>
  <si>
    <t>Heating Oil</t>
  </si>
  <si>
    <t>%</t>
  </si>
  <si>
    <t>Propane</t>
  </si>
  <si>
    <t>Electricity</t>
  </si>
  <si>
    <t>Residential &amp; Commercial</t>
  </si>
  <si>
    <t>Energy Prices</t>
  </si>
  <si>
    <t>$/m^3</t>
  </si>
  <si>
    <t>Gas $/m^3</t>
  </si>
  <si>
    <t>Diff $/m^3</t>
  </si>
  <si>
    <t>Natural Gas</t>
  </si>
  <si>
    <t>Factors for Carbon Calc</t>
  </si>
  <si>
    <t>Carbon Cost Estimate (ICF)</t>
  </si>
  <si>
    <t xml:space="preserve">$/ ton </t>
  </si>
  <si>
    <t>Cost of Carbon Applied to Fuel Price Forecast</t>
  </si>
  <si>
    <t>$/ M3</t>
  </si>
  <si>
    <t>Trigger to Apply Carbon Cost</t>
  </si>
  <si>
    <t>Fuel Prices Applied</t>
  </si>
  <si>
    <t>$ 000's</t>
  </si>
  <si>
    <t>YoY change Incremental Growth Residential</t>
  </si>
  <si>
    <t>10^3M^3/Yr</t>
  </si>
  <si>
    <t>YoY change Incremental Growth Small Commercial</t>
  </si>
  <si>
    <t>YoY change Incremental Growth Large Commercial</t>
  </si>
  <si>
    <t>YoY change Incremental Growth Small Industrial</t>
  </si>
  <si>
    <t>Total YoY Gen Serv Incremental Growth</t>
  </si>
  <si>
    <t>Cumulative Growth Residential</t>
  </si>
  <si>
    <t>Cumulative Growth Small Commercial</t>
  </si>
  <si>
    <t>Cumulative Growth Large Commercial</t>
  </si>
  <si>
    <t>Cumulative Growth Small Industrial</t>
  </si>
  <si>
    <t>Total Cummulative Gen Serv Incremental Growth</t>
  </si>
  <si>
    <t>Assumed Fuel Mix</t>
  </si>
  <si>
    <t>Weighted Cost of Alt Fuels</t>
  </si>
  <si>
    <t>$/ M^3</t>
  </si>
  <si>
    <t>Cost of Gas</t>
  </si>
  <si>
    <t>Difference</t>
  </si>
  <si>
    <t>Cumulative Gen Serv &amp; Contract</t>
  </si>
  <si>
    <t>Alt Fuel Saving</t>
  </si>
  <si>
    <t>Res &amp; Comm Fuel Savings with Gas</t>
  </si>
  <si>
    <t>Fuel Savings Discounted</t>
  </si>
  <si>
    <t>Cumulative Fuel Savings: Discounted</t>
  </si>
  <si>
    <t>NPV Term (yrs)</t>
  </si>
  <si>
    <t>NPV of Fuel Savings $million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1">
    <numFmt numFmtId="43" formatCode="_(* #,##0.00_);_(* \(#,##0.00\);_(* &quot;-&quot;??_);_(@_)"/>
    <numFmt numFmtId="164" formatCode="#,##0_);\(#,##0\);&quot;-  &quot;;&quot; &quot;@"/>
    <numFmt numFmtId="165" formatCode="0.00%_);\-0.00%_);&quot;-  &quot;;&quot; &quot;@"/>
    <numFmt numFmtId="166" formatCode="#,##0.0000_);\(#,##0.0000\);&quot;-  &quot;;&quot; &quot;@"/>
    <numFmt numFmtId="167" formatCode="0%_);\-0%_);&quot;-  &quot;;&quot; &quot;@"/>
    <numFmt numFmtId="168" formatCode="#,##0.000_);\(#,##0.000\);&quot;-  &quot;;&quot; &quot;@"/>
    <numFmt numFmtId="169" formatCode="#,##0.00_);\(#,##0.00\);&quot;-  &quot;;&quot; &quot;@"/>
    <numFmt numFmtId="170" formatCode="#,##0.000000_);\(#,##0.000000\);&quot;-  &quot;;&quot; &quot;@"/>
    <numFmt numFmtId="171" formatCode="#,##0.0000000_);\(#,##0.0000000\);&quot;-  &quot;;&quot; &quot;@"/>
    <numFmt numFmtId="172" formatCode="#,##0.00000_);\(#,##0.00000\);&quot;-  &quot;;&quot; &quot;@"/>
    <numFmt numFmtId="173" formatCode="&quot;$&quot;#,##0.00;[Red]\-&quot;$&quot;#,##0.00"/>
  </numFmts>
  <fonts count="10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name val="Calibri"/>
      <family val="2"/>
      <scheme val="minor"/>
    </font>
    <font>
      <sz val="10"/>
      <name val="Arial MT"/>
    </font>
    <font>
      <b/>
      <sz val="10"/>
      <name val="Arial MT"/>
    </font>
    <font>
      <sz val="11"/>
      <name val="Calibri"/>
      <family val="2"/>
      <scheme val="minor"/>
    </font>
    <font>
      <sz val="12"/>
      <name val="Arial MT"/>
    </font>
    <font>
      <u/>
      <sz val="12"/>
      <color theme="10"/>
      <name val="Arial MT"/>
    </font>
    <font>
      <u/>
      <sz val="9"/>
      <name val="Arial MT"/>
    </font>
    <font>
      <sz val="10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5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/>
      <right/>
      <top style="thin">
        <color rgb="FF808080"/>
      </top>
      <bottom style="thin">
        <color rgb="FF808080"/>
      </bottom>
      <diagonal/>
    </border>
    <border>
      <left/>
      <right/>
      <top style="thin">
        <color theme="0" tint="-0.499984740745262"/>
      </top>
      <bottom style="thin">
        <color theme="0" tint="-0.499984740745262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0">
    <xf numFmtId="164" fontId="0" fillId="0" borderId="0" applyFont="0" applyFill="0" applyBorder="0" applyProtection="0"/>
    <xf numFmtId="165" fontId="1" fillId="0" borderId="0" applyFont="0" applyFill="0" applyBorder="0" applyProtection="0"/>
    <xf numFmtId="0" fontId="1" fillId="0" borderId="0"/>
    <xf numFmtId="166" fontId="1" fillId="0" borderId="0" applyFont="0" applyFill="0" applyBorder="0" applyProtection="0"/>
    <xf numFmtId="164" fontId="6" fillId="0" borderId="0" applyFont="0" applyFill="0" applyBorder="0" applyProtection="0"/>
    <xf numFmtId="164" fontId="6" fillId="0" borderId="0" applyFont="0" applyFill="0" applyBorder="0" applyProtection="0"/>
    <xf numFmtId="164" fontId="6" fillId="0" borderId="0" applyFont="0" applyFill="0" applyBorder="0" applyProtection="0"/>
    <xf numFmtId="164" fontId="6" fillId="0" borderId="0" applyFont="0" applyFill="0" applyBorder="0" applyProtection="0"/>
    <xf numFmtId="164" fontId="7" fillId="0" borderId="0" applyNumberFormat="0" applyFill="0" applyBorder="0" applyAlignment="0" applyProtection="0"/>
    <xf numFmtId="43" fontId="1" fillId="0" borderId="0" applyFont="0" applyFill="0" applyBorder="0" applyAlignment="0" applyProtection="0"/>
  </cellStyleXfs>
  <cellXfs count="39">
    <xf numFmtId="164" fontId="0" fillId="0" borderId="0" xfId="0"/>
    <xf numFmtId="0" fontId="2" fillId="0" borderId="0" xfId="0" applyNumberFormat="1" applyFont="1" applyFill="1"/>
    <xf numFmtId="164" fontId="4" fillId="0" borderId="0" xfId="0" applyFont="1" applyFill="1"/>
    <xf numFmtId="168" fontId="5" fillId="0" borderId="0" xfId="3" applyNumberFormat="1" applyFont="1" applyFill="1"/>
    <xf numFmtId="164" fontId="5" fillId="0" borderId="0" xfId="3" applyNumberFormat="1" applyFont="1" applyFill="1" applyBorder="1"/>
    <xf numFmtId="164" fontId="5" fillId="0" borderId="3" xfId="3" applyNumberFormat="1" applyFont="1" applyFill="1" applyBorder="1"/>
    <xf numFmtId="164" fontId="3" fillId="0" borderId="0" xfId="0" applyFont="1" applyFill="1"/>
    <xf numFmtId="164" fontId="5" fillId="0" borderId="0" xfId="0" applyFont="1" applyFill="1"/>
    <xf numFmtId="165" fontId="5" fillId="0" borderId="0" xfId="1" applyFont="1" applyFill="1"/>
    <xf numFmtId="166" fontId="5" fillId="0" borderId="0" xfId="3" applyFont="1" applyFill="1"/>
    <xf numFmtId="167" fontId="5" fillId="0" borderId="0" xfId="1" applyNumberFormat="1" applyFont="1" applyFill="1"/>
    <xf numFmtId="164" fontId="5" fillId="0" borderId="0" xfId="3" applyNumberFormat="1" applyFont="1" applyFill="1"/>
    <xf numFmtId="164" fontId="5" fillId="0" borderId="3" xfId="0" applyFont="1" applyFill="1" applyBorder="1"/>
    <xf numFmtId="164" fontId="5" fillId="0" borderId="4" xfId="0" applyFont="1" applyFill="1" applyBorder="1" applyAlignment="1">
      <alignment horizontal="right"/>
    </xf>
    <xf numFmtId="164" fontId="2" fillId="0" borderId="0" xfId="0" applyFont="1" applyFill="1"/>
    <xf numFmtId="0" fontId="5" fillId="0" borderId="0" xfId="2" applyFont="1" applyFill="1" applyAlignment="1">
      <alignment horizontal="left" indent="1"/>
    </xf>
    <xf numFmtId="0" fontId="2" fillId="0" borderId="0" xfId="2" applyFont="1" applyFill="1"/>
    <xf numFmtId="0" fontId="2" fillId="0" borderId="0" xfId="2" applyFont="1" applyFill="1" applyAlignment="1">
      <alignment horizontal="left" indent="1"/>
    </xf>
    <xf numFmtId="167" fontId="5" fillId="0" borderId="0" xfId="1" applyNumberFormat="1" applyFont="1" applyFill="1" applyBorder="1"/>
    <xf numFmtId="164" fontId="5" fillId="0" borderId="2" xfId="0" applyFont="1" applyFill="1" applyBorder="1"/>
    <xf numFmtId="167" fontId="5" fillId="0" borderId="2" xfId="1" applyNumberFormat="1" applyFont="1" applyFill="1" applyBorder="1"/>
    <xf numFmtId="167" fontId="5" fillId="0" borderId="0" xfId="1" applyNumberFormat="1" applyFont="1" applyFill="1" applyAlignment="1">
      <alignment horizontal="center" wrapText="1"/>
    </xf>
    <xf numFmtId="164" fontId="5" fillId="0" borderId="0" xfId="0" applyFont="1" applyFill="1" applyAlignment="1">
      <alignment horizontal="center" wrapText="1"/>
    </xf>
    <xf numFmtId="164" fontId="5" fillId="0" borderId="0" xfId="0" applyFont="1" applyFill="1" applyBorder="1"/>
    <xf numFmtId="164" fontId="5" fillId="0" borderId="0" xfId="0" applyFont="1" applyFill="1" applyBorder="1" applyAlignment="1">
      <alignment horizontal="center" wrapText="1"/>
    </xf>
    <xf numFmtId="166" fontId="5" fillId="0" borderId="0" xfId="3" applyFont="1" applyFill="1" applyBorder="1"/>
    <xf numFmtId="169" fontId="5" fillId="0" borderId="0" xfId="3" applyNumberFormat="1" applyFont="1" applyFill="1"/>
    <xf numFmtId="170" fontId="5" fillId="0" borderId="0" xfId="3" applyNumberFormat="1" applyFont="1" applyFill="1"/>
    <xf numFmtId="171" fontId="5" fillId="0" borderId="0" xfId="3" applyNumberFormat="1" applyFont="1" applyFill="1"/>
    <xf numFmtId="172" fontId="5" fillId="0" borderId="0" xfId="0" applyNumberFormat="1" applyFont="1" applyFill="1"/>
    <xf numFmtId="164" fontId="5" fillId="0" borderId="1" xfId="0" applyFont="1" applyFill="1" applyBorder="1"/>
    <xf numFmtId="167" fontId="5" fillId="0" borderId="1" xfId="1" applyNumberFormat="1" applyFont="1" applyFill="1" applyBorder="1"/>
    <xf numFmtId="166" fontId="5" fillId="0" borderId="1" xfId="3" applyFont="1" applyFill="1" applyBorder="1"/>
    <xf numFmtId="164" fontId="8" fillId="0" borderId="0" xfId="8" applyFont="1" applyFill="1"/>
    <xf numFmtId="173" fontId="5" fillId="0" borderId="0" xfId="0" applyNumberFormat="1" applyFont="1" applyFill="1"/>
    <xf numFmtId="168" fontId="5" fillId="0" borderId="2" xfId="3" applyNumberFormat="1" applyFont="1" applyFill="1" applyBorder="1"/>
    <xf numFmtId="164" fontId="5" fillId="0" borderId="2" xfId="3" applyNumberFormat="1" applyFont="1" applyFill="1" applyBorder="1"/>
    <xf numFmtId="164" fontId="5" fillId="0" borderId="4" xfId="0" applyFont="1" applyFill="1" applyBorder="1"/>
    <xf numFmtId="164" fontId="9" fillId="0" borderId="0" xfId="0" applyFont="1" applyFill="1" applyBorder="1"/>
  </cellXfs>
  <cellStyles count="10">
    <cellStyle name="Comma 2" xfId="9" xr:uid="{393D85B6-BB5F-4DA0-8D6F-97802C2FA14D}"/>
    <cellStyle name="Factor" xfId="3" xr:uid="{E373F6D4-48DD-4A4B-950E-6D7063AC52C6}"/>
    <cellStyle name="Hyperlink 5" xfId="8" xr:uid="{F5E8D559-05A6-4717-8933-ED432163F5EB}"/>
    <cellStyle name="Normal" xfId="0" builtinId="0"/>
    <cellStyle name="Normal 15" xfId="5" xr:uid="{485055A9-27C7-4705-A5B3-2F1575F5EB4F}"/>
    <cellStyle name="Normal 17" xfId="6" xr:uid="{D98D8243-4757-45FE-BC71-B76C0095EC47}"/>
    <cellStyle name="Normal 27" xfId="4" xr:uid="{1A229C8D-E0C3-41A3-92DF-91BB1F4DED57}"/>
    <cellStyle name="Normal 3" xfId="2" xr:uid="{A6F46805-E5DF-43A8-B00F-9BBA715F5E87}"/>
    <cellStyle name="Normal 33" xfId="7" xr:uid="{79B04B49-45BB-4CB0-9409-55DF8DC14928}"/>
    <cellStyle name="Percent" xfId="1" builtin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1.xml"/><Relationship Id="rId3" Type="http://schemas.openxmlformats.org/officeDocument/2006/relationships/externalLink" Target="externalLinks/externalLink2.xml"/><Relationship Id="rId7" Type="http://schemas.openxmlformats.org/officeDocument/2006/relationships/calcChain" Target="calcChain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10" Type="http://schemas.openxmlformats.org/officeDocument/2006/relationships/customXml" Target="../customXml/item3.xml"/><Relationship Id="rId4" Type="http://schemas.openxmlformats.org/officeDocument/2006/relationships/theme" Target="theme/theme1.xml"/><Relationship Id="rId9" Type="http://schemas.openxmlformats.org/officeDocument/2006/relationships/customXml" Target="../customXml/item2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0%20Sandbox/Rich%20Sandbox/EEM%20Ver%202.65.36%20%20KTRP%20Nov%207-17.xlsm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1111386\energyprices\Price%20working%20files\Database\PricingDatafeed%20Database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OwnerNotes"/>
      <sheetName val="AuditSummary"/>
      <sheetName val="ProjectNotes"/>
      <sheetName val="Cover"/>
      <sheetName val="Time"/>
      <sheetName val="Param"/>
      <sheetName val="{Check}"/>
      <sheetName val="DiscRate"/>
      <sheetName val="IRR"/>
      <sheetName val="For Costs Group"/>
      <sheetName val="RevDef"/>
      <sheetName val="RevReq"/>
      <sheetName val="FinState"/>
      <sheetName val=" BOD"/>
      <sheetName val="Anternatives"/>
      <sheetName val="Scenarios"/>
      <sheetName val="DCF"/>
      <sheetName val="Rev"/>
      <sheetName val="Ptax"/>
      <sheetName val="Rebase"/>
      <sheetName val="O&amp;M"/>
      <sheetName val="Capex &amp;PTax"/>
      <sheetName val="CapexChoose"/>
      <sheetName val="20&quot; 2019 Update"/>
      <sheetName val="14km 2026 ISD PanH"/>
      <sheetName val="16&quot; 2019"/>
      <sheetName val="6.5km 33 ISD PanH"/>
      <sheetName val="Ojib55 TJ 2019"/>
      <sheetName val="12&quot; KTRP 2022"/>
      <sheetName val="14 KM 2025 ISD PanH Loop"/>
      <sheetName val="16KM 2028 ISD PanH loop"/>
      <sheetName val="Distn alt3"/>
      <sheetName val="6.5km KTRP 2033"/>
      <sheetName val="80 TJ Ojib"/>
      <sheetName val="12&quot;KTRP 2023"/>
      <sheetName val="Distn alt4"/>
      <sheetName val="6km KTRP loop 2033"/>
      <sheetName val="16km 2029 ISD PanH Loop"/>
      <sheetName val=" ISD Factor"/>
      <sheetName val="Sch3"/>
      <sheetName val="Sch6"/>
      <sheetName val="Schd5_DCF"/>
      <sheetName val="Earnings"/>
      <sheetName val="Dash"/>
      <sheetName val="Rev Req-Calgary"/>
      <sheetName val="Summary-Calgary"/>
      <sheetName val="PM EPS 2016"/>
      <sheetName val="ACFFO Accretion"/>
      <sheetName val="EPS Accretion"/>
      <sheetName val="Board Table"/>
    </sheetNames>
    <sheetDataSet>
      <sheetData sheetId="0"/>
      <sheetData sheetId="1"/>
      <sheetData sheetId="2"/>
      <sheetData sheetId="3"/>
      <sheetData sheetId="4"/>
      <sheetData sheetId="5">
        <row r="10">
          <cell r="F10" t="str">
            <v>EEM 2.65.36</v>
          </cell>
        </row>
        <row r="11">
          <cell r="F11" t="str">
            <v>$ 000's</v>
          </cell>
        </row>
        <row r="24">
          <cell r="F24">
            <v>40</v>
          </cell>
        </row>
      </sheetData>
      <sheetData sheetId="6"/>
      <sheetData sheetId="7"/>
      <sheetData sheetId="8"/>
      <sheetData sheetId="9"/>
      <sheetData sheetId="10"/>
      <sheetData sheetId="11"/>
      <sheetData sheetId="12">
        <row r="238">
          <cell r="F238">
            <v>2.9802322387695314E-9</v>
          </cell>
        </row>
      </sheetData>
      <sheetData sheetId="13"/>
      <sheetData sheetId="14"/>
      <sheetData sheetId="15">
        <row r="161">
          <cell r="E161" t="str">
            <v>Base Case</v>
          </cell>
        </row>
        <row r="162">
          <cell r="E162" t="str">
            <v>Test Cases</v>
          </cell>
        </row>
        <row r="163">
          <cell r="E163" t="str">
            <v>OEB DCf</v>
          </cell>
        </row>
        <row r="164">
          <cell r="E164" t="str">
            <v>OEB Rev Req</v>
          </cell>
        </row>
        <row r="165">
          <cell r="E165" t="str">
            <v>Base + Capex 10% higher</v>
          </cell>
        </row>
        <row r="166">
          <cell r="E166" t="str">
            <v>Base + Capex 10% Lower</v>
          </cell>
        </row>
        <row r="167">
          <cell r="E167" t="str">
            <v>Base Oct 10th confirmed</v>
          </cell>
        </row>
        <row r="168">
          <cell r="E168" t="str">
            <v>Base + Pipe to 2036</v>
          </cell>
        </row>
        <row r="169">
          <cell r="E169" t="str">
            <v>16" only</v>
          </cell>
        </row>
        <row r="170">
          <cell r="E170" t="str">
            <v>16" + Pipe to 20236</v>
          </cell>
        </row>
        <row r="171">
          <cell r="E171" t="str">
            <v>Ojib 55TJ +  pipe to 2036</v>
          </cell>
        </row>
        <row r="172">
          <cell r="E172" t="str">
            <v>Ojib 80TJ + pipe to 2036</v>
          </cell>
        </row>
        <row r="173">
          <cell r="E173">
            <v>0</v>
          </cell>
        </row>
        <row r="174">
          <cell r="E174">
            <v>0</v>
          </cell>
        </row>
        <row r="175">
          <cell r="E175">
            <v>0</v>
          </cell>
        </row>
        <row r="176">
          <cell r="E176">
            <v>0</v>
          </cell>
        </row>
      </sheetData>
      <sheetData sheetId="16">
        <row r="35">
          <cell r="F35">
            <v>-60258.280760773974</v>
          </cell>
        </row>
        <row r="39">
          <cell r="F39">
            <v>0.42922641135551354</v>
          </cell>
        </row>
        <row r="41">
          <cell r="F41">
            <v>6.8198423832654953E-4</v>
          </cell>
        </row>
      </sheetData>
      <sheetData sheetId="17"/>
      <sheetData sheetId="18"/>
      <sheetData sheetId="19">
        <row r="136">
          <cell r="P136">
            <v>2015</v>
          </cell>
          <cell r="S136">
            <v>2015</v>
          </cell>
          <cell r="W136">
            <v>2018</v>
          </cell>
        </row>
        <row r="137">
          <cell r="P137">
            <v>2016</v>
          </cell>
          <cell r="S137">
            <v>2019</v>
          </cell>
          <cell r="W137">
            <v>2019</v>
          </cell>
        </row>
        <row r="138">
          <cell r="P138">
            <v>2017</v>
          </cell>
          <cell r="S138">
            <v>2024</v>
          </cell>
          <cell r="W138">
            <v>2020</v>
          </cell>
        </row>
        <row r="139">
          <cell r="P139">
            <v>2018</v>
          </cell>
          <cell r="S139">
            <v>2029</v>
          </cell>
          <cell r="W139">
            <v>2021</v>
          </cell>
        </row>
        <row r="140">
          <cell r="P140">
            <v>2019</v>
          </cell>
          <cell r="S140">
            <v>2034</v>
          </cell>
          <cell r="W140">
            <v>2022</v>
          </cell>
        </row>
        <row r="141">
          <cell r="P141">
            <v>2024</v>
          </cell>
          <cell r="S141">
            <v>2039</v>
          </cell>
          <cell r="W141">
            <v>2023</v>
          </cell>
        </row>
        <row r="142">
          <cell r="P142">
            <v>2029</v>
          </cell>
          <cell r="S142">
            <v>2044</v>
          </cell>
          <cell r="W142">
            <v>2024</v>
          </cell>
        </row>
        <row r="143">
          <cell r="P143">
            <v>2034</v>
          </cell>
          <cell r="S143">
            <v>2049</v>
          </cell>
          <cell r="W143">
            <v>2025</v>
          </cell>
        </row>
        <row r="144">
          <cell r="P144">
            <v>2039</v>
          </cell>
          <cell r="S144">
            <v>2054</v>
          </cell>
          <cell r="W144">
            <v>2026</v>
          </cell>
        </row>
        <row r="145">
          <cell r="P145">
            <v>2044</v>
          </cell>
          <cell r="S145">
            <v>2059</v>
          </cell>
          <cell r="W145">
            <v>2027</v>
          </cell>
        </row>
        <row r="146">
          <cell r="P146">
            <v>2049</v>
          </cell>
          <cell r="S146">
            <v>2064</v>
          </cell>
          <cell r="W146">
            <v>2028</v>
          </cell>
        </row>
        <row r="147">
          <cell r="P147">
            <v>2054</v>
          </cell>
          <cell r="S147">
            <v>2069</v>
          </cell>
          <cell r="W147">
            <v>2029</v>
          </cell>
        </row>
        <row r="148">
          <cell r="P148">
            <v>2059</v>
          </cell>
          <cell r="S148">
            <v>2074</v>
          </cell>
          <cell r="W148">
            <v>2034</v>
          </cell>
        </row>
        <row r="149">
          <cell r="P149">
            <v>2064</v>
          </cell>
          <cell r="S149">
            <v>2079</v>
          </cell>
          <cell r="W149">
            <v>2039</v>
          </cell>
        </row>
        <row r="150">
          <cell r="P150">
            <v>2069</v>
          </cell>
          <cell r="S150">
            <v>2084</v>
          </cell>
          <cell r="W150">
            <v>2044</v>
          </cell>
        </row>
        <row r="151">
          <cell r="P151">
            <v>2074</v>
          </cell>
          <cell r="S151">
            <v>2089</v>
          </cell>
          <cell r="W151">
            <v>2049</v>
          </cell>
        </row>
        <row r="152">
          <cell r="W152">
            <v>2054</v>
          </cell>
        </row>
        <row r="153">
          <cell r="W153">
            <v>2059</v>
          </cell>
        </row>
        <row r="154">
          <cell r="W154">
            <v>2064</v>
          </cell>
        </row>
      </sheetData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ources"/>
      <sheetName val="Tracking Start Date"/>
      <sheetName val="Dataset"/>
      <sheetName val="Oil &amp; Gas@ Dawn"/>
      <sheetName val="Available Profiles"/>
      <sheetName val="Scatter Dawn &amp; Oil"/>
      <sheetName val="Exchange Rate"/>
      <sheetName val="Oil and FX Chart"/>
      <sheetName val="Scatter Oil  FX"/>
      <sheetName val="Monthly Avg Exchange Rate"/>
      <sheetName val="Quarterly FX and Dawn"/>
      <sheetName val="Dawn vs Electric"/>
      <sheetName val="Monthly Averages"/>
      <sheetName val="Quarterly Averages"/>
      <sheetName val="Annual Averages"/>
      <sheetName val="Annual Averages (2)"/>
      <sheetName val="Qtly  Min Max Avg Pivot"/>
      <sheetName val="CDN per GJ"/>
      <sheetName val="Monthly Averages (CDN)"/>
      <sheetName val="Annual Averages (CDN)"/>
      <sheetName val="Pivot (CDN)"/>
    </sheetNames>
    <sheetDataSet>
      <sheetData sheetId="0"/>
      <sheetData sheetId="1"/>
      <sheetData sheetId="2">
        <row r="1">
          <cell r="C1" t="str">
            <v>Exchange_Rate</v>
          </cell>
          <cell r="AT1" t="str">
            <v>Flow_Year</v>
          </cell>
          <cell r="AU1" t="str">
            <v>Flow_Month</v>
          </cell>
        </row>
        <row r="2">
          <cell r="C2">
            <v>1.425</v>
          </cell>
          <cell r="AT2">
            <v>1998</v>
          </cell>
          <cell r="AU2">
            <v>1</v>
          </cell>
        </row>
        <row r="3">
          <cell r="C3">
            <v>1.425</v>
          </cell>
          <cell r="AT3">
            <v>1998</v>
          </cell>
          <cell r="AU3">
            <v>1</v>
          </cell>
        </row>
        <row r="4">
          <cell r="C4">
            <v>1.425</v>
          </cell>
          <cell r="AT4">
            <v>1998</v>
          </cell>
          <cell r="AU4">
            <v>1</v>
          </cell>
        </row>
        <row r="5">
          <cell r="C5">
            <v>1.425</v>
          </cell>
          <cell r="AT5">
            <v>1998</v>
          </cell>
          <cell r="AU5">
            <v>1</v>
          </cell>
        </row>
        <row r="6">
          <cell r="C6">
            <v>1.4268000000000001</v>
          </cell>
          <cell r="AT6">
            <v>1998</v>
          </cell>
          <cell r="AU6">
            <v>1</v>
          </cell>
        </row>
        <row r="7">
          <cell r="C7">
            <v>1.4311</v>
          </cell>
          <cell r="AT7">
            <v>1998</v>
          </cell>
          <cell r="AU7">
            <v>1</v>
          </cell>
        </row>
        <row r="8">
          <cell r="C8">
            <v>1.4301999999999999</v>
          </cell>
          <cell r="AT8">
            <v>1998</v>
          </cell>
          <cell r="AU8">
            <v>1</v>
          </cell>
        </row>
        <row r="9">
          <cell r="C9">
            <v>1.4312</v>
          </cell>
          <cell r="AT9">
            <v>1998</v>
          </cell>
          <cell r="AU9">
            <v>1</v>
          </cell>
        </row>
        <row r="10">
          <cell r="C10">
            <v>1.4263999999999999</v>
          </cell>
          <cell r="AT10">
            <v>1998</v>
          </cell>
          <cell r="AU10">
            <v>1</v>
          </cell>
        </row>
        <row r="11">
          <cell r="C11">
            <v>1.4263999999999999</v>
          </cell>
          <cell r="AT11">
            <v>1998</v>
          </cell>
          <cell r="AU11">
            <v>1</v>
          </cell>
        </row>
        <row r="12">
          <cell r="C12">
            <v>1.4263999999999999</v>
          </cell>
          <cell r="AT12">
            <v>1998</v>
          </cell>
          <cell r="AU12">
            <v>1</v>
          </cell>
        </row>
        <row r="13">
          <cell r="C13">
            <v>1.4342999999999999</v>
          </cell>
          <cell r="AT13">
            <v>1998</v>
          </cell>
          <cell r="AU13">
            <v>1</v>
          </cell>
        </row>
        <row r="14">
          <cell r="C14">
            <v>1.4359999999999999</v>
          </cell>
          <cell r="AT14">
            <v>1998</v>
          </cell>
          <cell r="AU14">
            <v>1</v>
          </cell>
        </row>
        <row r="15">
          <cell r="C15">
            <v>1.4345000000000001</v>
          </cell>
          <cell r="AT15">
            <v>1998</v>
          </cell>
          <cell r="AU15">
            <v>1</v>
          </cell>
        </row>
        <row r="16">
          <cell r="C16">
            <v>1.4367000000000001</v>
          </cell>
          <cell r="AT16">
            <v>1998</v>
          </cell>
          <cell r="AU16">
            <v>1</v>
          </cell>
        </row>
        <row r="17">
          <cell r="C17">
            <v>1.4362999999999999</v>
          </cell>
          <cell r="AT17">
            <v>1998</v>
          </cell>
          <cell r="AU17">
            <v>1</v>
          </cell>
        </row>
        <row r="18">
          <cell r="C18">
            <v>1.4362999999999999</v>
          </cell>
          <cell r="AT18">
            <v>1998</v>
          </cell>
          <cell r="AU18">
            <v>1</v>
          </cell>
        </row>
        <row r="19">
          <cell r="C19">
            <v>1.4362999999999999</v>
          </cell>
          <cell r="AT19">
            <v>1998</v>
          </cell>
          <cell r="AU19">
            <v>1</v>
          </cell>
        </row>
        <row r="20">
          <cell r="C20">
            <v>1.4381999999999999</v>
          </cell>
          <cell r="AT20">
            <v>1998</v>
          </cell>
          <cell r="AU20">
            <v>1</v>
          </cell>
        </row>
        <row r="21">
          <cell r="C21">
            <v>1.4391</v>
          </cell>
          <cell r="AT21">
            <v>1998</v>
          </cell>
          <cell r="AU21">
            <v>1</v>
          </cell>
        </row>
        <row r="22">
          <cell r="C22">
            <v>1.4438</v>
          </cell>
          <cell r="AT22">
            <v>1998</v>
          </cell>
          <cell r="AU22">
            <v>1</v>
          </cell>
        </row>
        <row r="23">
          <cell r="C23">
            <v>1.4508000000000001</v>
          </cell>
          <cell r="AT23">
            <v>1998</v>
          </cell>
          <cell r="AU23">
            <v>1</v>
          </cell>
        </row>
        <row r="24">
          <cell r="C24">
            <v>1.4555</v>
          </cell>
          <cell r="AT24">
            <v>1998</v>
          </cell>
          <cell r="AU24">
            <v>1</v>
          </cell>
        </row>
        <row r="25">
          <cell r="C25">
            <v>1.4555</v>
          </cell>
          <cell r="AT25">
            <v>1998</v>
          </cell>
          <cell r="AU25">
            <v>1</v>
          </cell>
        </row>
        <row r="26">
          <cell r="C26">
            <v>1.4555</v>
          </cell>
          <cell r="AT26">
            <v>1998</v>
          </cell>
          <cell r="AU26">
            <v>1</v>
          </cell>
        </row>
        <row r="27">
          <cell r="C27">
            <v>1.45</v>
          </cell>
          <cell r="AT27">
            <v>1998</v>
          </cell>
          <cell r="AU27">
            <v>1</v>
          </cell>
        </row>
        <row r="28">
          <cell r="C28">
            <v>1.4541999999999999</v>
          </cell>
          <cell r="AT28">
            <v>1998</v>
          </cell>
          <cell r="AU28">
            <v>1</v>
          </cell>
        </row>
        <row r="29">
          <cell r="C29">
            <v>1.4567000000000001</v>
          </cell>
          <cell r="AT29">
            <v>1998</v>
          </cell>
          <cell r="AU29">
            <v>1</v>
          </cell>
        </row>
        <row r="30">
          <cell r="C30">
            <v>1.4639</v>
          </cell>
          <cell r="AT30">
            <v>1998</v>
          </cell>
          <cell r="AU30">
            <v>1</v>
          </cell>
        </row>
        <row r="31">
          <cell r="C31">
            <v>1.4562999999999999</v>
          </cell>
          <cell r="AT31">
            <v>1998</v>
          </cell>
          <cell r="AU31">
            <v>1</v>
          </cell>
        </row>
        <row r="32">
          <cell r="C32">
            <v>1.4562999999999999</v>
          </cell>
          <cell r="AT32">
            <v>1998</v>
          </cell>
          <cell r="AU32">
            <v>2</v>
          </cell>
        </row>
        <row r="33">
          <cell r="C33">
            <v>1.4562999999999999</v>
          </cell>
          <cell r="AT33">
            <v>1998</v>
          </cell>
          <cell r="AU33">
            <v>2</v>
          </cell>
        </row>
        <row r="34">
          <cell r="C34">
            <v>1.4525999999999999</v>
          </cell>
          <cell r="AT34">
            <v>1998</v>
          </cell>
          <cell r="AU34">
            <v>2</v>
          </cell>
        </row>
        <row r="35">
          <cell r="C35">
            <v>1.4509000000000001</v>
          </cell>
          <cell r="AT35">
            <v>1998</v>
          </cell>
          <cell r="AU35">
            <v>2</v>
          </cell>
        </row>
        <row r="36">
          <cell r="C36">
            <v>1.4471000000000001</v>
          </cell>
          <cell r="AT36">
            <v>1998</v>
          </cell>
          <cell r="AU36">
            <v>2</v>
          </cell>
        </row>
        <row r="37">
          <cell r="C37">
            <v>1.4391</v>
          </cell>
          <cell r="AT37">
            <v>1998</v>
          </cell>
          <cell r="AU37">
            <v>2</v>
          </cell>
        </row>
        <row r="38">
          <cell r="C38">
            <v>1.4285000000000001</v>
          </cell>
          <cell r="AT38">
            <v>1998</v>
          </cell>
          <cell r="AU38">
            <v>2</v>
          </cell>
        </row>
        <row r="39">
          <cell r="C39">
            <v>1.4285000000000001</v>
          </cell>
          <cell r="AT39">
            <v>1998</v>
          </cell>
          <cell r="AU39">
            <v>2</v>
          </cell>
        </row>
        <row r="40">
          <cell r="C40">
            <v>1.4285000000000001</v>
          </cell>
          <cell r="AT40">
            <v>1998</v>
          </cell>
          <cell r="AU40">
            <v>2</v>
          </cell>
        </row>
        <row r="41">
          <cell r="C41">
            <v>1.4355</v>
          </cell>
          <cell r="AT41">
            <v>1998</v>
          </cell>
          <cell r="AU41">
            <v>2</v>
          </cell>
        </row>
        <row r="42">
          <cell r="C42">
            <v>1.429</v>
          </cell>
          <cell r="AT42">
            <v>1998</v>
          </cell>
          <cell r="AU42">
            <v>2</v>
          </cell>
        </row>
        <row r="43">
          <cell r="C43">
            <v>1.4365000000000001</v>
          </cell>
          <cell r="AT43">
            <v>1998</v>
          </cell>
          <cell r="AU43">
            <v>2</v>
          </cell>
        </row>
        <row r="44">
          <cell r="C44">
            <v>1.4382999999999999</v>
          </cell>
          <cell r="AT44">
            <v>1998</v>
          </cell>
          <cell r="AU44">
            <v>2</v>
          </cell>
        </row>
        <row r="45">
          <cell r="C45">
            <v>1.4430000000000001</v>
          </cell>
          <cell r="AT45">
            <v>1998</v>
          </cell>
          <cell r="AU45">
            <v>2</v>
          </cell>
        </row>
        <row r="46">
          <cell r="C46">
            <v>1.4430000000000001</v>
          </cell>
          <cell r="AT46">
            <v>1998</v>
          </cell>
          <cell r="AU46">
            <v>2</v>
          </cell>
        </row>
        <row r="47">
          <cell r="C47">
            <v>1.4430000000000001</v>
          </cell>
          <cell r="AT47">
            <v>1998</v>
          </cell>
          <cell r="AU47">
            <v>2</v>
          </cell>
        </row>
        <row r="48">
          <cell r="C48">
            <v>1.4455</v>
          </cell>
          <cell r="AT48">
            <v>1998</v>
          </cell>
          <cell r="AU48">
            <v>2</v>
          </cell>
        </row>
        <row r="49">
          <cell r="C49">
            <v>1.4401999999999999</v>
          </cell>
          <cell r="AT49">
            <v>1998</v>
          </cell>
          <cell r="AU49">
            <v>2</v>
          </cell>
        </row>
        <row r="50">
          <cell r="C50">
            <v>1.4348000000000001</v>
          </cell>
          <cell r="AT50">
            <v>1998</v>
          </cell>
          <cell r="AU50">
            <v>2</v>
          </cell>
        </row>
        <row r="51">
          <cell r="C51">
            <v>1.423</v>
          </cell>
          <cell r="AT51">
            <v>1998</v>
          </cell>
          <cell r="AU51">
            <v>2</v>
          </cell>
        </row>
        <row r="52">
          <cell r="C52">
            <v>1.4202999999999999</v>
          </cell>
          <cell r="AT52">
            <v>1998</v>
          </cell>
          <cell r="AU52">
            <v>2</v>
          </cell>
        </row>
        <row r="53">
          <cell r="C53">
            <v>1.4202999999999999</v>
          </cell>
          <cell r="AT53">
            <v>1998</v>
          </cell>
          <cell r="AU53">
            <v>2</v>
          </cell>
        </row>
        <row r="54">
          <cell r="C54">
            <v>1.4202999999999999</v>
          </cell>
          <cell r="AT54">
            <v>1998</v>
          </cell>
          <cell r="AU54">
            <v>2</v>
          </cell>
        </row>
        <row r="55">
          <cell r="C55">
            <v>1.4244000000000001</v>
          </cell>
          <cell r="AT55">
            <v>1998</v>
          </cell>
          <cell r="AU55">
            <v>2</v>
          </cell>
        </row>
        <row r="56">
          <cell r="C56">
            <v>1.4221999999999999</v>
          </cell>
          <cell r="AT56">
            <v>1998</v>
          </cell>
          <cell r="AU56">
            <v>2</v>
          </cell>
        </row>
        <row r="57">
          <cell r="C57">
            <v>1.4236</v>
          </cell>
          <cell r="AT57">
            <v>1998</v>
          </cell>
          <cell r="AU57">
            <v>2</v>
          </cell>
        </row>
        <row r="58">
          <cell r="C58">
            <v>1.4214</v>
          </cell>
          <cell r="AT58">
            <v>1998</v>
          </cell>
          <cell r="AU58">
            <v>2</v>
          </cell>
        </row>
        <row r="59">
          <cell r="C59">
            <v>1.4235</v>
          </cell>
          <cell r="AT59">
            <v>1998</v>
          </cell>
          <cell r="AU59">
            <v>2</v>
          </cell>
        </row>
        <row r="60">
          <cell r="C60">
            <v>1.4235</v>
          </cell>
          <cell r="AT60">
            <v>1998</v>
          </cell>
          <cell r="AU60">
            <v>3</v>
          </cell>
        </row>
        <row r="61">
          <cell r="C61">
            <v>1.4235</v>
          </cell>
          <cell r="AT61">
            <v>1998</v>
          </cell>
          <cell r="AU61">
            <v>3</v>
          </cell>
        </row>
        <row r="62">
          <cell r="C62">
            <v>1.4216</v>
          </cell>
          <cell r="AT62">
            <v>1998</v>
          </cell>
          <cell r="AU62">
            <v>3</v>
          </cell>
        </row>
        <row r="63">
          <cell r="C63">
            <v>1.4184000000000001</v>
          </cell>
          <cell r="AT63">
            <v>1998</v>
          </cell>
          <cell r="AU63">
            <v>3</v>
          </cell>
        </row>
        <row r="64">
          <cell r="C64">
            <v>1.4218999999999999</v>
          </cell>
          <cell r="AT64">
            <v>1998</v>
          </cell>
          <cell r="AU64">
            <v>3</v>
          </cell>
        </row>
        <row r="65">
          <cell r="C65">
            <v>1.4204000000000001</v>
          </cell>
          <cell r="AT65">
            <v>1998</v>
          </cell>
          <cell r="AU65">
            <v>3</v>
          </cell>
        </row>
        <row r="66">
          <cell r="C66">
            <v>1.4181999999999999</v>
          </cell>
          <cell r="AT66">
            <v>1998</v>
          </cell>
          <cell r="AU66">
            <v>3</v>
          </cell>
        </row>
        <row r="67">
          <cell r="C67">
            <v>1.4181999999999999</v>
          </cell>
          <cell r="AT67">
            <v>1998</v>
          </cell>
          <cell r="AU67">
            <v>3</v>
          </cell>
        </row>
        <row r="68">
          <cell r="C68">
            <v>1.4181999999999999</v>
          </cell>
          <cell r="AT68">
            <v>1998</v>
          </cell>
          <cell r="AU68">
            <v>3</v>
          </cell>
        </row>
        <row r="69">
          <cell r="C69">
            <v>1.4142999999999999</v>
          </cell>
          <cell r="AT69">
            <v>1998</v>
          </cell>
          <cell r="AU69">
            <v>3</v>
          </cell>
        </row>
        <row r="70">
          <cell r="C70">
            <v>1.4139999999999999</v>
          </cell>
          <cell r="AT70">
            <v>1998</v>
          </cell>
          <cell r="AU70">
            <v>3</v>
          </cell>
        </row>
        <row r="71">
          <cell r="C71">
            <v>1.4075</v>
          </cell>
          <cell r="AT71">
            <v>1998</v>
          </cell>
          <cell r="AU71">
            <v>3</v>
          </cell>
        </row>
        <row r="72">
          <cell r="C72">
            <v>1.411</v>
          </cell>
          <cell r="AT72">
            <v>1998</v>
          </cell>
          <cell r="AU72">
            <v>3</v>
          </cell>
        </row>
        <row r="73">
          <cell r="C73">
            <v>1.4096</v>
          </cell>
          <cell r="AT73">
            <v>1998</v>
          </cell>
          <cell r="AU73">
            <v>3</v>
          </cell>
        </row>
        <row r="74">
          <cell r="C74">
            <v>1.4096</v>
          </cell>
          <cell r="AT74">
            <v>1998</v>
          </cell>
          <cell r="AU74">
            <v>3</v>
          </cell>
        </row>
        <row r="75">
          <cell r="C75">
            <v>1.4096</v>
          </cell>
          <cell r="AT75">
            <v>1998</v>
          </cell>
          <cell r="AU75">
            <v>3</v>
          </cell>
        </row>
        <row r="76">
          <cell r="C76">
            <v>1.4135</v>
          </cell>
          <cell r="AT76">
            <v>1998</v>
          </cell>
          <cell r="AU76">
            <v>3</v>
          </cell>
        </row>
        <row r="77">
          <cell r="C77">
            <v>1.4165000000000001</v>
          </cell>
          <cell r="AT77">
            <v>1998</v>
          </cell>
          <cell r="AU77">
            <v>3</v>
          </cell>
        </row>
        <row r="78">
          <cell r="C78">
            <v>1.4186000000000001</v>
          </cell>
          <cell r="AT78">
            <v>1998</v>
          </cell>
          <cell r="AU78">
            <v>3</v>
          </cell>
        </row>
        <row r="79">
          <cell r="C79">
            <v>1.4177999999999999</v>
          </cell>
          <cell r="AT79">
            <v>1998</v>
          </cell>
          <cell r="AU79">
            <v>3</v>
          </cell>
        </row>
        <row r="80">
          <cell r="C80">
            <v>1.4179999999999999</v>
          </cell>
          <cell r="AT80">
            <v>1998</v>
          </cell>
          <cell r="AU80">
            <v>3</v>
          </cell>
        </row>
        <row r="81">
          <cell r="C81">
            <v>1.4179999999999999</v>
          </cell>
          <cell r="AT81">
            <v>1998</v>
          </cell>
          <cell r="AU81">
            <v>3</v>
          </cell>
        </row>
        <row r="82">
          <cell r="C82">
            <v>1.4179999999999999</v>
          </cell>
          <cell r="AT82">
            <v>1998</v>
          </cell>
          <cell r="AU82">
            <v>3</v>
          </cell>
        </row>
        <row r="83">
          <cell r="C83">
            <v>1.4217</v>
          </cell>
          <cell r="AT83">
            <v>1998</v>
          </cell>
          <cell r="AU83">
            <v>3</v>
          </cell>
        </row>
        <row r="84">
          <cell r="C84">
            <v>1.4191</v>
          </cell>
          <cell r="AT84">
            <v>1998</v>
          </cell>
          <cell r="AU84">
            <v>3</v>
          </cell>
        </row>
        <row r="85">
          <cell r="C85">
            <v>1.41</v>
          </cell>
          <cell r="AT85">
            <v>1998</v>
          </cell>
          <cell r="AU85">
            <v>3</v>
          </cell>
        </row>
        <row r="86">
          <cell r="C86">
            <v>1.4120999999999999</v>
          </cell>
          <cell r="AT86">
            <v>1998</v>
          </cell>
          <cell r="AU86">
            <v>3</v>
          </cell>
        </row>
        <row r="87">
          <cell r="C87">
            <v>1.415</v>
          </cell>
          <cell r="AT87">
            <v>1998</v>
          </cell>
          <cell r="AU87">
            <v>3</v>
          </cell>
        </row>
        <row r="88">
          <cell r="C88">
            <v>1.415</v>
          </cell>
          <cell r="AT88">
            <v>1998</v>
          </cell>
          <cell r="AU88">
            <v>3</v>
          </cell>
        </row>
        <row r="89">
          <cell r="C89">
            <v>1.415</v>
          </cell>
          <cell r="AT89">
            <v>1998</v>
          </cell>
          <cell r="AU89">
            <v>3</v>
          </cell>
        </row>
        <row r="90">
          <cell r="C90">
            <v>1.4222999999999999</v>
          </cell>
          <cell r="AT90">
            <v>1998</v>
          </cell>
          <cell r="AU90">
            <v>3</v>
          </cell>
        </row>
        <row r="91">
          <cell r="C91">
            <v>1.4166000000000001</v>
          </cell>
          <cell r="AT91">
            <v>1998</v>
          </cell>
          <cell r="AU91">
            <v>4</v>
          </cell>
        </row>
        <row r="92">
          <cell r="C92">
            <v>1.4173</v>
          </cell>
          <cell r="AT92">
            <v>1998</v>
          </cell>
          <cell r="AU92">
            <v>4</v>
          </cell>
        </row>
        <row r="93">
          <cell r="C93">
            <v>1.419</v>
          </cell>
          <cell r="AT93">
            <v>1998</v>
          </cell>
          <cell r="AU93">
            <v>4</v>
          </cell>
        </row>
        <row r="94">
          <cell r="C94">
            <v>1.4209000000000001</v>
          </cell>
          <cell r="AT94">
            <v>1998</v>
          </cell>
          <cell r="AU94">
            <v>4</v>
          </cell>
        </row>
        <row r="95">
          <cell r="C95">
            <v>1.4209000000000001</v>
          </cell>
          <cell r="AT95">
            <v>1998</v>
          </cell>
          <cell r="AU95">
            <v>4</v>
          </cell>
        </row>
        <row r="96">
          <cell r="C96">
            <v>1.4209000000000001</v>
          </cell>
          <cell r="AT96">
            <v>1998</v>
          </cell>
          <cell r="AU96">
            <v>4</v>
          </cell>
        </row>
        <row r="97">
          <cell r="C97">
            <v>1.4184000000000001</v>
          </cell>
          <cell r="AT97">
            <v>1998</v>
          </cell>
          <cell r="AU97">
            <v>4</v>
          </cell>
        </row>
        <row r="98">
          <cell r="C98">
            <v>1.4221999999999999</v>
          </cell>
          <cell r="AT98">
            <v>1998</v>
          </cell>
          <cell r="AU98">
            <v>4</v>
          </cell>
        </row>
        <row r="99">
          <cell r="C99">
            <v>1.4245000000000001</v>
          </cell>
          <cell r="AT99">
            <v>1998</v>
          </cell>
          <cell r="AU99">
            <v>4</v>
          </cell>
        </row>
        <row r="100">
          <cell r="C100">
            <v>1.425</v>
          </cell>
          <cell r="AT100">
            <v>1998</v>
          </cell>
          <cell r="AU100">
            <v>4</v>
          </cell>
        </row>
        <row r="101">
          <cell r="C101">
            <v>1.425</v>
          </cell>
          <cell r="AT101">
            <v>1998</v>
          </cell>
          <cell r="AU101">
            <v>4</v>
          </cell>
        </row>
        <row r="102">
          <cell r="C102">
            <v>1.425</v>
          </cell>
          <cell r="AT102">
            <v>1998</v>
          </cell>
          <cell r="AU102">
            <v>4</v>
          </cell>
        </row>
        <row r="103">
          <cell r="C103">
            <v>1.425</v>
          </cell>
          <cell r="AT103">
            <v>1998</v>
          </cell>
          <cell r="AU103">
            <v>4</v>
          </cell>
        </row>
        <row r="104">
          <cell r="C104">
            <v>1.4320999999999999</v>
          </cell>
          <cell r="AT104">
            <v>1998</v>
          </cell>
          <cell r="AU104">
            <v>4</v>
          </cell>
        </row>
        <row r="105">
          <cell r="C105">
            <v>1.4348000000000001</v>
          </cell>
          <cell r="AT105">
            <v>1998</v>
          </cell>
          <cell r="AU105">
            <v>4</v>
          </cell>
        </row>
        <row r="106">
          <cell r="C106">
            <v>1.4393</v>
          </cell>
          <cell r="AT106">
            <v>1998</v>
          </cell>
          <cell r="AU106">
            <v>4</v>
          </cell>
        </row>
        <row r="107">
          <cell r="C107">
            <v>1.4367000000000001</v>
          </cell>
          <cell r="AT107">
            <v>1998</v>
          </cell>
          <cell r="AU107">
            <v>4</v>
          </cell>
        </row>
        <row r="108">
          <cell r="C108">
            <v>1.4295</v>
          </cell>
          <cell r="AT108">
            <v>1998</v>
          </cell>
          <cell r="AU108">
            <v>4</v>
          </cell>
        </row>
        <row r="109">
          <cell r="C109">
            <v>1.4295</v>
          </cell>
          <cell r="AT109">
            <v>1998</v>
          </cell>
          <cell r="AU109">
            <v>4</v>
          </cell>
        </row>
        <row r="110">
          <cell r="C110">
            <v>1.4295</v>
          </cell>
          <cell r="AT110">
            <v>1998</v>
          </cell>
          <cell r="AU110">
            <v>4</v>
          </cell>
        </row>
        <row r="111">
          <cell r="C111">
            <v>1.4278999999999999</v>
          </cell>
          <cell r="AT111">
            <v>1998</v>
          </cell>
          <cell r="AU111">
            <v>4</v>
          </cell>
        </row>
        <row r="112">
          <cell r="C112">
            <v>1.4309000000000001</v>
          </cell>
          <cell r="AT112">
            <v>1998</v>
          </cell>
          <cell r="AU112">
            <v>4</v>
          </cell>
        </row>
        <row r="113">
          <cell r="C113">
            <v>1.4325000000000001</v>
          </cell>
          <cell r="AT113">
            <v>1998</v>
          </cell>
          <cell r="AU113">
            <v>4</v>
          </cell>
        </row>
        <row r="114">
          <cell r="C114">
            <v>1.4345000000000001</v>
          </cell>
          <cell r="AT114">
            <v>1998</v>
          </cell>
          <cell r="AU114">
            <v>4</v>
          </cell>
        </row>
        <row r="115">
          <cell r="C115">
            <v>1.4353</v>
          </cell>
          <cell r="AT115">
            <v>1998</v>
          </cell>
          <cell r="AU115">
            <v>4</v>
          </cell>
        </row>
        <row r="116">
          <cell r="C116">
            <v>1.4353</v>
          </cell>
          <cell r="AT116">
            <v>1998</v>
          </cell>
          <cell r="AU116">
            <v>4</v>
          </cell>
        </row>
        <row r="117">
          <cell r="C117">
            <v>1.4353</v>
          </cell>
          <cell r="AT117">
            <v>1998</v>
          </cell>
          <cell r="AU117">
            <v>4</v>
          </cell>
        </row>
        <row r="118">
          <cell r="C118">
            <v>1.4387000000000001</v>
          </cell>
          <cell r="AT118">
            <v>1998</v>
          </cell>
          <cell r="AU118">
            <v>4</v>
          </cell>
        </row>
        <row r="119">
          <cell r="C119">
            <v>1.4387000000000001</v>
          </cell>
          <cell r="AT119">
            <v>1998</v>
          </cell>
          <cell r="AU119">
            <v>4</v>
          </cell>
        </row>
        <row r="120">
          <cell r="C120">
            <v>1.4376</v>
          </cell>
          <cell r="AT120">
            <v>1998</v>
          </cell>
          <cell r="AU120">
            <v>4</v>
          </cell>
        </row>
        <row r="121">
          <cell r="C121">
            <v>1.4301999999999999</v>
          </cell>
          <cell r="AT121">
            <v>1998</v>
          </cell>
          <cell r="AU121">
            <v>5</v>
          </cell>
        </row>
        <row r="122">
          <cell r="C122">
            <v>1.4336</v>
          </cell>
          <cell r="AT122">
            <v>1998</v>
          </cell>
          <cell r="AU122">
            <v>5</v>
          </cell>
        </row>
        <row r="123">
          <cell r="C123">
            <v>1.4336</v>
          </cell>
          <cell r="AT123">
            <v>1998</v>
          </cell>
          <cell r="AU123">
            <v>5</v>
          </cell>
        </row>
        <row r="124">
          <cell r="C124">
            <v>1.4336</v>
          </cell>
          <cell r="AT124">
            <v>1998</v>
          </cell>
          <cell r="AU124">
            <v>5</v>
          </cell>
        </row>
        <row r="125">
          <cell r="C125">
            <v>1.4349000000000001</v>
          </cell>
          <cell r="AT125">
            <v>1998</v>
          </cell>
          <cell r="AU125">
            <v>5</v>
          </cell>
        </row>
        <row r="126">
          <cell r="C126">
            <v>1.4387000000000001</v>
          </cell>
          <cell r="AT126">
            <v>1998</v>
          </cell>
          <cell r="AU126">
            <v>5</v>
          </cell>
        </row>
        <row r="127">
          <cell r="C127">
            <v>1.4387000000000001</v>
          </cell>
          <cell r="AT127">
            <v>1998</v>
          </cell>
          <cell r="AU127">
            <v>5</v>
          </cell>
        </row>
        <row r="128">
          <cell r="C128">
            <v>1.4399</v>
          </cell>
          <cell r="AT128">
            <v>1998</v>
          </cell>
          <cell r="AU128">
            <v>5</v>
          </cell>
        </row>
        <row r="129">
          <cell r="C129">
            <v>1.4368000000000001</v>
          </cell>
          <cell r="AT129">
            <v>1998</v>
          </cell>
          <cell r="AU129">
            <v>5</v>
          </cell>
        </row>
        <row r="130">
          <cell r="C130">
            <v>1.4368000000000001</v>
          </cell>
          <cell r="AT130">
            <v>1998</v>
          </cell>
          <cell r="AU130">
            <v>5</v>
          </cell>
        </row>
        <row r="131">
          <cell r="C131">
            <v>1.4368000000000001</v>
          </cell>
          <cell r="AT131">
            <v>1998</v>
          </cell>
          <cell r="AU131">
            <v>5</v>
          </cell>
        </row>
        <row r="132">
          <cell r="C132">
            <v>1.4334</v>
          </cell>
          <cell r="AT132">
            <v>1998</v>
          </cell>
          <cell r="AU132">
            <v>5</v>
          </cell>
        </row>
        <row r="133">
          <cell r="C133">
            <v>1.4319999999999999</v>
          </cell>
          <cell r="AT133">
            <v>1998</v>
          </cell>
          <cell r="AU133">
            <v>5</v>
          </cell>
        </row>
        <row r="134">
          <cell r="C134">
            <v>1.4443999999999999</v>
          </cell>
          <cell r="AT134">
            <v>1998</v>
          </cell>
          <cell r="AU134">
            <v>5</v>
          </cell>
        </row>
        <row r="135">
          <cell r="C135">
            <v>1.4478</v>
          </cell>
          <cell r="AT135">
            <v>1998</v>
          </cell>
          <cell r="AU135">
            <v>5</v>
          </cell>
        </row>
        <row r="136">
          <cell r="C136">
            <v>1.4504999999999999</v>
          </cell>
          <cell r="AT136">
            <v>1998</v>
          </cell>
          <cell r="AU136">
            <v>5</v>
          </cell>
        </row>
        <row r="137">
          <cell r="C137">
            <v>1.4504999999999999</v>
          </cell>
          <cell r="AT137">
            <v>1998</v>
          </cell>
          <cell r="AU137">
            <v>5</v>
          </cell>
        </row>
        <row r="138">
          <cell r="C138">
            <v>1.4504999999999999</v>
          </cell>
          <cell r="AT138">
            <v>1998</v>
          </cell>
          <cell r="AU138">
            <v>5</v>
          </cell>
        </row>
        <row r="139">
          <cell r="C139">
            <v>1.4504999999999999</v>
          </cell>
          <cell r="AT139">
            <v>1998</v>
          </cell>
          <cell r="AU139">
            <v>5</v>
          </cell>
        </row>
        <row r="140">
          <cell r="C140">
            <v>1.45</v>
          </cell>
          <cell r="AT140">
            <v>1998</v>
          </cell>
          <cell r="AU140">
            <v>5</v>
          </cell>
        </row>
        <row r="141">
          <cell r="C141">
            <v>1.4498</v>
          </cell>
          <cell r="AT141">
            <v>1998</v>
          </cell>
          <cell r="AU141">
            <v>5</v>
          </cell>
        </row>
        <row r="142">
          <cell r="C142">
            <v>1.4473</v>
          </cell>
          <cell r="AT142">
            <v>1998</v>
          </cell>
          <cell r="AU142">
            <v>5</v>
          </cell>
        </row>
        <row r="143">
          <cell r="C143">
            <v>1.4496</v>
          </cell>
          <cell r="AT143">
            <v>1998</v>
          </cell>
          <cell r="AU143">
            <v>5</v>
          </cell>
        </row>
        <row r="144">
          <cell r="C144">
            <v>1.4496</v>
          </cell>
          <cell r="AT144">
            <v>1998</v>
          </cell>
          <cell r="AU144">
            <v>5</v>
          </cell>
        </row>
        <row r="145">
          <cell r="C145">
            <v>1.4496</v>
          </cell>
          <cell r="AT145">
            <v>1998</v>
          </cell>
          <cell r="AU145">
            <v>5</v>
          </cell>
        </row>
        <row r="146">
          <cell r="C146">
            <v>1.4493</v>
          </cell>
          <cell r="AT146">
            <v>1998</v>
          </cell>
          <cell r="AU146">
            <v>5</v>
          </cell>
        </row>
        <row r="147">
          <cell r="C147">
            <v>1.4542999999999999</v>
          </cell>
          <cell r="AT147">
            <v>1998</v>
          </cell>
          <cell r="AU147">
            <v>5</v>
          </cell>
        </row>
        <row r="148">
          <cell r="C148">
            <v>1.4564999999999999</v>
          </cell>
          <cell r="AT148">
            <v>1998</v>
          </cell>
          <cell r="AU148">
            <v>5</v>
          </cell>
        </row>
        <row r="149">
          <cell r="C149">
            <v>1.4553</v>
          </cell>
          <cell r="AT149">
            <v>1998</v>
          </cell>
          <cell r="AU149">
            <v>5</v>
          </cell>
        </row>
        <row r="150">
          <cell r="C150">
            <v>1.4571000000000001</v>
          </cell>
          <cell r="AT150">
            <v>1998</v>
          </cell>
          <cell r="AU150">
            <v>5</v>
          </cell>
        </row>
        <row r="151">
          <cell r="C151">
            <v>1.4571000000000001</v>
          </cell>
          <cell r="AT151">
            <v>1998</v>
          </cell>
          <cell r="AU151">
            <v>5</v>
          </cell>
        </row>
        <row r="152">
          <cell r="C152">
            <v>1.4571000000000001</v>
          </cell>
          <cell r="AT152">
            <v>1998</v>
          </cell>
          <cell r="AU152">
            <v>6</v>
          </cell>
        </row>
        <row r="153">
          <cell r="C153">
            <v>1.4564999999999999</v>
          </cell>
          <cell r="AT153">
            <v>1998</v>
          </cell>
          <cell r="AU153">
            <v>6</v>
          </cell>
        </row>
        <row r="154">
          <cell r="C154">
            <v>1.454</v>
          </cell>
          <cell r="AT154">
            <v>1998</v>
          </cell>
          <cell r="AU154">
            <v>6</v>
          </cell>
        </row>
        <row r="155">
          <cell r="C155">
            <v>1.4530000000000001</v>
          </cell>
          <cell r="AT155">
            <v>1998</v>
          </cell>
          <cell r="AU155">
            <v>6</v>
          </cell>
        </row>
        <row r="156">
          <cell r="C156">
            <v>1.4555</v>
          </cell>
          <cell r="AT156">
            <v>1998</v>
          </cell>
          <cell r="AU156">
            <v>6</v>
          </cell>
        </row>
        <row r="157">
          <cell r="C157">
            <v>1.4583999999999999</v>
          </cell>
          <cell r="AT157">
            <v>1998</v>
          </cell>
          <cell r="AU157">
            <v>6</v>
          </cell>
        </row>
        <row r="158">
          <cell r="C158">
            <v>1.4583999999999999</v>
          </cell>
          <cell r="AT158">
            <v>1998</v>
          </cell>
          <cell r="AU158">
            <v>6</v>
          </cell>
        </row>
        <row r="159">
          <cell r="C159">
            <v>1.4583999999999999</v>
          </cell>
          <cell r="AT159">
            <v>1998</v>
          </cell>
          <cell r="AU159">
            <v>6</v>
          </cell>
        </row>
        <row r="160">
          <cell r="C160">
            <v>1.4588000000000001</v>
          </cell>
          <cell r="AT160">
            <v>1998</v>
          </cell>
          <cell r="AU160">
            <v>6</v>
          </cell>
        </row>
        <row r="161">
          <cell r="C161">
            <v>1.4601999999999999</v>
          </cell>
          <cell r="AT161">
            <v>1998</v>
          </cell>
          <cell r="AU161">
            <v>6</v>
          </cell>
        </row>
        <row r="162">
          <cell r="C162">
            <v>1.4665999999999999</v>
          </cell>
          <cell r="AT162">
            <v>1998</v>
          </cell>
          <cell r="AU162">
            <v>6</v>
          </cell>
        </row>
        <row r="163">
          <cell r="C163">
            <v>1.4699</v>
          </cell>
          <cell r="AT163">
            <v>1998</v>
          </cell>
          <cell r="AU163">
            <v>6</v>
          </cell>
        </row>
        <row r="164">
          <cell r="C164">
            <v>1.4683999999999999</v>
          </cell>
          <cell r="AT164">
            <v>1998</v>
          </cell>
          <cell r="AU164">
            <v>6</v>
          </cell>
        </row>
        <row r="165">
          <cell r="C165">
            <v>1.4683999999999999</v>
          </cell>
          <cell r="AT165">
            <v>1998</v>
          </cell>
          <cell r="AU165">
            <v>6</v>
          </cell>
        </row>
        <row r="166">
          <cell r="C166">
            <v>1.4683999999999999</v>
          </cell>
          <cell r="AT166">
            <v>1998</v>
          </cell>
          <cell r="AU166">
            <v>6</v>
          </cell>
        </row>
        <row r="167">
          <cell r="C167">
            <v>1.4736</v>
          </cell>
          <cell r="AT167">
            <v>1998</v>
          </cell>
          <cell r="AU167">
            <v>6</v>
          </cell>
        </row>
        <row r="168">
          <cell r="C168">
            <v>1.4704999999999999</v>
          </cell>
          <cell r="AT168">
            <v>1998</v>
          </cell>
          <cell r="AU168">
            <v>6</v>
          </cell>
        </row>
        <row r="169">
          <cell r="C169">
            <v>1.4634</v>
          </cell>
          <cell r="AT169">
            <v>1998</v>
          </cell>
          <cell r="AU169">
            <v>6</v>
          </cell>
        </row>
        <row r="170">
          <cell r="C170">
            <v>1.4684999999999999</v>
          </cell>
          <cell r="AT170">
            <v>1998</v>
          </cell>
          <cell r="AU170">
            <v>6</v>
          </cell>
        </row>
        <row r="171">
          <cell r="C171">
            <v>1.4697</v>
          </cell>
          <cell r="AT171">
            <v>1998</v>
          </cell>
          <cell r="AU171">
            <v>6</v>
          </cell>
        </row>
        <row r="172">
          <cell r="C172">
            <v>1.4697</v>
          </cell>
          <cell r="AT172">
            <v>1998</v>
          </cell>
          <cell r="AU172">
            <v>6</v>
          </cell>
        </row>
        <row r="173">
          <cell r="C173">
            <v>1.4697</v>
          </cell>
          <cell r="AT173">
            <v>1998</v>
          </cell>
          <cell r="AU173">
            <v>6</v>
          </cell>
        </row>
        <row r="174">
          <cell r="C174">
            <v>1.4711000000000001</v>
          </cell>
          <cell r="AT174">
            <v>1998</v>
          </cell>
          <cell r="AU174">
            <v>6</v>
          </cell>
        </row>
        <row r="175">
          <cell r="C175">
            <v>1.4696</v>
          </cell>
          <cell r="AT175">
            <v>1998</v>
          </cell>
          <cell r="AU175">
            <v>6</v>
          </cell>
        </row>
        <row r="176">
          <cell r="C176">
            <v>1.4697</v>
          </cell>
          <cell r="AT176">
            <v>1998</v>
          </cell>
          <cell r="AU176">
            <v>6</v>
          </cell>
        </row>
        <row r="177">
          <cell r="C177">
            <v>1.4665999999999999</v>
          </cell>
          <cell r="AT177">
            <v>1998</v>
          </cell>
          <cell r="AU177">
            <v>6</v>
          </cell>
        </row>
        <row r="178">
          <cell r="C178">
            <v>1.4693000000000001</v>
          </cell>
          <cell r="AT178">
            <v>1998</v>
          </cell>
          <cell r="AU178">
            <v>6</v>
          </cell>
        </row>
        <row r="179">
          <cell r="C179">
            <v>1.4693000000000001</v>
          </cell>
          <cell r="AT179">
            <v>1998</v>
          </cell>
          <cell r="AU179">
            <v>6</v>
          </cell>
        </row>
        <row r="180">
          <cell r="C180">
            <v>1.4693000000000001</v>
          </cell>
          <cell r="AT180">
            <v>1998</v>
          </cell>
          <cell r="AU180">
            <v>6</v>
          </cell>
        </row>
        <row r="181">
          <cell r="C181">
            <v>1.4718</v>
          </cell>
          <cell r="AT181">
            <v>1998</v>
          </cell>
          <cell r="AU181">
            <v>6</v>
          </cell>
        </row>
        <row r="182">
          <cell r="C182">
            <v>1.4716</v>
          </cell>
          <cell r="AT182">
            <v>1998</v>
          </cell>
          <cell r="AU182">
            <v>7</v>
          </cell>
        </row>
        <row r="183">
          <cell r="C183">
            <v>1.4716</v>
          </cell>
          <cell r="AT183">
            <v>1998</v>
          </cell>
          <cell r="AU183">
            <v>7</v>
          </cell>
        </row>
        <row r="184">
          <cell r="C184">
            <v>1.4677</v>
          </cell>
          <cell r="AT184">
            <v>1998</v>
          </cell>
          <cell r="AU184">
            <v>7</v>
          </cell>
        </row>
        <row r="185">
          <cell r="C185">
            <v>1.4673</v>
          </cell>
          <cell r="AT185">
            <v>1998</v>
          </cell>
          <cell r="AU185">
            <v>7</v>
          </cell>
        </row>
        <row r="186">
          <cell r="C186">
            <v>1.4673</v>
          </cell>
          <cell r="AT186">
            <v>1998</v>
          </cell>
          <cell r="AU186">
            <v>7</v>
          </cell>
        </row>
        <row r="187">
          <cell r="C187">
            <v>1.4673</v>
          </cell>
          <cell r="AT187">
            <v>1998</v>
          </cell>
          <cell r="AU187">
            <v>7</v>
          </cell>
        </row>
        <row r="188">
          <cell r="C188">
            <v>1.4732000000000001</v>
          </cell>
          <cell r="AT188">
            <v>1998</v>
          </cell>
          <cell r="AU188">
            <v>7</v>
          </cell>
        </row>
        <row r="189">
          <cell r="C189">
            <v>1.4728000000000001</v>
          </cell>
          <cell r="AT189">
            <v>1998</v>
          </cell>
          <cell r="AU189">
            <v>7</v>
          </cell>
        </row>
        <row r="190">
          <cell r="C190">
            <v>1.4744999999999999</v>
          </cell>
          <cell r="AT190">
            <v>1998</v>
          </cell>
          <cell r="AU190">
            <v>7</v>
          </cell>
        </row>
        <row r="191">
          <cell r="C191">
            <v>1.476</v>
          </cell>
          <cell r="AT191">
            <v>1998</v>
          </cell>
          <cell r="AU191">
            <v>7</v>
          </cell>
        </row>
        <row r="192">
          <cell r="C192">
            <v>1.4795</v>
          </cell>
          <cell r="AT192">
            <v>1998</v>
          </cell>
          <cell r="AU192">
            <v>7</v>
          </cell>
        </row>
        <row r="193">
          <cell r="C193">
            <v>1.4795</v>
          </cell>
          <cell r="AT193">
            <v>1998</v>
          </cell>
          <cell r="AU193">
            <v>7</v>
          </cell>
        </row>
        <row r="194">
          <cell r="C194">
            <v>1.4795</v>
          </cell>
          <cell r="AT194">
            <v>1998</v>
          </cell>
          <cell r="AU194">
            <v>7</v>
          </cell>
        </row>
        <row r="195">
          <cell r="C195">
            <v>1.4784999999999999</v>
          </cell>
          <cell r="AT195">
            <v>1998</v>
          </cell>
          <cell r="AU195">
            <v>7</v>
          </cell>
        </row>
        <row r="196">
          <cell r="C196">
            <v>1.4789000000000001</v>
          </cell>
          <cell r="AT196">
            <v>1998</v>
          </cell>
          <cell r="AU196">
            <v>7</v>
          </cell>
        </row>
        <row r="197">
          <cell r="C197">
            <v>1.4847999999999999</v>
          </cell>
          <cell r="AT197">
            <v>1998</v>
          </cell>
          <cell r="AU197">
            <v>7</v>
          </cell>
        </row>
        <row r="198">
          <cell r="C198">
            <v>1.4887999999999999</v>
          </cell>
          <cell r="AT198">
            <v>1998</v>
          </cell>
          <cell r="AU198">
            <v>7</v>
          </cell>
        </row>
        <row r="199">
          <cell r="C199">
            <v>1.4883</v>
          </cell>
          <cell r="AT199">
            <v>1998</v>
          </cell>
          <cell r="AU199">
            <v>7</v>
          </cell>
        </row>
        <row r="200">
          <cell r="C200">
            <v>1.4883</v>
          </cell>
          <cell r="AT200">
            <v>1998</v>
          </cell>
          <cell r="AU200">
            <v>7</v>
          </cell>
        </row>
        <row r="201">
          <cell r="C201">
            <v>1.4883</v>
          </cell>
          <cell r="AT201">
            <v>1998</v>
          </cell>
          <cell r="AU201">
            <v>7</v>
          </cell>
        </row>
        <row r="202">
          <cell r="C202">
            <v>1.4878</v>
          </cell>
          <cell r="AT202">
            <v>1998</v>
          </cell>
          <cell r="AU202">
            <v>7</v>
          </cell>
        </row>
        <row r="203">
          <cell r="C203">
            <v>1.492</v>
          </cell>
          <cell r="AT203">
            <v>1998</v>
          </cell>
          <cell r="AU203">
            <v>7</v>
          </cell>
        </row>
        <row r="204">
          <cell r="C204">
            <v>1.4954000000000001</v>
          </cell>
          <cell r="AT204">
            <v>1998</v>
          </cell>
          <cell r="AU204">
            <v>7</v>
          </cell>
        </row>
        <row r="205">
          <cell r="C205">
            <v>1.4955000000000001</v>
          </cell>
          <cell r="AT205">
            <v>1998</v>
          </cell>
          <cell r="AU205">
            <v>7</v>
          </cell>
        </row>
        <row r="206">
          <cell r="C206">
            <v>1.498</v>
          </cell>
          <cell r="AT206">
            <v>1998</v>
          </cell>
          <cell r="AU206">
            <v>7</v>
          </cell>
        </row>
        <row r="207">
          <cell r="C207">
            <v>1.498</v>
          </cell>
          <cell r="AT207">
            <v>1998</v>
          </cell>
          <cell r="AU207">
            <v>7</v>
          </cell>
        </row>
        <row r="208">
          <cell r="C208">
            <v>1.498</v>
          </cell>
          <cell r="AT208">
            <v>1998</v>
          </cell>
          <cell r="AU208">
            <v>7</v>
          </cell>
        </row>
        <row r="209">
          <cell r="C209">
            <v>1.5035000000000001</v>
          </cell>
          <cell r="AT209">
            <v>1998</v>
          </cell>
          <cell r="AU209">
            <v>7</v>
          </cell>
        </row>
        <row r="210">
          <cell r="C210">
            <v>1.5024999999999999</v>
          </cell>
          <cell r="AT210">
            <v>1998</v>
          </cell>
          <cell r="AU210">
            <v>7</v>
          </cell>
        </row>
        <row r="211">
          <cell r="C211">
            <v>1.5034000000000001</v>
          </cell>
          <cell r="AT211">
            <v>1998</v>
          </cell>
          <cell r="AU211">
            <v>7</v>
          </cell>
        </row>
        <row r="212">
          <cell r="C212">
            <v>1.5083</v>
          </cell>
          <cell r="AT212">
            <v>1998</v>
          </cell>
          <cell r="AU212">
            <v>7</v>
          </cell>
        </row>
        <row r="213">
          <cell r="C213">
            <v>1.5111000000000001</v>
          </cell>
          <cell r="AT213">
            <v>1998</v>
          </cell>
          <cell r="AU213">
            <v>8</v>
          </cell>
        </row>
        <row r="214">
          <cell r="C214">
            <v>1.5111000000000001</v>
          </cell>
          <cell r="AT214">
            <v>1998</v>
          </cell>
          <cell r="AU214">
            <v>8</v>
          </cell>
        </row>
        <row r="215">
          <cell r="C215">
            <v>1.5111000000000001</v>
          </cell>
          <cell r="AT215">
            <v>1998</v>
          </cell>
          <cell r="AU215">
            <v>8</v>
          </cell>
        </row>
        <row r="216">
          <cell r="C216">
            <v>1.5111000000000001</v>
          </cell>
          <cell r="AT216">
            <v>1998</v>
          </cell>
          <cell r="AU216">
            <v>8</v>
          </cell>
        </row>
        <row r="217">
          <cell r="C217">
            <v>1.5138</v>
          </cell>
          <cell r="AT217">
            <v>1998</v>
          </cell>
          <cell r="AU217">
            <v>8</v>
          </cell>
        </row>
        <row r="218">
          <cell r="C218">
            <v>1.516</v>
          </cell>
          <cell r="AT218">
            <v>1998</v>
          </cell>
          <cell r="AU218">
            <v>8</v>
          </cell>
        </row>
        <row r="219">
          <cell r="C219">
            <v>1.5286999999999999</v>
          </cell>
          <cell r="AT219">
            <v>1998</v>
          </cell>
          <cell r="AU219">
            <v>8</v>
          </cell>
        </row>
        <row r="220">
          <cell r="C220">
            <v>1.522</v>
          </cell>
          <cell r="AT220">
            <v>1998</v>
          </cell>
          <cell r="AU220">
            <v>8</v>
          </cell>
        </row>
        <row r="221">
          <cell r="C221">
            <v>1.522</v>
          </cell>
          <cell r="AT221">
            <v>1998</v>
          </cell>
          <cell r="AU221">
            <v>8</v>
          </cell>
        </row>
        <row r="222">
          <cell r="C222">
            <v>1.522</v>
          </cell>
          <cell r="AT222">
            <v>1998</v>
          </cell>
          <cell r="AU222">
            <v>8</v>
          </cell>
        </row>
        <row r="223">
          <cell r="C223">
            <v>1.5176000000000001</v>
          </cell>
          <cell r="AT223">
            <v>1998</v>
          </cell>
          <cell r="AU223">
            <v>8</v>
          </cell>
        </row>
        <row r="224">
          <cell r="C224">
            <v>1.5210999999999999</v>
          </cell>
          <cell r="AT224">
            <v>1998</v>
          </cell>
          <cell r="AU224">
            <v>8</v>
          </cell>
        </row>
        <row r="225">
          <cell r="C225">
            <v>1.5149999999999999</v>
          </cell>
          <cell r="AT225">
            <v>1998</v>
          </cell>
          <cell r="AU225">
            <v>8</v>
          </cell>
        </row>
        <row r="226">
          <cell r="C226">
            <v>1.5172000000000001</v>
          </cell>
          <cell r="AT226">
            <v>1998</v>
          </cell>
          <cell r="AU226">
            <v>8</v>
          </cell>
        </row>
        <row r="227">
          <cell r="C227">
            <v>1.5186999999999999</v>
          </cell>
          <cell r="AT227">
            <v>1998</v>
          </cell>
          <cell r="AU227">
            <v>8</v>
          </cell>
        </row>
        <row r="228">
          <cell r="C228">
            <v>1.5186999999999999</v>
          </cell>
          <cell r="AT228">
            <v>1998</v>
          </cell>
          <cell r="AU228">
            <v>8</v>
          </cell>
        </row>
        <row r="229">
          <cell r="C229">
            <v>1.5186999999999999</v>
          </cell>
          <cell r="AT229">
            <v>1998</v>
          </cell>
          <cell r="AU229">
            <v>8</v>
          </cell>
        </row>
        <row r="230">
          <cell r="C230">
            <v>1.524</v>
          </cell>
          <cell r="AT230">
            <v>1998</v>
          </cell>
          <cell r="AU230">
            <v>8</v>
          </cell>
        </row>
        <row r="231">
          <cell r="C231">
            <v>1.5285</v>
          </cell>
          <cell r="AT231">
            <v>1998</v>
          </cell>
          <cell r="AU231">
            <v>8</v>
          </cell>
        </row>
        <row r="232">
          <cell r="C232">
            <v>1.5331999999999999</v>
          </cell>
          <cell r="AT232">
            <v>1998</v>
          </cell>
          <cell r="AU232">
            <v>8</v>
          </cell>
        </row>
        <row r="233">
          <cell r="C233">
            <v>1.5297000000000001</v>
          </cell>
          <cell r="AT233">
            <v>1998</v>
          </cell>
          <cell r="AU233">
            <v>8</v>
          </cell>
        </row>
        <row r="234">
          <cell r="C234">
            <v>1.5418000000000001</v>
          </cell>
          <cell r="AT234">
            <v>1998</v>
          </cell>
          <cell r="AU234">
            <v>8</v>
          </cell>
        </row>
        <row r="235">
          <cell r="C235">
            <v>1.5418000000000001</v>
          </cell>
          <cell r="AT235">
            <v>1998</v>
          </cell>
          <cell r="AU235">
            <v>8</v>
          </cell>
        </row>
        <row r="236">
          <cell r="C236">
            <v>1.5418000000000001</v>
          </cell>
          <cell r="AT236">
            <v>1998</v>
          </cell>
          <cell r="AU236">
            <v>8</v>
          </cell>
        </row>
        <row r="237">
          <cell r="C237">
            <v>1.5489999999999999</v>
          </cell>
          <cell r="AT237">
            <v>1998</v>
          </cell>
          <cell r="AU237">
            <v>8</v>
          </cell>
        </row>
        <row r="238">
          <cell r="C238">
            <v>1.5506</v>
          </cell>
          <cell r="AT238">
            <v>1998</v>
          </cell>
          <cell r="AU238">
            <v>8</v>
          </cell>
        </row>
        <row r="239">
          <cell r="C239">
            <v>1.5622</v>
          </cell>
          <cell r="AT239">
            <v>1998</v>
          </cell>
          <cell r="AU239">
            <v>8</v>
          </cell>
        </row>
        <row r="240">
          <cell r="C240">
            <v>1.5765</v>
          </cell>
          <cell r="AT240">
            <v>1998</v>
          </cell>
          <cell r="AU240">
            <v>8</v>
          </cell>
        </row>
        <row r="241">
          <cell r="C241">
            <v>1.5680000000000001</v>
          </cell>
          <cell r="AT241">
            <v>1998</v>
          </cell>
          <cell r="AU241">
            <v>8</v>
          </cell>
        </row>
        <row r="242">
          <cell r="C242">
            <v>1.5680000000000001</v>
          </cell>
          <cell r="AT242">
            <v>1998</v>
          </cell>
          <cell r="AU242">
            <v>8</v>
          </cell>
        </row>
        <row r="243">
          <cell r="C243">
            <v>1.5680000000000001</v>
          </cell>
          <cell r="AT243">
            <v>1998</v>
          </cell>
          <cell r="AU243">
            <v>8</v>
          </cell>
        </row>
        <row r="244">
          <cell r="C244">
            <v>1.5722</v>
          </cell>
          <cell r="AT244">
            <v>1998</v>
          </cell>
          <cell r="AU244">
            <v>9</v>
          </cell>
        </row>
        <row r="245">
          <cell r="C245">
            <v>1.5532999999999999</v>
          </cell>
          <cell r="AT245">
            <v>1998</v>
          </cell>
          <cell r="AU245">
            <v>9</v>
          </cell>
        </row>
        <row r="246">
          <cell r="C246">
            <v>1.5369999999999999</v>
          </cell>
          <cell r="AT246">
            <v>1998</v>
          </cell>
          <cell r="AU246">
            <v>9</v>
          </cell>
        </row>
        <row r="247">
          <cell r="C247">
            <v>1.5391999999999999</v>
          </cell>
          <cell r="AT247">
            <v>1998</v>
          </cell>
          <cell r="AU247">
            <v>9</v>
          </cell>
        </row>
        <row r="248">
          <cell r="C248">
            <v>1.5257000000000001</v>
          </cell>
          <cell r="AT248">
            <v>1998</v>
          </cell>
          <cell r="AU248">
            <v>9</v>
          </cell>
        </row>
        <row r="249">
          <cell r="C249">
            <v>1.5257000000000001</v>
          </cell>
          <cell r="AT249">
            <v>1998</v>
          </cell>
          <cell r="AU249">
            <v>9</v>
          </cell>
        </row>
        <row r="250">
          <cell r="C250">
            <v>1.5257000000000001</v>
          </cell>
          <cell r="AT250">
            <v>1998</v>
          </cell>
          <cell r="AU250">
            <v>9</v>
          </cell>
        </row>
        <row r="251">
          <cell r="C251">
            <v>1.5257000000000001</v>
          </cell>
          <cell r="AT251">
            <v>1998</v>
          </cell>
          <cell r="AU251">
            <v>9</v>
          </cell>
        </row>
        <row r="252">
          <cell r="C252">
            <v>1.5259</v>
          </cell>
          <cell r="AT252">
            <v>1998</v>
          </cell>
          <cell r="AU252">
            <v>9</v>
          </cell>
        </row>
        <row r="253">
          <cell r="C253">
            <v>1.5204</v>
          </cell>
          <cell r="AT253">
            <v>1998</v>
          </cell>
          <cell r="AU253">
            <v>9</v>
          </cell>
        </row>
        <row r="254">
          <cell r="C254">
            <v>1.514</v>
          </cell>
          <cell r="AT254">
            <v>1998</v>
          </cell>
          <cell r="AU254">
            <v>9</v>
          </cell>
        </row>
        <row r="255">
          <cell r="C255">
            <v>1.5127999999999999</v>
          </cell>
          <cell r="AT255">
            <v>1998</v>
          </cell>
          <cell r="AU255">
            <v>9</v>
          </cell>
        </row>
        <row r="256">
          <cell r="C256">
            <v>1.5127999999999999</v>
          </cell>
          <cell r="AT256">
            <v>1998</v>
          </cell>
          <cell r="AU256">
            <v>9</v>
          </cell>
        </row>
        <row r="257">
          <cell r="C257">
            <v>1.5127999999999999</v>
          </cell>
          <cell r="AT257">
            <v>1998</v>
          </cell>
          <cell r="AU257">
            <v>9</v>
          </cell>
        </row>
        <row r="258">
          <cell r="C258">
            <v>1.5161</v>
          </cell>
          <cell r="AT258">
            <v>1998</v>
          </cell>
          <cell r="AU258">
            <v>9</v>
          </cell>
        </row>
        <row r="259">
          <cell r="C259">
            <v>1.4997</v>
          </cell>
          <cell r="AT259">
            <v>1998</v>
          </cell>
          <cell r="AU259">
            <v>9</v>
          </cell>
        </row>
        <row r="260">
          <cell r="C260">
            <v>1.5034000000000001</v>
          </cell>
          <cell r="AT260">
            <v>1998</v>
          </cell>
          <cell r="AU260">
            <v>9</v>
          </cell>
        </row>
        <row r="261">
          <cell r="C261">
            <v>1.5259</v>
          </cell>
          <cell r="AT261">
            <v>1998</v>
          </cell>
          <cell r="AU261">
            <v>9</v>
          </cell>
        </row>
        <row r="262">
          <cell r="C262">
            <v>1.5293000000000001</v>
          </cell>
          <cell r="AT262">
            <v>1998</v>
          </cell>
          <cell r="AU262">
            <v>9</v>
          </cell>
        </row>
        <row r="263">
          <cell r="C263">
            <v>1.5293000000000001</v>
          </cell>
          <cell r="AT263">
            <v>1998</v>
          </cell>
          <cell r="AU263">
            <v>9</v>
          </cell>
        </row>
        <row r="264">
          <cell r="C264">
            <v>1.5293000000000001</v>
          </cell>
          <cell r="AT264">
            <v>1998</v>
          </cell>
          <cell r="AU264">
            <v>9</v>
          </cell>
        </row>
        <row r="265">
          <cell r="C265">
            <v>1.5273000000000001</v>
          </cell>
          <cell r="AT265">
            <v>1998</v>
          </cell>
          <cell r="AU265">
            <v>9</v>
          </cell>
        </row>
        <row r="266">
          <cell r="C266">
            <v>1.5294000000000001</v>
          </cell>
          <cell r="AT266">
            <v>1998</v>
          </cell>
          <cell r="AU266">
            <v>9</v>
          </cell>
        </row>
        <row r="267">
          <cell r="C267">
            <v>1.5267999999999999</v>
          </cell>
          <cell r="AT267">
            <v>1998</v>
          </cell>
          <cell r="AU267">
            <v>9</v>
          </cell>
        </row>
        <row r="268">
          <cell r="C268">
            <v>1.5118</v>
          </cell>
          <cell r="AT268">
            <v>1998</v>
          </cell>
          <cell r="AU268">
            <v>9</v>
          </cell>
        </row>
        <row r="269">
          <cell r="C269">
            <v>1.5125</v>
          </cell>
          <cell r="AT269">
            <v>1998</v>
          </cell>
          <cell r="AU269">
            <v>9</v>
          </cell>
        </row>
        <row r="270">
          <cell r="C270">
            <v>1.5125</v>
          </cell>
          <cell r="AT270">
            <v>1998</v>
          </cell>
          <cell r="AU270">
            <v>9</v>
          </cell>
        </row>
        <row r="271">
          <cell r="C271">
            <v>1.5125</v>
          </cell>
          <cell r="AT271">
            <v>1998</v>
          </cell>
          <cell r="AU271">
            <v>9</v>
          </cell>
        </row>
        <row r="272">
          <cell r="C272">
            <v>1.5109999999999999</v>
          </cell>
          <cell r="AT272">
            <v>1998</v>
          </cell>
          <cell r="AU272">
            <v>9</v>
          </cell>
        </row>
        <row r="273">
          <cell r="C273">
            <v>1.5008999999999999</v>
          </cell>
          <cell r="AT273">
            <v>1998</v>
          </cell>
          <cell r="AU273">
            <v>9</v>
          </cell>
        </row>
        <row r="274">
          <cell r="C274">
            <v>1.5259</v>
          </cell>
          <cell r="AT274">
            <v>1998</v>
          </cell>
          <cell r="AU274">
            <v>10</v>
          </cell>
        </row>
        <row r="275">
          <cell r="C275">
            <v>1.536</v>
          </cell>
          <cell r="AT275">
            <v>1998</v>
          </cell>
          <cell r="AU275">
            <v>10</v>
          </cell>
        </row>
        <row r="276">
          <cell r="C276">
            <v>1.5508</v>
          </cell>
          <cell r="AT276">
            <v>1998</v>
          </cell>
          <cell r="AU276">
            <v>10</v>
          </cell>
        </row>
        <row r="277">
          <cell r="C277">
            <v>1.5508</v>
          </cell>
          <cell r="AT277">
            <v>1998</v>
          </cell>
          <cell r="AU277">
            <v>10</v>
          </cell>
        </row>
        <row r="278">
          <cell r="C278">
            <v>1.5508</v>
          </cell>
          <cell r="AT278">
            <v>1998</v>
          </cell>
          <cell r="AU278">
            <v>10</v>
          </cell>
        </row>
        <row r="279">
          <cell r="C279">
            <v>1.5578000000000001</v>
          </cell>
          <cell r="AT279">
            <v>1998</v>
          </cell>
          <cell r="AU279">
            <v>10</v>
          </cell>
        </row>
        <row r="280">
          <cell r="C280">
            <v>1.5517000000000001</v>
          </cell>
          <cell r="AT280">
            <v>1998</v>
          </cell>
          <cell r="AU280">
            <v>10</v>
          </cell>
        </row>
        <row r="281">
          <cell r="C281">
            <v>1.5287999999999999</v>
          </cell>
          <cell r="AT281">
            <v>1998</v>
          </cell>
          <cell r="AU281">
            <v>10</v>
          </cell>
        </row>
        <row r="282">
          <cell r="C282">
            <v>1.5427999999999999</v>
          </cell>
          <cell r="AT282">
            <v>1998</v>
          </cell>
          <cell r="AU282">
            <v>10</v>
          </cell>
        </row>
        <row r="283">
          <cell r="C283">
            <v>1.5465</v>
          </cell>
          <cell r="AT283">
            <v>1998</v>
          </cell>
          <cell r="AU283">
            <v>10</v>
          </cell>
        </row>
        <row r="284">
          <cell r="C284">
            <v>1.5465</v>
          </cell>
          <cell r="AT284">
            <v>1998</v>
          </cell>
          <cell r="AU284">
            <v>10</v>
          </cell>
        </row>
        <row r="285">
          <cell r="C285">
            <v>1.5465</v>
          </cell>
          <cell r="AT285">
            <v>1998</v>
          </cell>
          <cell r="AU285">
            <v>10</v>
          </cell>
        </row>
        <row r="286">
          <cell r="C286">
            <v>1.5465</v>
          </cell>
          <cell r="AT286">
            <v>1998</v>
          </cell>
          <cell r="AU286">
            <v>10</v>
          </cell>
        </row>
        <row r="287">
          <cell r="C287">
            <v>1.548</v>
          </cell>
          <cell r="AT287">
            <v>1998</v>
          </cell>
          <cell r="AU287">
            <v>10</v>
          </cell>
        </row>
        <row r="288">
          <cell r="C288">
            <v>1.5455000000000001</v>
          </cell>
          <cell r="AT288">
            <v>1998</v>
          </cell>
          <cell r="AU288">
            <v>10</v>
          </cell>
        </row>
        <row r="289">
          <cell r="C289">
            <v>1.546</v>
          </cell>
          <cell r="AT289">
            <v>1998</v>
          </cell>
          <cell r="AU289">
            <v>10</v>
          </cell>
        </row>
        <row r="290">
          <cell r="C290">
            <v>1.5429999999999999</v>
          </cell>
          <cell r="AT290">
            <v>1998</v>
          </cell>
          <cell r="AU290">
            <v>10</v>
          </cell>
        </row>
        <row r="291">
          <cell r="C291">
            <v>1.5429999999999999</v>
          </cell>
          <cell r="AT291">
            <v>1998</v>
          </cell>
          <cell r="AU291">
            <v>10</v>
          </cell>
        </row>
        <row r="292">
          <cell r="C292">
            <v>1.5429999999999999</v>
          </cell>
          <cell r="AT292">
            <v>1998</v>
          </cell>
          <cell r="AU292">
            <v>10</v>
          </cell>
        </row>
        <row r="293">
          <cell r="C293">
            <v>1.5489999999999999</v>
          </cell>
          <cell r="AT293">
            <v>1998</v>
          </cell>
          <cell r="AU293">
            <v>10</v>
          </cell>
        </row>
        <row r="294">
          <cell r="C294">
            <v>1.5385</v>
          </cell>
          <cell r="AT294">
            <v>1998</v>
          </cell>
          <cell r="AU294">
            <v>10</v>
          </cell>
        </row>
        <row r="295">
          <cell r="C295">
            <v>1.554</v>
          </cell>
          <cell r="AT295">
            <v>1998</v>
          </cell>
          <cell r="AU295">
            <v>10</v>
          </cell>
        </row>
        <row r="296">
          <cell r="C296">
            <v>1.5432999999999999</v>
          </cell>
          <cell r="AT296">
            <v>1998</v>
          </cell>
          <cell r="AU296">
            <v>10</v>
          </cell>
        </row>
        <row r="297">
          <cell r="C297">
            <v>1.5446</v>
          </cell>
          <cell r="AT297">
            <v>1998</v>
          </cell>
          <cell r="AU297">
            <v>10</v>
          </cell>
        </row>
        <row r="298">
          <cell r="C298">
            <v>1.5446</v>
          </cell>
          <cell r="AT298">
            <v>1998</v>
          </cell>
          <cell r="AU298">
            <v>10</v>
          </cell>
        </row>
        <row r="299">
          <cell r="C299">
            <v>1.5446</v>
          </cell>
          <cell r="AT299">
            <v>1998</v>
          </cell>
          <cell r="AU299">
            <v>10</v>
          </cell>
        </row>
        <row r="300">
          <cell r="C300">
            <v>1.5449999999999999</v>
          </cell>
          <cell r="AT300">
            <v>1998</v>
          </cell>
          <cell r="AU300">
            <v>10</v>
          </cell>
        </row>
        <row r="301">
          <cell r="C301">
            <v>1.5405</v>
          </cell>
          <cell r="AT301">
            <v>1998</v>
          </cell>
          <cell r="AU301">
            <v>10</v>
          </cell>
        </row>
        <row r="302">
          <cell r="C302">
            <v>1.5421</v>
          </cell>
          <cell r="AT302">
            <v>1998</v>
          </cell>
          <cell r="AU302">
            <v>10</v>
          </cell>
        </row>
        <row r="303">
          <cell r="C303">
            <v>1.5495000000000001</v>
          </cell>
          <cell r="AT303">
            <v>1998</v>
          </cell>
          <cell r="AU303">
            <v>10</v>
          </cell>
        </row>
        <row r="304">
          <cell r="C304">
            <v>1.5425</v>
          </cell>
          <cell r="AT304">
            <v>1998</v>
          </cell>
          <cell r="AU304">
            <v>10</v>
          </cell>
        </row>
        <row r="305">
          <cell r="C305">
            <v>1.5425</v>
          </cell>
          <cell r="AT305">
            <v>1998</v>
          </cell>
          <cell r="AU305">
            <v>11</v>
          </cell>
        </row>
        <row r="306">
          <cell r="C306">
            <v>1.5425</v>
          </cell>
          <cell r="AT306">
            <v>1998</v>
          </cell>
          <cell r="AU306">
            <v>11</v>
          </cell>
        </row>
        <row r="307">
          <cell r="C307">
            <v>1.5318000000000001</v>
          </cell>
          <cell r="AT307">
            <v>1998</v>
          </cell>
          <cell r="AU307">
            <v>11</v>
          </cell>
        </row>
        <row r="308">
          <cell r="C308">
            <v>1.5238</v>
          </cell>
          <cell r="AT308">
            <v>1998</v>
          </cell>
          <cell r="AU308">
            <v>11</v>
          </cell>
        </row>
        <row r="309">
          <cell r="C309">
            <v>1.5238</v>
          </cell>
          <cell r="AT309">
            <v>1998</v>
          </cell>
          <cell r="AU309">
            <v>11</v>
          </cell>
        </row>
        <row r="310">
          <cell r="C310">
            <v>1.5176000000000001</v>
          </cell>
          <cell r="AT310">
            <v>1998</v>
          </cell>
          <cell r="AU310">
            <v>11</v>
          </cell>
        </row>
        <row r="311">
          <cell r="C311">
            <v>1.5315000000000001</v>
          </cell>
          <cell r="AT311">
            <v>1998</v>
          </cell>
          <cell r="AU311">
            <v>11</v>
          </cell>
        </row>
        <row r="312">
          <cell r="C312">
            <v>1.5315000000000001</v>
          </cell>
          <cell r="AT312">
            <v>1998</v>
          </cell>
          <cell r="AU312">
            <v>11</v>
          </cell>
        </row>
        <row r="313">
          <cell r="C313">
            <v>1.5315000000000001</v>
          </cell>
          <cell r="AT313">
            <v>1998</v>
          </cell>
          <cell r="AU313">
            <v>11</v>
          </cell>
        </row>
        <row r="314">
          <cell r="C314">
            <v>1.5347</v>
          </cell>
          <cell r="AT314">
            <v>1998</v>
          </cell>
          <cell r="AU314">
            <v>11</v>
          </cell>
        </row>
        <row r="315">
          <cell r="C315">
            <v>1.5457000000000001</v>
          </cell>
          <cell r="AT315">
            <v>1998</v>
          </cell>
          <cell r="AU315">
            <v>11</v>
          </cell>
        </row>
        <row r="316">
          <cell r="C316">
            <v>1.5457000000000001</v>
          </cell>
          <cell r="AT316">
            <v>1998</v>
          </cell>
          <cell r="AU316">
            <v>11</v>
          </cell>
        </row>
        <row r="317">
          <cell r="C317">
            <v>1.5482</v>
          </cell>
          <cell r="AT317">
            <v>1998</v>
          </cell>
          <cell r="AU317">
            <v>11</v>
          </cell>
        </row>
        <row r="318">
          <cell r="C318">
            <v>1.5522</v>
          </cell>
          <cell r="AT318">
            <v>1998</v>
          </cell>
          <cell r="AU318">
            <v>11</v>
          </cell>
        </row>
        <row r="319">
          <cell r="C319">
            <v>1.5522</v>
          </cell>
          <cell r="AT319">
            <v>1998</v>
          </cell>
          <cell r="AU319">
            <v>11</v>
          </cell>
        </row>
        <row r="320">
          <cell r="C320">
            <v>1.5522</v>
          </cell>
          <cell r="AT320">
            <v>1998</v>
          </cell>
          <cell r="AU320">
            <v>11</v>
          </cell>
        </row>
        <row r="321">
          <cell r="C321">
            <v>1.5532999999999999</v>
          </cell>
          <cell r="AT321">
            <v>1998</v>
          </cell>
          <cell r="AU321">
            <v>11</v>
          </cell>
        </row>
        <row r="322">
          <cell r="C322">
            <v>1.5491999999999999</v>
          </cell>
          <cell r="AT322">
            <v>1998</v>
          </cell>
          <cell r="AU322">
            <v>11</v>
          </cell>
        </row>
        <row r="323">
          <cell r="C323">
            <v>1.5555000000000001</v>
          </cell>
          <cell r="AT323">
            <v>1998</v>
          </cell>
          <cell r="AU323">
            <v>11</v>
          </cell>
        </row>
        <row r="324">
          <cell r="C324">
            <v>1.5494000000000001</v>
          </cell>
          <cell r="AT324">
            <v>1998</v>
          </cell>
          <cell r="AU324">
            <v>11</v>
          </cell>
        </row>
        <row r="325">
          <cell r="C325">
            <v>1.5448</v>
          </cell>
          <cell r="AT325">
            <v>1998</v>
          </cell>
          <cell r="AU325">
            <v>11</v>
          </cell>
        </row>
        <row r="326">
          <cell r="C326">
            <v>1.5448</v>
          </cell>
          <cell r="AT326">
            <v>1998</v>
          </cell>
          <cell r="AU326">
            <v>11</v>
          </cell>
        </row>
        <row r="327">
          <cell r="C327">
            <v>1.5448</v>
          </cell>
          <cell r="AT327">
            <v>1998</v>
          </cell>
          <cell r="AU327">
            <v>11</v>
          </cell>
        </row>
        <row r="328">
          <cell r="C328">
            <v>1.5468</v>
          </cell>
          <cell r="AT328">
            <v>1998</v>
          </cell>
          <cell r="AU328">
            <v>11</v>
          </cell>
        </row>
        <row r="329">
          <cell r="C329">
            <v>1.5479000000000001</v>
          </cell>
          <cell r="AT329">
            <v>1998</v>
          </cell>
          <cell r="AU329">
            <v>11</v>
          </cell>
        </row>
        <row r="330">
          <cell r="C330">
            <v>1.5445</v>
          </cell>
          <cell r="AT330">
            <v>1998</v>
          </cell>
          <cell r="AU330">
            <v>11</v>
          </cell>
        </row>
        <row r="331">
          <cell r="C331">
            <v>1.5269999999999999</v>
          </cell>
          <cell r="AT331">
            <v>1998</v>
          </cell>
          <cell r="AU331">
            <v>11</v>
          </cell>
        </row>
        <row r="332">
          <cell r="C332">
            <v>1.536</v>
          </cell>
          <cell r="AT332">
            <v>1998</v>
          </cell>
          <cell r="AU332">
            <v>11</v>
          </cell>
        </row>
        <row r="333">
          <cell r="C333">
            <v>1.536</v>
          </cell>
          <cell r="AT333">
            <v>1998</v>
          </cell>
          <cell r="AU333">
            <v>11</v>
          </cell>
        </row>
        <row r="334">
          <cell r="C334">
            <v>1.536</v>
          </cell>
          <cell r="AT334">
            <v>1998</v>
          </cell>
          <cell r="AU334">
            <v>11</v>
          </cell>
        </row>
        <row r="335">
          <cell r="C335">
            <v>1.5237000000000001</v>
          </cell>
          <cell r="AT335">
            <v>1998</v>
          </cell>
          <cell r="AU335">
            <v>12</v>
          </cell>
        </row>
        <row r="336">
          <cell r="C336">
            <v>1.5329999999999999</v>
          </cell>
          <cell r="AT336">
            <v>1998</v>
          </cell>
          <cell r="AU336">
            <v>12</v>
          </cell>
        </row>
        <row r="337">
          <cell r="C337">
            <v>1.5367</v>
          </cell>
          <cell r="AT337">
            <v>1998</v>
          </cell>
          <cell r="AU337">
            <v>12</v>
          </cell>
        </row>
        <row r="338">
          <cell r="C338">
            <v>1.5335000000000001</v>
          </cell>
          <cell r="AT338">
            <v>1998</v>
          </cell>
          <cell r="AU338">
            <v>12</v>
          </cell>
        </row>
        <row r="339">
          <cell r="C339">
            <v>1.534</v>
          </cell>
          <cell r="AT339">
            <v>1998</v>
          </cell>
          <cell r="AU339">
            <v>12</v>
          </cell>
        </row>
        <row r="340">
          <cell r="C340">
            <v>1.534</v>
          </cell>
          <cell r="AT340">
            <v>1998</v>
          </cell>
          <cell r="AU340">
            <v>12</v>
          </cell>
        </row>
        <row r="341">
          <cell r="C341">
            <v>1.534</v>
          </cell>
          <cell r="AT341">
            <v>1998</v>
          </cell>
          <cell r="AU341">
            <v>12</v>
          </cell>
        </row>
        <row r="342">
          <cell r="C342">
            <v>1.5373000000000001</v>
          </cell>
          <cell r="AT342">
            <v>1998</v>
          </cell>
          <cell r="AU342">
            <v>12</v>
          </cell>
        </row>
        <row r="343">
          <cell r="C343">
            <v>1.5446</v>
          </cell>
          <cell r="AT343">
            <v>1998</v>
          </cell>
          <cell r="AU343">
            <v>12</v>
          </cell>
        </row>
        <row r="344">
          <cell r="C344">
            <v>1.5429999999999999</v>
          </cell>
          <cell r="AT344">
            <v>1998</v>
          </cell>
          <cell r="AU344">
            <v>12</v>
          </cell>
        </row>
        <row r="345">
          <cell r="C345">
            <v>1.5408999999999999</v>
          </cell>
          <cell r="AT345">
            <v>1998</v>
          </cell>
          <cell r="AU345">
            <v>12</v>
          </cell>
        </row>
        <row r="346">
          <cell r="C346">
            <v>1.5414000000000001</v>
          </cell>
          <cell r="AT346">
            <v>1998</v>
          </cell>
          <cell r="AU346">
            <v>12</v>
          </cell>
        </row>
        <row r="347">
          <cell r="C347">
            <v>1.5414000000000001</v>
          </cell>
          <cell r="AT347">
            <v>1998</v>
          </cell>
          <cell r="AU347">
            <v>12</v>
          </cell>
        </row>
        <row r="348">
          <cell r="C348">
            <v>1.5414000000000001</v>
          </cell>
          <cell r="AT348">
            <v>1998</v>
          </cell>
          <cell r="AU348">
            <v>12</v>
          </cell>
        </row>
        <row r="349">
          <cell r="C349">
            <v>1.54</v>
          </cell>
          <cell r="AT349">
            <v>1998</v>
          </cell>
          <cell r="AU349">
            <v>12</v>
          </cell>
        </row>
        <row r="350">
          <cell r="C350">
            <v>1.5418000000000001</v>
          </cell>
          <cell r="AT350">
            <v>1998</v>
          </cell>
          <cell r="AU350">
            <v>12</v>
          </cell>
        </row>
        <row r="351">
          <cell r="C351">
            <v>1.5387</v>
          </cell>
          <cell r="AT351">
            <v>1998</v>
          </cell>
          <cell r="AU351">
            <v>12</v>
          </cell>
        </row>
        <row r="352">
          <cell r="C352">
            <v>1.5423</v>
          </cell>
          <cell r="AT352">
            <v>1998</v>
          </cell>
          <cell r="AU352">
            <v>12</v>
          </cell>
        </row>
        <row r="353">
          <cell r="C353">
            <v>1.5445</v>
          </cell>
          <cell r="AT353">
            <v>1998</v>
          </cell>
          <cell r="AU353">
            <v>12</v>
          </cell>
        </row>
        <row r="354">
          <cell r="C354">
            <v>1.5445</v>
          </cell>
          <cell r="AT354">
            <v>1998</v>
          </cell>
          <cell r="AU354">
            <v>12</v>
          </cell>
        </row>
        <row r="355">
          <cell r="C355">
            <v>1.5445</v>
          </cell>
          <cell r="AT355">
            <v>1998</v>
          </cell>
          <cell r="AU355">
            <v>12</v>
          </cell>
        </row>
        <row r="356">
          <cell r="C356">
            <v>1.5488</v>
          </cell>
          <cell r="AT356">
            <v>1998</v>
          </cell>
          <cell r="AU356">
            <v>12</v>
          </cell>
        </row>
        <row r="357">
          <cell r="C357">
            <v>1.5527</v>
          </cell>
          <cell r="AT357">
            <v>1998</v>
          </cell>
          <cell r="AU357">
            <v>12</v>
          </cell>
        </row>
        <row r="358">
          <cell r="C358">
            <v>1.5515000000000001</v>
          </cell>
          <cell r="AT358">
            <v>1998</v>
          </cell>
          <cell r="AU358">
            <v>12</v>
          </cell>
        </row>
        <row r="359">
          <cell r="C359">
            <v>1.5511999999999999</v>
          </cell>
          <cell r="AT359">
            <v>1998</v>
          </cell>
          <cell r="AU359">
            <v>12</v>
          </cell>
        </row>
        <row r="360">
          <cell r="C360">
            <v>1.5511999999999999</v>
          </cell>
          <cell r="AT360">
            <v>1998</v>
          </cell>
          <cell r="AU360">
            <v>12</v>
          </cell>
        </row>
        <row r="361">
          <cell r="C361">
            <v>1.5511999999999999</v>
          </cell>
          <cell r="AT361">
            <v>1998</v>
          </cell>
          <cell r="AU361">
            <v>12</v>
          </cell>
        </row>
        <row r="362">
          <cell r="C362">
            <v>1.5511999999999999</v>
          </cell>
          <cell r="AT362">
            <v>1998</v>
          </cell>
          <cell r="AU362">
            <v>12</v>
          </cell>
        </row>
        <row r="363">
          <cell r="C363">
            <v>1.5511999999999999</v>
          </cell>
          <cell r="AT363">
            <v>1998</v>
          </cell>
          <cell r="AU363">
            <v>12</v>
          </cell>
        </row>
        <row r="364">
          <cell r="C364">
            <v>1.5513999999999999</v>
          </cell>
          <cell r="AT364">
            <v>1998</v>
          </cell>
          <cell r="AU364">
            <v>12</v>
          </cell>
        </row>
        <row r="365">
          <cell r="C365">
            <v>1.5488</v>
          </cell>
          <cell r="AT365">
            <v>1998</v>
          </cell>
          <cell r="AU365">
            <v>12</v>
          </cell>
        </row>
        <row r="366">
          <cell r="C366">
            <v>1.5305</v>
          </cell>
          <cell r="AT366">
            <v>1999</v>
          </cell>
          <cell r="AU366">
            <v>1</v>
          </cell>
        </row>
        <row r="367">
          <cell r="C367">
            <v>1.5305</v>
          </cell>
          <cell r="AT367">
            <v>1999</v>
          </cell>
          <cell r="AU367">
            <v>1</v>
          </cell>
        </row>
        <row r="368">
          <cell r="C368">
            <v>1.5305</v>
          </cell>
          <cell r="AT368">
            <v>1999</v>
          </cell>
          <cell r="AU368">
            <v>1</v>
          </cell>
        </row>
        <row r="369">
          <cell r="C369">
            <v>1.5305</v>
          </cell>
          <cell r="AT369">
            <v>1999</v>
          </cell>
          <cell r="AU369">
            <v>1</v>
          </cell>
        </row>
        <row r="370">
          <cell r="C370">
            <v>1.5263</v>
          </cell>
          <cell r="AT370">
            <v>1999</v>
          </cell>
          <cell r="AU370">
            <v>1</v>
          </cell>
        </row>
        <row r="371">
          <cell r="C371">
            <v>1.5199</v>
          </cell>
          <cell r="AT371">
            <v>1999</v>
          </cell>
          <cell r="AU371">
            <v>1</v>
          </cell>
        </row>
        <row r="372">
          <cell r="C372">
            <v>1.5103</v>
          </cell>
          <cell r="AT372">
            <v>1999</v>
          </cell>
          <cell r="AU372">
            <v>1</v>
          </cell>
        </row>
        <row r="373">
          <cell r="C373">
            <v>1.5118</v>
          </cell>
          <cell r="AT373">
            <v>1999</v>
          </cell>
          <cell r="AU373">
            <v>1</v>
          </cell>
        </row>
        <row r="374">
          <cell r="C374">
            <v>1.5135000000000001</v>
          </cell>
          <cell r="AT374">
            <v>1999</v>
          </cell>
          <cell r="AU374">
            <v>1</v>
          </cell>
        </row>
        <row r="375">
          <cell r="C375">
            <v>1.5135000000000001</v>
          </cell>
          <cell r="AT375">
            <v>1999</v>
          </cell>
          <cell r="AU375">
            <v>1</v>
          </cell>
        </row>
        <row r="376">
          <cell r="C376">
            <v>1.5135000000000001</v>
          </cell>
          <cell r="AT376">
            <v>1999</v>
          </cell>
          <cell r="AU376">
            <v>1</v>
          </cell>
        </row>
        <row r="377">
          <cell r="C377">
            <v>1.5058</v>
          </cell>
          <cell r="AT377">
            <v>1999</v>
          </cell>
          <cell r="AU377">
            <v>1</v>
          </cell>
        </row>
        <row r="378">
          <cell r="C378">
            <v>1.5088999999999999</v>
          </cell>
          <cell r="AT378">
            <v>1999</v>
          </cell>
          <cell r="AU378">
            <v>1</v>
          </cell>
        </row>
        <row r="379">
          <cell r="C379">
            <v>1.5287999999999999</v>
          </cell>
          <cell r="AT379">
            <v>1999</v>
          </cell>
          <cell r="AU379">
            <v>1</v>
          </cell>
        </row>
        <row r="380">
          <cell r="C380">
            <v>1.5289999999999999</v>
          </cell>
          <cell r="AT380">
            <v>1999</v>
          </cell>
          <cell r="AU380">
            <v>1</v>
          </cell>
        </row>
        <row r="381">
          <cell r="C381">
            <v>1.5284</v>
          </cell>
          <cell r="AT381">
            <v>1999</v>
          </cell>
          <cell r="AU381">
            <v>1</v>
          </cell>
        </row>
        <row r="382">
          <cell r="C382">
            <v>1.5284</v>
          </cell>
          <cell r="AT382">
            <v>1999</v>
          </cell>
          <cell r="AU382">
            <v>1</v>
          </cell>
        </row>
        <row r="383">
          <cell r="C383">
            <v>1.5284</v>
          </cell>
          <cell r="AT383">
            <v>1999</v>
          </cell>
          <cell r="AU383">
            <v>1</v>
          </cell>
        </row>
        <row r="384">
          <cell r="C384">
            <v>1.5294000000000001</v>
          </cell>
          <cell r="AT384">
            <v>1999</v>
          </cell>
          <cell r="AU384">
            <v>1</v>
          </cell>
        </row>
        <row r="385">
          <cell r="C385">
            <v>1.5298</v>
          </cell>
          <cell r="AT385">
            <v>1999</v>
          </cell>
          <cell r="AU385">
            <v>1</v>
          </cell>
        </row>
        <row r="386">
          <cell r="C386">
            <v>1.5223</v>
          </cell>
          <cell r="AT386">
            <v>1999</v>
          </cell>
          <cell r="AU386">
            <v>1</v>
          </cell>
        </row>
        <row r="387">
          <cell r="C387">
            <v>1.5132000000000001</v>
          </cell>
          <cell r="AT387">
            <v>1999</v>
          </cell>
          <cell r="AU387">
            <v>1</v>
          </cell>
        </row>
        <row r="388">
          <cell r="C388">
            <v>1.5178</v>
          </cell>
          <cell r="AT388">
            <v>1999</v>
          </cell>
          <cell r="AU388">
            <v>1</v>
          </cell>
        </row>
        <row r="389">
          <cell r="C389">
            <v>1.5178</v>
          </cell>
          <cell r="AT389">
            <v>1999</v>
          </cell>
          <cell r="AU389">
            <v>1</v>
          </cell>
        </row>
        <row r="390">
          <cell r="C390">
            <v>1.5178</v>
          </cell>
          <cell r="AT390">
            <v>1999</v>
          </cell>
          <cell r="AU390">
            <v>1</v>
          </cell>
        </row>
        <row r="391">
          <cell r="C391">
            <v>1.5145</v>
          </cell>
          <cell r="AT391">
            <v>1999</v>
          </cell>
          <cell r="AU391">
            <v>1</v>
          </cell>
        </row>
        <row r="392">
          <cell r="C392">
            <v>1.5203</v>
          </cell>
          <cell r="AT392">
            <v>1999</v>
          </cell>
          <cell r="AU392">
            <v>1</v>
          </cell>
        </row>
        <row r="393">
          <cell r="C393">
            <v>1.5206999999999999</v>
          </cell>
          <cell r="AT393">
            <v>1999</v>
          </cell>
          <cell r="AU393">
            <v>1</v>
          </cell>
        </row>
        <row r="394">
          <cell r="C394">
            <v>1.526</v>
          </cell>
          <cell r="AT394">
            <v>1999</v>
          </cell>
          <cell r="AU394">
            <v>1</v>
          </cell>
        </row>
        <row r="395">
          <cell r="C395">
            <v>1.5074000000000001</v>
          </cell>
          <cell r="AT395">
            <v>1999</v>
          </cell>
          <cell r="AU395">
            <v>1</v>
          </cell>
        </row>
        <row r="396">
          <cell r="C396">
            <v>1.5074000000000001</v>
          </cell>
          <cell r="AT396">
            <v>1999</v>
          </cell>
          <cell r="AU396">
            <v>1</v>
          </cell>
        </row>
        <row r="397">
          <cell r="C397">
            <v>1.5074000000000001</v>
          </cell>
          <cell r="AT397">
            <v>1999</v>
          </cell>
          <cell r="AU397">
            <v>2</v>
          </cell>
        </row>
        <row r="398">
          <cell r="C398">
            <v>1.5084</v>
          </cell>
          <cell r="AT398">
            <v>1999</v>
          </cell>
          <cell r="AU398">
            <v>2</v>
          </cell>
        </row>
        <row r="399">
          <cell r="C399">
            <v>1.5123</v>
          </cell>
          <cell r="AT399">
            <v>1999</v>
          </cell>
          <cell r="AU399">
            <v>2</v>
          </cell>
        </row>
        <row r="400">
          <cell r="C400">
            <v>1.5134000000000001</v>
          </cell>
          <cell r="AT400">
            <v>1999</v>
          </cell>
          <cell r="AU400">
            <v>2</v>
          </cell>
        </row>
        <row r="401">
          <cell r="C401">
            <v>1.4932000000000001</v>
          </cell>
          <cell r="AT401">
            <v>1999</v>
          </cell>
          <cell r="AU401">
            <v>2</v>
          </cell>
        </row>
        <row r="402">
          <cell r="C402">
            <v>1.4878</v>
          </cell>
          <cell r="AT402">
            <v>1999</v>
          </cell>
          <cell r="AU402">
            <v>2</v>
          </cell>
        </row>
        <row r="403">
          <cell r="C403">
            <v>1.4878</v>
          </cell>
          <cell r="AT403">
            <v>1999</v>
          </cell>
          <cell r="AU403">
            <v>2</v>
          </cell>
        </row>
        <row r="404">
          <cell r="C404">
            <v>1.4878</v>
          </cell>
          <cell r="AT404">
            <v>1999</v>
          </cell>
          <cell r="AU404">
            <v>2</v>
          </cell>
        </row>
        <row r="405">
          <cell r="C405">
            <v>1.4876</v>
          </cell>
          <cell r="AT405">
            <v>1999</v>
          </cell>
          <cell r="AU405">
            <v>2</v>
          </cell>
        </row>
        <row r="406">
          <cell r="C406">
            <v>1.4932000000000001</v>
          </cell>
          <cell r="AT406">
            <v>1999</v>
          </cell>
          <cell r="AU406">
            <v>2</v>
          </cell>
        </row>
        <row r="407">
          <cell r="C407">
            <v>1.4935</v>
          </cell>
          <cell r="AT407">
            <v>1999</v>
          </cell>
          <cell r="AU407">
            <v>2</v>
          </cell>
        </row>
        <row r="408">
          <cell r="C408">
            <v>1.4890000000000001</v>
          </cell>
          <cell r="AT408">
            <v>1999</v>
          </cell>
          <cell r="AU408">
            <v>2</v>
          </cell>
        </row>
        <row r="409">
          <cell r="C409">
            <v>1.4921</v>
          </cell>
          <cell r="AT409">
            <v>1999</v>
          </cell>
          <cell r="AU409">
            <v>2</v>
          </cell>
        </row>
        <row r="410">
          <cell r="C410">
            <v>1.4921</v>
          </cell>
          <cell r="AT410">
            <v>1999</v>
          </cell>
          <cell r="AU410">
            <v>2</v>
          </cell>
        </row>
        <row r="411">
          <cell r="C411">
            <v>1.4921</v>
          </cell>
          <cell r="AT411">
            <v>1999</v>
          </cell>
          <cell r="AU411">
            <v>2</v>
          </cell>
        </row>
        <row r="412">
          <cell r="C412">
            <v>1.4938</v>
          </cell>
          <cell r="AT412">
            <v>1999</v>
          </cell>
          <cell r="AU412">
            <v>2</v>
          </cell>
        </row>
        <row r="413">
          <cell r="C413">
            <v>1.4995000000000001</v>
          </cell>
          <cell r="AT413">
            <v>1999</v>
          </cell>
          <cell r="AU413">
            <v>2</v>
          </cell>
        </row>
        <row r="414">
          <cell r="C414">
            <v>1.4993000000000001</v>
          </cell>
          <cell r="AT414">
            <v>1999</v>
          </cell>
          <cell r="AU414">
            <v>2</v>
          </cell>
        </row>
        <row r="415">
          <cell r="C415">
            <v>1.4870000000000001</v>
          </cell>
          <cell r="AT415">
            <v>1999</v>
          </cell>
          <cell r="AU415">
            <v>2</v>
          </cell>
        </row>
        <row r="416">
          <cell r="C416">
            <v>1.4903</v>
          </cell>
          <cell r="AT416">
            <v>1999</v>
          </cell>
          <cell r="AU416">
            <v>2</v>
          </cell>
        </row>
        <row r="417">
          <cell r="C417">
            <v>1.4903</v>
          </cell>
          <cell r="AT417">
            <v>1999</v>
          </cell>
          <cell r="AU417">
            <v>2</v>
          </cell>
        </row>
        <row r="418">
          <cell r="C418">
            <v>1.4903</v>
          </cell>
          <cell r="AT418">
            <v>1999</v>
          </cell>
          <cell r="AU418">
            <v>2</v>
          </cell>
        </row>
        <row r="419">
          <cell r="C419">
            <v>1.4967999999999999</v>
          </cell>
          <cell r="AT419">
            <v>1999</v>
          </cell>
          <cell r="AU419">
            <v>2</v>
          </cell>
        </row>
        <row r="420">
          <cell r="C420">
            <v>1.4965999999999999</v>
          </cell>
          <cell r="AT420">
            <v>1999</v>
          </cell>
          <cell r="AU420">
            <v>2</v>
          </cell>
        </row>
        <row r="421">
          <cell r="C421">
            <v>1.4985999999999999</v>
          </cell>
          <cell r="AT421">
            <v>1999</v>
          </cell>
          <cell r="AU421">
            <v>2</v>
          </cell>
        </row>
        <row r="422">
          <cell r="C422">
            <v>1.5057</v>
          </cell>
          <cell r="AT422">
            <v>1999</v>
          </cell>
          <cell r="AU422">
            <v>2</v>
          </cell>
        </row>
        <row r="423">
          <cell r="C423">
            <v>1.5074000000000001</v>
          </cell>
          <cell r="AT423">
            <v>1999</v>
          </cell>
          <cell r="AU423">
            <v>2</v>
          </cell>
        </row>
        <row r="424">
          <cell r="C424">
            <v>1.5074000000000001</v>
          </cell>
          <cell r="AT424">
            <v>1999</v>
          </cell>
          <cell r="AU424">
            <v>2</v>
          </cell>
        </row>
        <row r="425">
          <cell r="C425">
            <v>1.5074000000000001</v>
          </cell>
          <cell r="AT425">
            <v>1999</v>
          </cell>
          <cell r="AU425">
            <v>3</v>
          </cell>
        </row>
        <row r="426">
          <cell r="C426">
            <v>1.5228999999999999</v>
          </cell>
          <cell r="AT426">
            <v>1999</v>
          </cell>
          <cell r="AU426">
            <v>3</v>
          </cell>
        </row>
        <row r="427">
          <cell r="C427">
            <v>1.52</v>
          </cell>
          <cell r="AT427">
            <v>1999</v>
          </cell>
          <cell r="AU427">
            <v>3</v>
          </cell>
        </row>
        <row r="428">
          <cell r="C428">
            <v>1.5269999999999999</v>
          </cell>
          <cell r="AT428">
            <v>1999</v>
          </cell>
          <cell r="AU428">
            <v>3</v>
          </cell>
        </row>
        <row r="429">
          <cell r="C429">
            <v>1.5254000000000001</v>
          </cell>
          <cell r="AT429">
            <v>1999</v>
          </cell>
          <cell r="AU429">
            <v>3</v>
          </cell>
        </row>
        <row r="430">
          <cell r="C430">
            <v>1.5167999999999999</v>
          </cell>
          <cell r="AT430">
            <v>1999</v>
          </cell>
          <cell r="AU430">
            <v>3</v>
          </cell>
        </row>
        <row r="431">
          <cell r="C431">
            <v>1.5167999999999999</v>
          </cell>
          <cell r="AT431">
            <v>1999</v>
          </cell>
          <cell r="AU431">
            <v>3</v>
          </cell>
        </row>
        <row r="432">
          <cell r="C432">
            <v>1.5167999999999999</v>
          </cell>
          <cell r="AT432">
            <v>1999</v>
          </cell>
          <cell r="AU432">
            <v>3</v>
          </cell>
        </row>
        <row r="433">
          <cell r="C433">
            <v>1.5155000000000001</v>
          </cell>
          <cell r="AT433">
            <v>1999</v>
          </cell>
          <cell r="AU433">
            <v>3</v>
          </cell>
        </row>
        <row r="434">
          <cell r="C434">
            <v>1.5168999999999999</v>
          </cell>
          <cell r="AT434">
            <v>1999</v>
          </cell>
          <cell r="AU434">
            <v>3</v>
          </cell>
        </row>
        <row r="435">
          <cell r="C435">
            <v>1.5239</v>
          </cell>
          <cell r="AT435">
            <v>1999</v>
          </cell>
          <cell r="AU435">
            <v>3</v>
          </cell>
        </row>
        <row r="436">
          <cell r="C436">
            <v>1.5225</v>
          </cell>
          <cell r="AT436">
            <v>1999</v>
          </cell>
          <cell r="AU436">
            <v>3</v>
          </cell>
        </row>
        <row r="437">
          <cell r="C437">
            <v>1.5238</v>
          </cell>
          <cell r="AT437">
            <v>1999</v>
          </cell>
          <cell r="AU437">
            <v>3</v>
          </cell>
        </row>
        <row r="438">
          <cell r="C438">
            <v>1.5238</v>
          </cell>
          <cell r="AT438">
            <v>1999</v>
          </cell>
          <cell r="AU438">
            <v>3</v>
          </cell>
        </row>
        <row r="439">
          <cell r="C439">
            <v>1.5238</v>
          </cell>
          <cell r="AT439">
            <v>1999</v>
          </cell>
          <cell r="AU439">
            <v>3</v>
          </cell>
        </row>
        <row r="440">
          <cell r="C440">
            <v>1.5275000000000001</v>
          </cell>
          <cell r="AT440">
            <v>1999</v>
          </cell>
          <cell r="AU440">
            <v>3</v>
          </cell>
        </row>
        <row r="441">
          <cell r="C441">
            <v>1.5285</v>
          </cell>
          <cell r="AT441">
            <v>1999</v>
          </cell>
          <cell r="AU441">
            <v>3</v>
          </cell>
        </row>
        <row r="442">
          <cell r="C442">
            <v>1.5217000000000001</v>
          </cell>
          <cell r="AT442">
            <v>1999</v>
          </cell>
          <cell r="AU442">
            <v>3</v>
          </cell>
        </row>
        <row r="443">
          <cell r="C443">
            <v>1.5197000000000001</v>
          </cell>
          <cell r="AT443">
            <v>1999</v>
          </cell>
          <cell r="AU443">
            <v>3</v>
          </cell>
        </row>
        <row r="444">
          <cell r="C444">
            <v>1.5153000000000001</v>
          </cell>
          <cell r="AT444">
            <v>1999</v>
          </cell>
          <cell r="AU444">
            <v>3</v>
          </cell>
        </row>
        <row r="445">
          <cell r="C445">
            <v>1.5153000000000001</v>
          </cell>
          <cell r="AT445">
            <v>1999</v>
          </cell>
          <cell r="AU445">
            <v>3</v>
          </cell>
        </row>
        <row r="446">
          <cell r="C446">
            <v>1.5153000000000001</v>
          </cell>
          <cell r="AT446">
            <v>1999</v>
          </cell>
          <cell r="AU446">
            <v>3</v>
          </cell>
        </row>
        <row r="447">
          <cell r="C447">
            <v>1.5069999999999999</v>
          </cell>
          <cell r="AT447">
            <v>1999</v>
          </cell>
          <cell r="AU447">
            <v>3</v>
          </cell>
        </row>
        <row r="448">
          <cell r="C448">
            <v>1.5063</v>
          </cell>
          <cell r="AT448">
            <v>1999</v>
          </cell>
          <cell r="AU448">
            <v>3</v>
          </cell>
        </row>
        <row r="449">
          <cell r="C449">
            <v>1.5039</v>
          </cell>
          <cell r="AT449">
            <v>1999</v>
          </cell>
          <cell r="AU449">
            <v>3</v>
          </cell>
        </row>
        <row r="450">
          <cell r="C450">
            <v>1.5102</v>
          </cell>
          <cell r="AT450">
            <v>1999</v>
          </cell>
          <cell r="AU450">
            <v>3</v>
          </cell>
        </row>
        <row r="451">
          <cell r="C451">
            <v>1.5134000000000001</v>
          </cell>
          <cell r="AT451">
            <v>1999</v>
          </cell>
          <cell r="AU451">
            <v>3</v>
          </cell>
        </row>
        <row r="452">
          <cell r="C452">
            <v>1.5134000000000001</v>
          </cell>
          <cell r="AT452">
            <v>1999</v>
          </cell>
          <cell r="AU452">
            <v>3</v>
          </cell>
        </row>
        <row r="453">
          <cell r="C453">
            <v>1.5134000000000001</v>
          </cell>
          <cell r="AT453">
            <v>1999</v>
          </cell>
          <cell r="AU453">
            <v>3</v>
          </cell>
        </row>
        <row r="454">
          <cell r="C454">
            <v>1.5125999999999999</v>
          </cell>
          <cell r="AT454">
            <v>1999</v>
          </cell>
          <cell r="AU454">
            <v>3</v>
          </cell>
        </row>
        <row r="455">
          <cell r="C455">
            <v>1.5125</v>
          </cell>
          <cell r="AT455">
            <v>1999</v>
          </cell>
          <cell r="AU455">
            <v>3</v>
          </cell>
        </row>
        <row r="456">
          <cell r="C456">
            <v>1.5092000000000001</v>
          </cell>
          <cell r="AT456">
            <v>1999</v>
          </cell>
          <cell r="AU456">
            <v>4</v>
          </cell>
        </row>
        <row r="457">
          <cell r="C457">
            <v>1.5007999999999999</v>
          </cell>
          <cell r="AT457">
            <v>1999</v>
          </cell>
          <cell r="AU457">
            <v>4</v>
          </cell>
        </row>
        <row r="458">
          <cell r="C458">
            <v>1.5007999999999999</v>
          </cell>
          <cell r="AT458">
            <v>1999</v>
          </cell>
          <cell r="AU458">
            <v>4</v>
          </cell>
        </row>
        <row r="459">
          <cell r="C459">
            <v>1.5007999999999999</v>
          </cell>
          <cell r="AT459">
            <v>1999</v>
          </cell>
          <cell r="AU459">
            <v>4</v>
          </cell>
        </row>
        <row r="460">
          <cell r="C460">
            <v>1.5007999999999999</v>
          </cell>
          <cell r="AT460">
            <v>1999</v>
          </cell>
          <cell r="AU460">
            <v>4</v>
          </cell>
        </row>
        <row r="461">
          <cell r="C461">
            <v>1.4990000000000001</v>
          </cell>
          <cell r="AT461">
            <v>1999</v>
          </cell>
          <cell r="AU461">
            <v>4</v>
          </cell>
        </row>
        <row r="462">
          <cell r="C462">
            <v>1.5034000000000001</v>
          </cell>
          <cell r="AT462">
            <v>1999</v>
          </cell>
          <cell r="AU462">
            <v>4</v>
          </cell>
        </row>
        <row r="463">
          <cell r="C463">
            <v>1.5005999999999999</v>
          </cell>
          <cell r="AT463">
            <v>1999</v>
          </cell>
          <cell r="AU463">
            <v>4</v>
          </cell>
        </row>
        <row r="464">
          <cell r="C464">
            <v>1.4988999999999999</v>
          </cell>
          <cell r="AT464">
            <v>1999</v>
          </cell>
          <cell r="AU464">
            <v>4</v>
          </cell>
        </row>
        <row r="465">
          <cell r="C465">
            <v>1.502</v>
          </cell>
          <cell r="AT465">
            <v>1999</v>
          </cell>
          <cell r="AU465">
            <v>4</v>
          </cell>
        </row>
        <row r="466">
          <cell r="C466">
            <v>1.502</v>
          </cell>
          <cell r="AT466">
            <v>1999</v>
          </cell>
          <cell r="AU466">
            <v>4</v>
          </cell>
        </row>
        <row r="467">
          <cell r="C467">
            <v>1.502</v>
          </cell>
          <cell r="AT467">
            <v>1999</v>
          </cell>
          <cell r="AU467">
            <v>4</v>
          </cell>
        </row>
        <row r="468">
          <cell r="C468">
            <v>1.4942</v>
          </cell>
          <cell r="AT468">
            <v>1999</v>
          </cell>
          <cell r="AU468">
            <v>4</v>
          </cell>
        </row>
        <row r="469">
          <cell r="C469">
            <v>1.4901</v>
          </cell>
          <cell r="AT469">
            <v>1999</v>
          </cell>
          <cell r="AU469">
            <v>4</v>
          </cell>
        </row>
        <row r="470">
          <cell r="C470">
            <v>1.4928999999999999</v>
          </cell>
          <cell r="AT470">
            <v>1999</v>
          </cell>
          <cell r="AU470">
            <v>4</v>
          </cell>
        </row>
        <row r="471">
          <cell r="C471">
            <v>1.4904999999999999</v>
          </cell>
          <cell r="AT471">
            <v>1999</v>
          </cell>
          <cell r="AU471">
            <v>4</v>
          </cell>
        </row>
        <row r="472">
          <cell r="C472">
            <v>1.4854000000000001</v>
          </cell>
          <cell r="AT472">
            <v>1999</v>
          </cell>
          <cell r="AU472">
            <v>4</v>
          </cell>
        </row>
        <row r="473">
          <cell r="C473">
            <v>1.4854000000000001</v>
          </cell>
          <cell r="AT473">
            <v>1999</v>
          </cell>
          <cell r="AU473">
            <v>4</v>
          </cell>
        </row>
        <row r="474">
          <cell r="C474">
            <v>1.4854000000000001</v>
          </cell>
          <cell r="AT474">
            <v>1999</v>
          </cell>
          <cell r="AU474">
            <v>4</v>
          </cell>
        </row>
        <row r="475">
          <cell r="C475">
            <v>1.4825999999999999</v>
          </cell>
          <cell r="AT475">
            <v>1999</v>
          </cell>
          <cell r="AU475">
            <v>4</v>
          </cell>
        </row>
        <row r="476">
          <cell r="C476">
            <v>1.4895</v>
          </cell>
          <cell r="AT476">
            <v>1999</v>
          </cell>
          <cell r="AU476">
            <v>4</v>
          </cell>
        </row>
        <row r="477">
          <cell r="C477">
            <v>1.4891000000000001</v>
          </cell>
          <cell r="AT477">
            <v>1999</v>
          </cell>
          <cell r="AU477">
            <v>4</v>
          </cell>
        </row>
        <row r="478">
          <cell r="C478">
            <v>1.4811000000000001</v>
          </cell>
          <cell r="AT478">
            <v>1999</v>
          </cell>
          <cell r="AU478">
            <v>4</v>
          </cell>
        </row>
        <row r="479">
          <cell r="C479">
            <v>1.4763999999999999</v>
          </cell>
          <cell r="AT479">
            <v>1999</v>
          </cell>
          <cell r="AU479">
            <v>4</v>
          </cell>
        </row>
        <row r="480">
          <cell r="C480">
            <v>1.4763999999999999</v>
          </cell>
          <cell r="AT480">
            <v>1999</v>
          </cell>
          <cell r="AU480">
            <v>4</v>
          </cell>
        </row>
        <row r="481">
          <cell r="C481">
            <v>1.4763999999999999</v>
          </cell>
          <cell r="AT481">
            <v>1999</v>
          </cell>
          <cell r="AU481">
            <v>4</v>
          </cell>
        </row>
        <row r="482">
          <cell r="C482">
            <v>1.4790000000000001</v>
          </cell>
          <cell r="AT482">
            <v>1999</v>
          </cell>
          <cell r="AU482">
            <v>4</v>
          </cell>
        </row>
        <row r="483">
          <cell r="C483">
            <v>1.4785999999999999</v>
          </cell>
          <cell r="AT483">
            <v>1999</v>
          </cell>
          <cell r="AU483">
            <v>4</v>
          </cell>
        </row>
        <row r="484">
          <cell r="C484">
            <v>1.4764999999999999</v>
          </cell>
          <cell r="AT484">
            <v>1999</v>
          </cell>
          <cell r="AU484">
            <v>4</v>
          </cell>
        </row>
        <row r="485">
          <cell r="C485">
            <v>1.4666999999999999</v>
          </cell>
          <cell r="AT485">
            <v>1999</v>
          </cell>
          <cell r="AU485">
            <v>4</v>
          </cell>
        </row>
        <row r="486">
          <cell r="C486">
            <v>1.4576</v>
          </cell>
          <cell r="AT486">
            <v>1999</v>
          </cell>
          <cell r="AU486">
            <v>5</v>
          </cell>
        </row>
        <row r="487">
          <cell r="C487">
            <v>1.4576</v>
          </cell>
          <cell r="AT487">
            <v>1999</v>
          </cell>
          <cell r="AU487">
            <v>5</v>
          </cell>
        </row>
        <row r="488">
          <cell r="C488">
            <v>1.4576</v>
          </cell>
          <cell r="AT488">
            <v>1999</v>
          </cell>
          <cell r="AU488">
            <v>5</v>
          </cell>
        </row>
        <row r="489">
          <cell r="C489">
            <v>1.4504999999999999</v>
          </cell>
          <cell r="AT489">
            <v>1999</v>
          </cell>
          <cell r="AU489">
            <v>5</v>
          </cell>
        </row>
        <row r="490">
          <cell r="C490">
            <v>1.4532</v>
          </cell>
          <cell r="AT490">
            <v>1999</v>
          </cell>
          <cell r="AU490">
            <v>5</v>
          </cell>
        </row>
        <row r="491">
          <cell r="C491">
            <v>1.456</v>
          </cell>
          <cell r="AT491">
            <v>1999</v>
          </cell>
          <cell r="AU491">
            <v>5</v>
          </cell>
        </row>
        <row r="492">
          <cell r="C492">
            <v>1.456</v>
          </cell>
          <cell r="AT492">
            <v>1999</v>
          </cell>
          <cell r="AU492">
            <v>5</v>
          </cell>
        </row>
        <row r="493">
          <cell r="C493">
            <v>1.4582999999999999</v>
          </cell>
          <cell r="AT493">
            <v>1999</v>
          </cell>
          <cell r="AU493">
            <v>5</v>
          </cell>
        </row>
        <row r="494">
          <cell r="C494">
            <v>1.4582999999999999</v>
          </cell>
          <cell r="AT494">
            <v>1999</v>
          </cell>
          <cell r="AU494">
            <v>5</v>
          </cell>
        </row>
        <row r="495">
          <cell r="C495">
            <v>1.4582999999999999</v>
          </cell>
          <cell r="AT495">
            <v>1999</v>
          </cell>
          <cell r="AU495">
            <v>5</v>
          </cell>
        </row>
        <row r="496">
          <cell r="C496">
            <v>1.4597</v>
          </cell>
          <cell r="AT496">
            <v>1999</v>
          </cell>
          <cell r="AU496">
            <v>5</v>
          </cell>
        </row>
        <row r="497">
          <cell r="C497">
            <v>1.4544999999999999</v>
          </cell>
          <cell r="AT497">
            <v>1999</v>
          </cell>
          <cell r="AU497">
            <v>5</v>
          </cell>
        </row>
        <row r="498">
          <cell r="C498">
            <v>1.4608000000000001</v>
          </cell>
          <cell r="AT498">
            <v>1999</v>
          </cell>
          <cell r="AU498">
            <v>5</v>
          </cell>
        </row>
        <row r="499">
          <cell r="C499">
            <v>1.4599</v>
          </cell>
          <cell r="AT499">
            <v>1999</v>
          </cell>
          <cell r="AU499">
            <v>5</v>
          </cell>
        </row>
        <row r="500">
          <cell r="C500">
            <v>1.4638</v>
          </cell>
          <cell r="AT500">
            <v>1999</v>
          </cell>
          <cell r="AU500">
            <v>5</v>
          </cell>
        </row>
        <row r="501">
          <cell r="C501">
            <v>1.4638</v>
          </cell>
          <cell r="AT501">
            <v>1999</v>
          </cell>
          <cell r="AU501">
            <v>5</v>
          </cell>
        </row>
        <row r="502">
          <cell r="C502">
            <v>1.4638</v>
          </cell>
          <cell r="AT502">
            <v>1999</v>
          </cell>
          <cell r="AU502">
            <v>5</v>
          </cell>
        </row>
        <row r="503">
          <cell r="C503">
            <v>1.4602999999999999</v>
          </cell>
          <cell r="AT503">
            <v>1999</v>
          </cell>
          <cell r="AU503">
            <v>5</v>
          </cell>
        </row>
        <row r="504">
          <cell r="C504">
            <v>1.4604999999999999</v>
          </cell>
          <cell r="AT504">
            <v>1999</v>
          </cell>
          <cell r="AU504">
            <v>5</v>
          </cell>
        </row>
        <row r="505">
          <cell r="C505">
            <v>1.4659</v>
          </cell>
          <cell r="AT505">
            <v>1999</v>
          </cell>
          <cell r="AU505">
            <v>5</v>
          </cell>
        </row>
        <row r="506">
          <cell r="C506">
            <v>1.4657</v>
          </cell>
          <cell r="AT506">
            <v>1999</v>
          </cell>
          <cell r="AU506">
            <v>5</v>
          </cell>
        </row>
        <row r="507">
          <cell r="C507">
            <v>1.4595</v>
          </cell>
          <cell r="AT507">
            <v>1999</v>
          </cell>
          <cell r="AU507">
            <v>5</v>
          </cell>
        </row>
        <row r="508">
          <cell r="C508">
            <v>1.4595</v>
          </cell>
          <cell r="AT508">
            <v>1999</v>
          </cell>
          <cell r="AU508">
            <v>5</v>
          </cell>
        </row>
        <row r="509">
          <cell r="C509">
            <v>1.4595</v>
          </cell>
          <cell r="AT509">
            <v>1999</v>
          </cell>
          <cell r="AU509">
            <v>5</v>
          </cell>
        </row>
        <row r="510">
          <cell r="C510">
            <v>1.4595</v>
          </cell>
          <cell r="AT510">
            <v>1999</v>
          </cell>
          <cell r="AU510">
            <v>5</v>
          </cell>
        </row>
        <row r="511">
          <cell r="C511">
            <v>1.4598</v>
          </cell>
          <cell r="AT511">
            <v>1999</v>
          </cell>
          <cell r="AU511">
            <v>5</v>
          </cell>
        </row>
        <row r="512">
          <cell r="C512">
            <v>1.4723999999999999</v>
          </cell>
          <cell r="AT512">
            <v>1999</v>
          </cell>
          <cell r="AU512">
            <v>5</v>
          </cell>
        </row>
        <row r="513">
          <cell r="C513">
            <v>1.4751000000000001</v>
          </cell>
          <cell r="AT513">
            <v>1999</v>
          </cell>
          <cell r="AU513">
            <v>5</v>
          </cell>
        </row>
        <row r="514">
          <cell r="C514">
            <v>1.472</v>
          </cell>
          <cell r="AT514">
            <v>1999</v>
          </cell>
          <cell r="AU514">
            <v>5</v>
          </cell>
        </row>
        <row r="515">
          <cell r="C515">
            <v>1.472</v>
          </cell>
          <cell r="AT515">
            <v>1999</v>
          </cell>
          <cell r="AU515">
            <v>5</v>
          </cell>
        </row>
        <row r="516">
          <cell r="C516">
            <v>1.472</v>
          </cell>
          <cell r="AT516">
            <v>1999</v>
          </cell>
          <cell r="AU516">
            <v>5</v>
          </cell>
        </row>
        <row r="517">
          <cell r="C517">
            <v>1.4770000000000001</v>
          </cell>
          <cell r="AT517">
            <v>1999</v>
          </cell>
          <cell r="AU517">
            <v>6</v>
          </cell>
        </row>
        <row r="518">
          <cell r="C518">
            <v>1.4835</v>
          </cell>
          <cell r="AT518">
            <v>1999</v>
          </cell>
          <cell r="AU518">
            <v>6</v>
          </cell>
        </row>
        <row r="519">
          <cell r="C519">
            <v>1.4801</v>
          </cell>
          <cell r="AT519">
            <v>1999</v>
          </cell>
          <cell r="AU519">
            <v>6</v>
          </cell>
        </row>
        <row r="520">
          <cell r="C520">
            <v>1.4762</v>
          </cell>
          <cell r="AT520">
            <v>1999</v>
          </cell>
          <cell r="AU520">
            <v>6</v>
          </cell>
        </row>
        <row r="521">
          <cell r="C521">
            <v>1.4697</v>
          </cell>
          <cell r="AT521">
            <v>1999</v>
          </cell>
          <cell r="AU521">
            <v>6</v>
          </cell>
        </row>
        <row r="522">
          <cell r="C522">
            <v>1.4697</v>
          </cell>
          <cell r="AT522">
            <v>1999</v>
          </cell>
          <cell r="AU522">
            <v>6</v>
          </cell>
        </row>
        <row r="523">
          <cell r="C523">
            <v>1.4697</v>
          </cell>
          <cell r="AT523">
            <v>1999</v>
          </cell>
          <cell r="AU523">
            <v>6</v>
          </cell>
        </row>
        <row r="524">
          <cell r="C524">
            <v>1.4730000000000001</v>
          </cell>
          <cell r="AT524">
            <v>1999</v>
          </cell>
          <cell r="AU524">
            <v>6</v>
          </cell>
        </row>
        <row r="525">
          <cell r="C525">
            <v>1.4698</v>
          </cell>
          <cell r="AT525">
            <v>1999</v>
          </cell>
          <cell r="AU525">
            <v>6</v>
          </cell>
        </row>
        <row r="526">
          <cell r="C526">
            <v>1.4722</v>
          </cell>
          <cell r="AT526">
            <v>1999</v>
          </cell>
          <cell r="AU526">
            <v>6</v>
          </cell>
        </row>
        <row r="527">
          <cell r="C527">
            <v>1.4601999999999999</v>
          </cell>
          <cell r="AT527">
            <v>1999</v>
          </cell>
          <cell r="AU527">
            <v>6</v>
          </cell>
        </row>
        <row r="528">
          <cell r="C528">
            <v>1.4603999999999999</v>
          </cell>
          <cell r="AT528">
            <v>1999</v>
          </cell>
          <cell r="AU528">
            <v>6</v>
          </cell>
        </row>
        <row r="529">
          <cell r="C529">
            <v>1.4603999999999999</v>
          </cell>
          <cell r="AT529">
            <v>1999</v>
          </cell>
          <cell r="AU529">
            <v>6</v>
          </cell>
        </row>
        <row r="530">
          <cell r="C530">
            <v>1.4603999999999999</v>
          </cell>
          <cell r="AT530">
            <v>1999</v>
          </cell>
          <cell r="AU530">
            <v>6</v>
          </cell>
        </row>
        <row r="531">
          <cell r="C531">
            <v>1.4598</v>
          </cell>
          <cell r="AT531">
            <v>1999</v>
          </cell>
          <cell r="AU531">
            <v>6</v>
          </cell>
        </row>
        <row r="532">
          <cell r="C532">
            <v>1.4644999999999999</v>
          </cell>
          <cell r="AT532">
            <v>1999</v>
          </cell>
          <cell r="AU532">
            <v>6</v>
          </cell>
        </row>
        <row r="533">
          <cell r="C533">
            <v>1.4587000000000001</v>
          </cell>
          <cell r="AT533">
            <v>1999</v>
          </cell>
          <cell r="AU533">
            <v>6</v>
          </cell>
        </row>
        <row r="534">
          <cell r="C534">
            <v>1.4610000000000001</v>
          </cell>
          <cell r="AT534">
            <v>1999</v>
          </cell>
          <cell r="AU534">
            <v>6</v>
          </cell>
        </row>
        <row r="535">
          <cell r="C535">
            <v>1.4641999999999999</v>
          </cell>
          <cell r="AT535">
            <v>1999</v>
          </cell>
          <cell r="AU535">
            <v>6</v>
          </cell>
        </row>
        <row r="536">
          <cell r="C536">
            <v>1.4641999999999999</v>
          </cell>
          <cell r="AT536">
            <v>1999</v>
          </cell>
          <cell r="AU536">
            <v>6</v>
          </cell>
        </row>
        <row r="537">
          <cell r="C537">
            <v>1.4641999999999999</v>
          </cell>
          <cell r="AT537">
            <v>1999</v>
          </cell>
          <cell r="AU537">
            <v>6</v>
          </cell>
        </row>
        <row r="538">
          <cell r="C538">
            <v>1.4724999999999999</v>
          </cell>
          <cell r="AT538">
            <v>1999</v>
          </cell>
          <cell r="AU538">
            <v>6</v>
          </cell>
        </row>
        <row r="539">
          <cell r="C539">
            <v>1.47</v>
          </cell>
          <cell r="AT539">
            <v>1999</v>
          </cell>
          <cell r="AU539">
            <v>6</v>
          </cell>
        </row>
        <row r="540">
          <cell r="C540">
            <v>1.4733000000000001</v>
          </cell>
          <cell r="AT540">
            <v>1999</v>
          </cell>
          <cell r="AU540">
            <v>6</v>
          </cell>
        </row>
        <row r="541">
          <cell r="C541">
            <v>1.4706999999999999</v>
          </cell>
          <cell r="AT541">
            <v>1999</v>
          </cell>
          <cell r="AU541">
            <v>6</v>
          </cell>
        </row>
        <row r="542">
          <cell r="C542">
            <v>1.4632000000000001</v>
          </cell>
          <cell r="AT542">
            <v>1999</v>
          </cell>
          <cell r="AU542">
            <v>6</v>
          </cell>
        </row>
        <row r="543">
          <cell r="C543">
            <v>1.4632000000000001</v>
          </cell>
          <cell r="AT543">
            <v>1999</v>
          </cell>
          <cell r="AU543">
            <v>6</v>
          </cell>
        </row>
        <row r="544">
          <cell r="C544">
            <v>1.4632000000000001</v>
          </cell>
          <cell r="AT544">
            <v>1999</v>
          </cell>
          <cell r="AU544">
            <v>6</v>
          </cell>
        </row>
        <row r="545">
          <cell r="C545">
            <v>1.4694</v>
          </cell>
          <cell r="AT545">
            <v>1999</v>
          </cell>
          <cell r="AU545">
            <v>6</v>
          </cell>
        </row>
        <row r="546">
          <cell r="C546">
            <v>1.4757</v>
          </cell>
          <cell r="AT546">
            <v>1999</v>
          </cell>
          <cell r="AU546">
            <v>6</v>
          </cell>
        </row>
        <row r="547">
          <cell r="C547">
            <v>1.472</v>
          </cell>
          <cell r="AT547">
            <v>1999</v>
          </cell>
          <cell r="AU547">
            <v>7</v>
          </cell>
        </row>
        <row r="548">
          <cell r="C548">
            <v>1.472</v>
          </cell>
          <cell r="AT548">
            <v>1999</v>
          </cell>
          <cell r="AU548">
            <v>7</v>
          </cell>
        </row>
        <row r="549">
          <cell r="C549">
            <v>1.4644999999999999</v>
          </cell>
          <cell r="AT549">
            <v>1999</v>
          </cell>
          <cell r="AU549">
            <v>7</v>
          </cell>
        </row>
        <row r="550">
          <cell r="C550">
            <v>1.4644999999999999</v>
          </cell>
          <cell r="AT550">
            <v>1999</v>
          </cell>
          <cell r="AU550">
            <v>7</v>
          </cell>
        </row>
        <row r="551">
          <cell r="C551">
            <v>1.4644999999999999</v>
          </cell>
          <cell r="AT551">
            <v>1999</v>
          </cell>
          <cell r="AU551">
            <v>7</v>
          </cell>
        </row>
        <row r="552">
          <cell r="C552">
            <v>1.4673</v>
          </cell>
          <cell r="AT552">
            <v>1999</v>
          </cell>
          <cell r="AU552">
            <v>7</v>
          </cell>
        </row>
        <row r="553">
          <cell r="C553">
            <v>1.4681999999999999</v>
          </cell>
          <cell r="AT553">
            <v>1999</v>
          </cell>
          <cell r="AU553">
            <v>7</v>
          </cell>
        </row>
        <row r="554">
          <cell r="C554">
            <v>1.47</v>
          </cell>
          <cell r="AT554">
            <v>1999</v>
          </cell>
          <cell r="AU554">
            <v>7</v>
          </cell>
        </row>
        <row r="555">
          <cell r="C555">
            <v>1.4697</v>
          </cell>
          <cell r="AT555">
            <v>1999</v>
          </cell>
          <cell r="AU555">
            <v>7</v>
          </cell>
        </row>
        <row r="556">
          <cell r="C556">
            <v>1.4731000000000001</v>
          </cell>
          <cell r="AT556">
            <v>1999</v>
          </cell>
          <cell r="AU556">
            <v>7</v>
          </cell>
        </row>
        <row r="557">
          <cell r="C557">
            <v>1.4731000000000001</v>
          </cell>
          <cell r="AT557">
            <v>1999</v>
          </cell>
          <cell r="AU557">
            <v>7</v>
          </cell>
        </row>
        <row r="558">
          <cell r="C558">
            <v>1.4731000000000001</v>
          </cell>
          <cell r="AT558">
            <v>1999</v>
          </cell>
          <cell r="AU558">
            <v>7</v>
          </cell>
        </row>
        <row r="559">
          <cell r="C559">
            <v>1.4813000000000001</v>
          </cell>
          <cell r="AT559">
            <v>1999</v>
          </cell>
          <cell r="AU559">
            <v>7</v>
          </cell>
        </row>
        <row r="560">
          <cell r="C560">
            <v>1.4824999999999999</v>
          </cell>
          <cell r="AT560">
            <v>1999</v>
          </cell>
          <cell r="AU560">
            <v>7</v>
          </cell>
        </row>
        <row r="561">
          <cell r="C561">
            <v>1.4806999999999999</v>
          </cell>
          <cell r="AT561">
            <v>1999</v>
          </cell>
          <cell r="AU561">
            <v>7</v>
          </cell>
        </row>
        <row r="562">
          <cell r="C562">
            <v>1.4823999999999999</v>
          </cell>
          <cell r="AT562">
            <v>1999</v>
          </cell>
          <cell r="AU562">
            <v>7</v>
          </cell>
        </row>
        <row r="563">
          <cell r="C563">
            <v>1.4823999999999999</v>
          </cell>
          <cell r="AT563">
            <v>1999</v>
          </cell>
          <cell r="AU563">
            <v>7</v>
          </cell>
        </row>
        <row r="564">
          <cell r="C564">
            <v>1.4823999999999999</v>
          </cell>
          <cell r="AT564">
            <v>1999</v>
          </cell>
          <cell r="AU564">
            <v>7</v>
          </cell>
        </row>
        <row r="565">
          <cell r="C565">
            <v>1.4823999999999999</v>
          </cell>
          <cell r="AT565">
            <v>1999</v>
          </cell>
          <cell r="AU565">
            <v>7</v>
          </cell>
        </row>
        <row r="566">
          <cell r="C566">
            <v>1.4916</v>
          </cell>
          <cell r="AT566">
            <v>1999</v>
          </cell>
          <cell r="AU566">
            <v>7</v>
          </cell>
        </row>
        <row r="567">
          <cell r="C567">
            <v>1.4914000000000001</v>
          </cell>
          <cell r="AT567">
            <v>1999</v>
          </cell>
          <cell r="AU567">
            <v>7</v>
          </cell>
        </row>
        <row r="568">
          <cell r="C568">
            <v>1.5009999999999999</v>
          </cell>
          <cell r="AT568">
            <v>1999</v>
          </cell>
          <cell r="AU568">
            <v>7</v>
          </cell>
        </row>
        <row r="569">
          <cell r="C569">
            <v>1.5024999999999999</v>
          </cell>
          <cell r="AT569">
            <v>1999</v>
          </cell>
          <cell r="AU569">
            <v>7</v>
          </cell>
        </row>
        <row r="570">
          <cell r="C570">
            <v>1.5075000000000001</v>
          </cell>
          <cell r="AT570">
            <v>1999</v>
          </cell>
          <cell r="AU570">
            <v>7</v>
          </cell>
        </row>
        <row r="571">
          <cell r="C571">
            <v>1.5075000000000001</v>
          </cell>
          <cell r="AT571">
            <v>1999</v>
          </cell>
          <cell r="AU571">
            <v>7</v>
          </cell>
        </row>
        <row r="572">
          <cell r="C572">
            <v>1.5075000000000001</v>
          </cell>
          <cell r="AT572">
            <v>1999</v>
          </cell>
          <cell r="AU572">
            <v>7</v>
          </cell>
        </row>
        <row r="573">
          <cell r="C573">
            <v>1.5098</v>
          </cell>
          <cell r="AT573">
            <v>1999</v>
          </cell>
          <cell r="AU573">
            <v>7</v>
          </cell>
        </row>
        <row r="574">
          <cell r="C574">
            <v>1.5132000000000001</v>
          </cell>
          <cell r="AT574">
            <v>1999</v>
          </cell>
          <cell r="AU574">
            <v>7</v>
          </cell>
        </row>
        <row r="575">
          <cell r="C575">
            <v>1.5109999999999999</v>
          </cell>
          <cell r="AT575">
            <v>1999</v>
          </cell>
          <cell r="AU575">
            <v>7</v>
          </cell>
        </row>
        <row r="576">
          <cell r="C576">
            <v>1.508</v>
          </cell>
          <cell r="AT576">
            <v>1999</v>
          </cell>
          <cell r="AU576">
            <v>7</v>
          </cell>
        </row>
        <row r="577">
          <cell r="C577">
            <v>1.5063</v>
          </cell>
          <cell r="AT577">
            <v>1999</v>
          </cell>
          <cell r="AU577">
            <v>7</v>
          </cell>
        </row>
        <row r="578">
          <cell r="C578">
            <v>1.5063</v>
          </cell>
          <cell r="AT578">
            <v>1999</v>
          </cell>
          <cell r="AU578">
            <v>8</v>
          </cell>
        </row>
        <row r="579">
          <cell r="C579">
            <v>1.5063</v>
          </cell>
          <cell r="AT579">
            <v>1999</v>
          </cell>
          <cell r="AU579">
            <v>8</v>
          </cell>
        </row>
        <row r="580">
          <cell r="C580">
            <v>1.5063</v>
          </cell>
          <cell r="AT580">
            <v>1999</v>
          </cell>
          <cell r="AU580">
            <v>8</v>
          </cell>
        </row>
        <row r="581">
          <cell r="C581">
            <v>1.4944999999999999</v>
          </cell>
          <cell r="AT581">
            <v>1999</v>
          </cell>
          <cell r="AU581">
            <v>8</v>
          </cell>
        </row>
        <row r="582">
          <cell r="C582">
            <v>1.4895</v>
          </cell>
          <cell r="AT582">
            <v>1999</v>
          </cell>
          <cell r="AU582">
            <v>8</v>
          </cell>
        </row>
        <row r="583">
          <cell r="C583">
            <v>1.4944999999999999</v>
          </cell>
          <cell r="AT583">
            <v>1999</v>
          </cell>
          <cell r="AU583">
            <v>8</v>
          </cell>
        </row>
        <row r="584">
          <cell r="C584">
            <v>1.5038</v>
          </cell>
          <cell r="AT584">
            <v>1999</v>
          </cell>
          <cell r="AU584">
            <v>8</v>
          </cell>
        </row>
        <row r="585">
          <cell r="C585">
            <v>1.5038</v>
          </cell>
          <cell r="AT585">
            <v>1999</v>
          </cell>
          <cell r="AU585">
            <v>8</v>
          </cell>
        </row>
        <row r="586">
          <cell r="C586">
            <v>1.5038</v>
          </cell>
          <cell r="AT586">
            <v>1999</v>
          </cell>
          <cell r="AU586">
            <v>8</v>
          </cell>
        </row>
        <row r="587">
          <cell r="C587">
            <v>1.5031000000000001</v>
          </cell>
          <cell r="AT587">
            <v>1999</v>
          </cell>
          <cell r="AU587">
            <v>8</v>
          </cell>
        </row>
        <row r="588">
          <cell r="C588">
            <v>1.5</v>
          </cell>
          <cell r="AT588">
            <v>1999</v>
          </cell>
          <cell r="AU588">
            <v>8</v>
          </cell>
        </row>
        <row r="589">
          <cell r="C589">
            <v>1.4906999999999999</v>
          </cell>
          <cell r="AT589">
            <v>1999</v>
          </cell>
          <cell r="AU589">
            <v>8</v>
          </cell>
        </row>
        <row r="590">
          <cell r="C590">
            <v>1.4846999999999999</v>
          </cell>
          <cell r="AT590">
            <v>1999</v>
          </cell>
          <cell r="AU590">
            <v>8</v>
          </cell>
        </row>
        <row r="591">
          <cell r="C591">
            <v>1.4777</v>
          </cell>
          <cell r="AT591">
            <v>1999</v>
          </cell>
          <cell r="AU591">
            <v>8</v>
          </cell>
        </row>
        <row r="592">
          <cell r="C592">
            <v>1.4777</v>
          </cell>
          <cell r="AT592">
            <v>1999</v>
          </cell>
          <cell r="AU592">
            <v>8</v>
          </cell>
        </row>
        <row r="593">
          <cell r="C593">
            <v>1.4777</v>
          </cell>
          <cell r="AT593">
            <v>1999</v>
          </cell>
          <cell r="AU593">
            <v>8</v>
          </cell>
        </row>
        <row r="594">
          <cell r="C594">
            <v>1.4813000000000001</v>
          </cell>
          <cell r="AT594">
            <v>1999</v>
          </cell>
          <cell r="AU594">
            <v>8</v>
          </cell>
        </row>
        <row r="595">
          <cell r="C595">
            <v>1.4786999999999999</v>
          </cell>
          <cell r="AT595">
            <v>1999</v>
          </cell>
          <cell r="AU595">
            <v>8</v>
          </cell>
        </row>
        <row r="596">
          <cell r="C596">
            <v>1.4830000000000001</v>
          </cell>
          <cell r="AT596">
            <v>1999</v>
          </cell>
          <cell r="AU596">
            <v>8</v>
          </cell>
        </row>
        <row r="597">
          <cell r="C597">
            <v>1.4935</v>
          </cell>
          <cell r="AT597">
            <v>1999</v>
          </cell>
          <cell r="AU597">
            <v>8</v>
          </cell>
        </row>
        <row r="598">
          <cell r="C598">
            <v>1.4941</v>
          </cell>
          <cell r="AT598">
            <v>1999</v>
          </cell>
          <cell r="AU598">
            <v>8</v>
          </cell>
        </row>
        <row r="599">
          <cell r="C599">
            <v>1.4941</v>
          </cell>
          <cell r="AT599">
            <v>1999</v>
          </cell>
          <cell r="AU599">
            <v>8</v>
          </cell>
        </row>
        <row r="600">
          <cell r="C600">
            <v>1.4941</v>
          </cell>
          <cell r="AT600">
            <v>1999</v>
          </cell>
          <cell r="AU600">
            <v>8</v>
          </cell>
        </row>
        <row r="601">
          <cell r="C601">
            <v>1.4955000000000001</v>
          </cell>
          <cell r="AT601">
            <v>1999</v>
          </cell>
          <cell r="AU601">
            <v>8</v>
          </cell>
        </row>
        <row r="602">
          <cell r="C602">
            <v>1.4957</v>
          </cell>
          <cell r="AT602">
            <v>1999</v>
          </cell>
          <cell r="AU602">
            <v>8</v>
          </cell>
        </row>
        <row r="603">
          <cell r="C603">
            <v>1.4959</v>
          </cell>
          <cell r="AT603">
            <v>1999</v>
          </cell>
          <cell r="AU603">
            <v>8</v>
          </cell>
        </row>
        <row r="604">
          <cell r="C604">
            <v>1.5025999999999999</v>
          </cell>
          <cell r="AT604">
            <v>1999</v>
          </cell>
          <cell r="AU604">
            <v>8</v>
          </cell>
        </row>
        <row r="605">
          <cell r="C605">
            <v>1.492</v>
          </cell>
          <cell r="AT605">
            <v>1999</v>
          </cell>
          <cell r="AU605">
            <v>8</v>
          </cell>
        </row>
        <row r="606">
          <cell r="C606">
            <v>1.492</v>
          </cell>
          <cell r="AT606">
            <v>1999</v>
          </cell>
          <cell r="AU606">
            <v>8</v>
          </cell>
        </row>
        <row r="607">
          <cell r="C607">
            <v>1.492</v>
          </cell>
          <cell r="AT607">
            <v>1999</v>
          </cell>
          <cell r="AU607">
            <v>8</v>
          </cell>
        </row>
        <row r="608">
          <cell r="C608">
            <v>1.4926999999999999</v>
          </cell>
          <cell r="AT608">
            <v>1999</v>
          </cell>
          <cell r="AU608">
            <v>8</v>
          </cell>
        </row>
        <row r="609">
          <cell r="C609">
            <v>1.4958</v>
          </cell>
          <cell r="AT609">
            <v>1999</v>
          </cell>
          <cell r="AU609">
            <v>9</v>
          </cell>
        </row>
        <row r="610">
          <cell r="C610">
            <v>1.4857</v>
          </cell>
          <cell r="AT610">
            <v>1999</v>
          </cell>
          <cell r="AU610">
            <v>9</v>
          </cell>
        </row>
        <row r="611">
          <cell r="C611">
            <v>1.4942</v>
          </cell>
          <cell r="AT611">
            <v>1999</v>
          </cell>
          <cell r="AU611">
            <v>9</v>
          </cell>
        </row>
        <row r="612">
          <cell r="C612">
            <v>1.4907999999999999</v>
          </cell>
          <cell r="AT612">
            <v>1999</v>
          </cell>
          <cell r="AU612">
            <v>9</v>
          </cell>
        </row>
        <row r="613">
          <cell r="C613">
            <v>1.4907999999999999</v>
          </cell>
          <cell r="AT613">
            <v>1999</v>
          </cell>
          <cell r="AU613">
            <v>9</v>
          </cell>
        </row>
        <row r="614">
          <cell r="C614">
            <v>1.4907999999999999</v>
          </cell>
          <cell r="AT614">
            <v>1999</v>
          </cell>
          <cell r="AU614">
            <v>9</v>
          </cell>
        </row>
        <row r="615">
          <cell r="C615">
            <v>1.4907999999999999</v>
          </cell>
          <cell r="AT615">
            <v>1999</v>
          </cell>
          <cell r="AU615">
            <v>9</v>
          </cell>
        </row>
        <row r="616">
          <cell r="C616">
            <v>1.4934000000000001</v>
          </cell>
          <cell r="AT616">
            <v>1999</v>
          </cell>
          <cell r="AU616">
            <v>9</v>
          </cell>
        </row>
        <row r="617">
          <cell r="C617">
            <v>1.4874000000000001</v>
          </cell>
          <cell r="AT617">
            <v>1999</v>
          </cell>
          <cell r="AU617">
            <v>9</v>
          </cell>
        </row>
        <row r="618">
          <cell r="C618">
            <v>1.4802999999999999</v>
          </cell>
          <cell r="AT618">
            <v>1999</v>
          </cell>
          <cell r="AU618">
            <v>9</v>
          </cell>
        </row>
        <row r="619">
          <cell r="C619">
            <v>1.4748000000000001</v>
          </cell>
          <cell r="AT619">
            <v>1999</v>
          </cell>
          <cell r="AU619">
            <v>9</v>
          </cell>
        </row>
        <row r="620">
          <cell r="C620">
            <v>1.4748000000000001</v>
          </cell>
          <cell r="AT620">
            <v>1999</v>
          </cell>
          <cell r="AU620">
            <v>9</v>
          </cell>
        </row>
        <row r="621">
          <cell r="C621">
            <v>1.4748000000000001</v>
          </cell>
          <cell r="AT621">
            <v>1999</v>
          </cell>
          <cell r="AU621">
            <v>9</v>
          </cell>
        </row>
        <row r="622">
          <cell r="C622">
            <v>1.47</v>
          </cell>
          <cell r="AT622">
            <v>1999</v>
          </cell>
          <cell r="AU622">
            <v>9</v>
          </cell>
        </row>
        <row r="623">
          <cell r="C623">
            <v>1.4737</v>
          </cell>
          <cell r="AT623">
            <v>1999</v>
          </cell>
          <cell r="AU623">
            <v>9</v>
          </cell>
        </row>
        <row r="624">
          <cell r="C624">
            <v>1.4754</v>
          </cell>
          <cell r="AT624">
            <v>1999</v>
          </cell>
          <cell r="AU624">
            <v>9</v>
          </cell>
        </row>
        <row r="625">
          <cell r="C625">
            <v>1.476</v>
          </cell>
          <cell r="AT625">
            <v>1999</v>
          </cell>
          <cell r="AU625">
            <v>9</v>
          </cell>
        </row>
        <row r="626">
          <cell r="C626">
            <v>1.474</v>
          </cell>
          <cell r="AT626">
            <v>1999</v>
          </cell>
          <cell r="AU626">
            <v>9</v>
          </cell>
        </row>
        <row r="627">
          <cell r="C627">
            <v>1.474</v>
          </cell>
          <cell r="AT627">
            <v>1999</v>
          </cell>
          <cell r="AU627">
            <v>9</v>
          </cell>
        </row>
        <row r="628">
          <cell r="C628">
            <v>1.474</v>
          </cell>
          <cell r="AT628">
            <v>1999</v>
          </cell>
          <cell r="AU628">
            <v>9</v>
          </cell>
        </row>
        <row r="629">
          <cell r="C629">
            <v>1.4790000000000001</v>
          </cell>
          <cell r="AT629">
            <v>1999</v>
          </cell>
          <cell r="AU629">
            <v>9</v>
          </cell>
        </row>
        <row r="630">
          <cell r="C630">
            <v>1.4722</v>
          </cell>
          <cell r="AT630">
            <v>1999</v>
          </cell>
          <cell r="AU630">
            <v>9</v>
          </cell>
        </row>
        <row r="631">
          <cell r="C631">
            <v>1.4681999999999999</v>
          </cell>
          <cell r="AT631">
            <v>1999</v>
          </cell>
          <cell r="AU631">
            <v>9</v>
          </cell>
        </row>
        <row r="632">
          <cell r="C632">
            <v>1.4753000000000001</v>
          </cell>
          <cell r="AT632">
            <v>1999</v>
          </cell>
          <cell r="AU632">
            <v>9</v>
          </cell>
        </row>
        <row r="633">
          <cell r="C633">
            <v>1.4736</v>
          </cell>
          <cell r="AT633">
            <v>1999</v>
          </cell>
          <cell r="AU633">
            <v>9</v>
          </cell>
        </row>
        <row r="634">
          <cell r="C634">
            <v>1.4736</v>
          </cell>
          <cell r="AT634">
            <v>1999</v>
          </cell>
          <cell r="AU634">
            <v>9</v>
          </cell>
        </row>
        <row r="635">
          <cell r="C635">
            <v>1.4736</v>
          </cell>
          <cell r="AT635">
            <v>1999</v>
          </cell>
          <cell r="AU635">
            <v>9</v>
          </cell>
        </row>
        <row r="636">
          <cell r="C636">
            <v>1.4713000000000001</v>
          </cell>
          <cell r="AT636">
            <v>1999</v>
          </cell>
          <cell r="AU636">
            <v>9</v>
          </cell>
        </row>
        <row r="637">
          <cell r="C637">
            <v>1.4642999999999999</v>
          </cell>
          <cell r="AT637">
            <v>1999</v>
          </cell>
          <cell r="AU637">
            <v>9</v>
          </cell>
        </row>
        <row r="638">
          <cell r="C638">
            <v>1.4637</v>
          </cell>
          <cell r="AT638">
            <v>1999</v>
          </cell>
          <cell r="AU638">
            <v>9</v>
          </cell>
        </row>
        <row r="639">
          <cell r="C639">
            <v>1.47</v>
          </cell>
          <cell r="AT639">
            <v>1999</v>
          </cell>
          <cell r="AU639">
            <v>10</v>
          </cell>
        </row>
        <row r="640">
          <cell r="C640">
            <v>1.4722999999999999</v>
          </cell>
          <cell r="AT640">
            <v>1999</v>
          </cell>
          <cell r="AU640">
            <v>10</v>
          </cell>
        </row>
        <row r="641">
          <cell r="C641">
            <v>1.4722999999999999</v>
          </cell>
          <cell r="AT641">
            <v>1999</v>
          </cell>
          <cell r="AU641">
            <v>10</v>
          </cell>
        </row>
        <row r="642">
          <cell r="C642">
            <v>1.4722999999999999</v>
          </cell>
          <cell r="AT642">
            <v>1999</v>
          </cell>
          <cell r="AU642">
            <v>10</v>
          </cell>
        </row>
        <row r="643">
          <cell r="C643">
            <v>1.4698</v>
          </cell>
          <cell r="AT643">
            <v>1999</v>
          </cell>
          <cell r="AU643">
            <v>10</v>
          </cell>
        </row>
        <row r="644">
          <cell r="C644">
            <v>1.4685999999999999</v>
          </cell>
          <cell r="AT644">
            <v>1999</v>
          </cell>
          <cell r="AU644">
            <v>10</v>
          </cell>
        </row>
        <row r="645">
          <cell r="C645">
            <v>1.4695</v>
          </cell>
          <cell r="AT645">
            <v>1999</v>
          </cell>
          <cell r="AU645">
            <v>10</v>
          </cell>
        </row>
        <row r="646">
          <cell r="C646">
            <v>1.4713000000000001</v>
          </cell>
          <cell r="AT646">
            <v>1999</v>
          </cell>
          <cell r="AU646">
            <v>10</v>
          </cell>
        </row>
        <row r="647">
          <cell r="C647">
            <v>1.4737</v>
          </cell>
          <cell r="AT647">
            <v>1999</v>
          </cell>
          <cell r="AU647">
            <v>10</v>
          </cell>
        </row>
        <row r="648">
          <cell r="C648">
            <v>1.4737</v>
          </cell>
          <cell r="AT648">
            <v>1999</v>
          </cell>
          <cell r="AU648">
            <v>10</v>
          </cell>
        </row>
        <row r="649">
          <cell r="C649">
            <v>1.4737</v>
          </cell>
          <cell r="AT649">
            <v>1999</v>
          </cell>
          <cell r="AU649">
            <v>10</v>
          </cell>
        </row>
        <row r="650">
          <cell r="C650">
            <v>1.4737</v>
          </cell>
          <cell r="AT650">
            <v>1999</v>
          </cell>
          <cell r="AU650">
            <v>10</v>
          </cell>
        </row>
        <row r="651">
          <cell r="C651">
            <v>1.4750000000000001</v>
          </cell>
          <cell r="AT651">
            <v>1999</v>
          </cell>
          <cell r="AU651">
            <v>10</v>
          </cell>
        </row>
        <row r="652">
          <cell r="C652">
            <v>1.4812000000000001</v>
          </cell>
          <cell r="AT652">
            <v>1999</v>
          </cell>
          <cell r="AU652">
            <v>10</v>
          </cell>
        </row>
        <row r="653">
          <cell r="C653">
            <v>1.4819</v>
          </cell>
          <cell r="AT653">
            <v>1999</v>
          </cell>
          <cell r="AU653">
            <v>10</v>
          </cell>
        </row>
        <row r="654">
          <cell r="C654">
            <v>1.4852000000000001</v>
          </cell>
          <cell r="AT654">
            <v>1999</v>
          </cell>
          <cell r="AU654">
            <v>10</v>
          </cell>
        </row>
        <row r="655">
          <cell r="C655">
            <v>1.4852000000000001</v>
          </cell>
          <cell r="AT655">
            <v>1999</v>
          </cell>
          <cell r="AU655">
            <v>10</v>
          </cell>
        </row>
        <row r="656">
          <cell r="C656">
            <v>1.4852000000000001</v>
          </cell>
          <cell r="AT656">
            <v>1999</v>
          </cell>
          <cell r="AU656">
            <v>10</v>
          </cell>
        </row>
        <row r="657">
          <cell r="C657">
            <v>1.4948999999999999</v>
          </cell>
          <cell r="AT657">
            <v>1999</v>
          </cell>
          <cell r="AU657">
            <v>10</v>
          </cell>
        </row>
        <row r="658">
          <cell r="C658">
            <v>1.4907999999999999</v>
          </cell>
          <cell r="AT658">
            <v>1999</v>
          </cell>
          <cell r="AU658">
            <v>10</v>
          </cell>
        </row>
        <row r="659">
          <cell r="C659">
            <v>1.4902</v>
          </cell>
          <cell r="AT659">
            <v>1999</v>
          </cell>
          <cell r="AU659">
            <v>10</v>
          </cell>
        </row>
        <row r="660">
          <cell r="C660">
            <v>1.4849000000000001</v>
          </cell>
          <cell r="AT660">
            <v>1999</v>
          </cell>
          <cell r="AU660">
            <v>10</v>
          </cell>
        </row>
        <row r="661">
          <cell r="C661">
            <v>1.4763999999999999</v>
          </cell>
          <cell r="AT661">
            <v>1999</v>
          </cell>
          <cell r="AU661">
            <v>10</v>
          </cell>
        </row>
        <row r="662">
          <cell r="C662">
            <v>1.4763999999999999</v>
          </cell>
          <cell r="AT662">
            <v>1999</v>
          </cell>
          <cell r="AU662">
            <v>10</v>
          </cell>
        </row>
        <row r="663">
          <cell r="C663">
            <v>1.4763999999999999</v>
          </cell>
          <cell r="AT663">
            <v>1999</v>
          </cell>
          <cell r="AU663">
            <v>10</v>
          </cell>
        </row>
        <row r="664">
          <cell r="C664">
            <v>1.4742</v>
          </cell>
          <cell r="AT664">
            <v>1999</v>
          </cell>
          <cell r="AU664">
            <v>10</v>
          </cell>
        </row>
        <row r="665">
          <cell r="C665">
            <v>1.4713000000000001</v>
          </cell>
          <cell r="AT665">
            <v>1999</v>
          </cell>
          <cell r="AU665">
            <v>10</v>
          </cell>
        </row>
        <row r="666">
          <cell r="C666">
            <v>1.4709000000000001</v>
          </cell>
          <cell r="AT666">
            <v>1999</v>
          </cell>
          <cell r="AU666">
            <v>10</v>
          </cell>
        </row>
        <row r="667">
          <cell r="C667">
            <v>1.4722</v>
          </cell>
          <cell r="AT667">
            <v>1999</v>
          </cell>
          <cell r="AU667">
            <v>10</v>
          </cell>
        </row>
        <row r="668">
          <cell r="C668">
            <v>1.4718</v>
          </cell>
          <cell r="AT668">
            <v>1999</v>
          </cell>
          <cell r="AU668">
            <v>10</v>
          </cell>
        </row>
        <row r="669">
          <cell r="C669">
            <v>1.4718</v>
          </cell>
          <cell r="AT669">
            <v>1999</v>
          </cell>
          <cell r="AU669">
            <v>10</v>
          </cell>
        </row>
        <row r="670">
          <cell r="C670">
            <v>1.4718</v>
          </cell>
          <cell r="AT670">
            <v>1999</v>
          </cell>
          <cell r="AU670">
            <v>11</v>
          </cell>
        </row>
        <row r="671">
          <cell r="C671">
            <v>1.4682999999999999</v>
          </cell>
          <cell r="AT671">
            <v>1999</v>
          </cell>
          <cell r="AU671">
            <v>11</v>
          </cell>
        </row>
        <row r="672">
          <cell r="C672">
            <v>1.4686999999999999</v>
          </cell>
          <cell r="AT672">
            <v>1999</v>
          </cell>
          <cell r="AU672">
            <v>11</v>
          </cell>
        </row>
        <row r="673">
          <cell r="C673">
            <v>1.4686999999999999</v>
          </cell>
          <cell r="AT673">
            <v>1999</v>
          </cell>
          <cell r="AU673">
            <v>11</v>
          </cell>
        </row>
        <row r="674">
          <cell r="C674">
            <v>1.4649000000000001</v>
          </cell>
          <cell r="AT674">
            <v>1999</v>
          </cell>
          <cell r="AU674">
            <v>11</v>
          </cell>
        </row>
        <row r="675">
          <cell r="C675">
            <v>1.4629000000000001</v>
          </cell>
          <cell r="AT675">
            <v>1999</v>
          </cell>
          <cell r="AU675">
            <v>11</v>
          </cell>
        </row>
        <row r="676">
          <cell r="C676">
            <v>1.4629000000000001</v>
          </cell>
          <cell r="AT676">
            <v>1999</v>
          </cell>
          <cell r="AU676">
            <v>11</v>
          </cell>
        </row>
        <row r="677">
          <cell r="C677">
            <v>1.4629000000000001</v>
          </cell>
          <cell r="AT677">
            <v>1999</v>
          </cell>
          <cell r="AU677">
            <v>11</v>
          </cell>
        </row>
        <row r="678">
          <cell r="C678">
            <v>1.4684999999999999</v>
          </cell>
          <cell r="AT678">
            <v>1999</v>
          </cell>
          <cell r="AU678">
            <v>11</v>
          </cell>
        </row>
        <row r="679">
          <cell r="C679">
            <v>1.4738</v>
          </cell>
          <cell r="AT679">
            <v>1999</v>
          </cell>
          <cell r="AU679">
            <v>11</v>
          </cell>
        </row>
        <row r="680">
          <cell r="C680">
            <v>1.4714</v>
          </cell>
          <cell r="AT680">
            <v>1999</v>
          </cell>
          <cell r="AU680">
            <v>11</v>
          </cell>
        </row>
        <row r="681">
          <cell r="C681">
            <v>1.4714</v>
          </cell>
          <cell r="AT681">
            <v>1999</v>
          </cell>
          <cell r="AU681">
            <v>11</v>
          </cell>
        </row>
        <row r="682">
          <cell r="C682">
            <v>1.4617</v>
          </cell>
          <cell r="AT682">
            <v>1999</v>
          </cell>
          <cell r="AU682">
            <v>11</v>
          </cell>
        </row>
        <row r="683">
          <cell r="C683">
            <v>1.4617</v>
          </cell>
          <cell r="AT683">
            <v>1999</v>
          </cell>
          <cell r="AU683">
            <v>11</v>
          </cell>
        </row>
        <row r="684">
          <cell r="C684">
            <v>1.4617</v>
          </cell>
          <cell r="AT684">
            <v>1999</v>
          </cell>
          <cell r="AU684">
            <v>11</v>
          </cell>
        </row>
        <row r="685">
          <cell r="C685">
            <v>1.4650000000000001</v>
          </cell>
          <cell r="AT685">
            <v>1999</v>
          </cell>
          <cell r="AU685">
            <v>11</v>
          </cell>
        </row>
        <row r="686">
          <cell r="C686">
            <v>1.4694</v>
          </cell>
          <cell r="AT686">
            <v>1999</v>
          </cell>
          <cell r="AU686">
            <v>11</v>
          </cell>
        </row>
        <row r="687">
          <cell r="C687">
            <v>1.4674</v>
          </cell>
          <cell r="AT687">
            <v>1999</v>
          </cell>
          <cell r="AU687">
            <v>11</v>
          </cell>
        </row>
        <row r="688">
          <cell r="C688">
            <v>1.464</v>
          </cell>
          <cell r="AT688">
            <v>1999</v>
          </cell>
          <cell r="AU688">
            <v>11</v>
          </cell>
        </row>
        <row r="689">
          <cell r="C689">
            <v>1.4622999999999999</v>
          </cell>
          <cell r="AT689">
            <v>1999</v>
          </cell>
          <cell r="AU689">
            <v>11</v>
          </cell>
        </row>
        <row r="690">
          <cell r="C690">
            <v>1.4622999999999999</v>
          </cell>
          <cell r="AT690">
            <v>1999</v>
          </cell>
          <cell r="AU690">
            <v>11</v>
          </cell>
        </row>
        <row r="691">
          <cell r="C691">
            <v>1.4622999999999999</v>
          </cell>
          <cell r="AT691">
            <v>1999</v>
          </cell>
          <cell r="AU691">
            <v>11</v>
          </cell>
        </row>
        <row r="692">
          <cell r="C692">
            <v>1.4618</v>
          </cell>
          <cell r="AT692">
            <v>1999</v>
          </cell>
          <cell r="AU692">
            <v>11</v>
          </cell>
        </row>
        <row r="693">
          <cell r="C693">
            <v>1.4646999999999999</v>
          </cell>
          <cell r="AT693">
            <v>1999</v>
          </cell>
          <cell r="AU693">
            <v>11</v>
          </cell>
        </row>
        <row r="694">
          <cell r="C694">
            <v>1.4686999999999999</v>
          </cell>
          <cell r="AT694">
            <v>1999</v>
          </cell>
          <cell r="AU694">
            <v>11</v>
          </cell>
        </row>
        <row r="695">
          <cell r="C695">
            <v>1.4684999999999999</v>
          </cell>
          <cell r="AT695">
            <v>1999</v>
          </cell>
          <cell r="AU695">
            <v>11</v>
          </cell>
        </row>
        <row r="696">
          <cell r="C696">
            <v>1.4681999999999999</v>
          </cell>
          <cell r="AT696">
            <v>1999</v>
          </cell>
          <cell r="AU696">
            <v>11</v>
          </cell>
        </row>
        <row r="697">
          <cell r="C697">
            <v>1.4681999999999999</v>
          </cell>
          <cell r="AT697">
            <v>1999</v>
          </cell>
          <cell r="AU697">
            <v>11</v>
          </cell>
        </row>
        <row r="698">
          <cell r="C698">
            <v>1.4681999999999999</v>
          </cell>
          <cell r="AT698">
            <v>1999</v>
          </cell>
          <cell r="AU698">
            <v>11</v>
          </cell>
        </row>
        <row r="699">
          <cell r="C699">
            <v>1.4748000000000001</v>
          </cell>
          <cell r="AT699">
            <v>1999</v>
          </cell>
          <cell r="AU699">
            <v>11</v>
          </cell>
        </row>
        <row r="700">
          <cell r="C700">
            <v>1.4728000000000001</v>
          </cell>
          <cell r="AT700">
            <v>1999</v>
          </cell>
          <cell r="AU700">
            <v>12</v>
          </cell>
        </row>
        <row r="701">
          <cell r="C701">
            <v>1.4742</v>
          </cell>
          <cell r="AT701">
            <v>1999</v>
          </cell>
          <cell r="AU701">
            <v>12</v>
          </cell>
        </row>
        <row r="702">
          <cell r="C702">
            <v>1.4799</v>
          </cell>
          <cell r="AT702">
            <v>1999</v>
          </cell>
          <cell r="AU702">
            <v>12</v>
          </cell>
        </row>
        <row r="703">
          <cell r="C703">
            <v>1.4791000000000001</v>
          </cell>
          <cell r="AT703">
            <v>1999</v>
          </cell>
          <cell r="AU703">
            <v>12</v>
          </cell>
        </row>
        <row r="704">
          <cell r="C704">
            <v>1.4791000000000001</v>
          </cell>
          <cell r="AT704">
            <v>1999</v>
          </cell>
          <cell r="AU704">
            <v>12</v>
          </cell>
        </row>
        <row r="705">
          <cell r="C705">
            <v>1.4791000000000001</v>
          </cell>
          <cell r="AT705">
            <v>1999</v>
          </cell>
          <cell r="AU705">
            <v>12</v>
          </cell>
        </row>
        <row r="706">
          <cell r="C706">
            <v>1.4742</v>
          </cell>
          <cell r="AT706">
            <v>1999</v>
          </cell>
          <cell r="AU706">
            <v>12</v>
          </cell>
        </row>
        <row r="707">
          <cell r="C707">
            <v>1.4749000000000001</v>
          </cell>
          <cell r="AT707">
            <v>1999</v>
          </cell>
          <cell r="AU707">
            <v>12</v>
          </cell>
        </row>
        <row r="708">
          <cell r="C708">
            <v>1.4793000000000001</v>
          </cell>
          <cell r="AT708">
            <v>1999</v>
          </cell>
          <cell r="AU708">
            <v>12</v>
          </cell>
        </row>
        <row r="709">
          <cell r="C709">
            <v>1.474</v>
          </cell>
          <cell r="AT709">
            <v>1999</v>
          </cell>
          <cell r="AU709">
            <v>12</v>
          </cell>
        </row>
        <row r="710">
          <cell r="C710">
            <v>1.4782999999999999</v>
          </cell>
          <cell r="AT710">
            <v>1999</v>
          </cell>
          <cell r="AU710">
            <v>12</v>
          </cell>
        </row>
        <row r="711">
          <cell r="C711">
            <v>1.4782999999999999</v>
          </cell>
          <cell r="AT711">
            <v>1999</v>
          </cell>
          <cell r="AU711">
            <v>12</v>
          </cell>
        </row>
        <row r="712">
          <cell r="C712">
            <v>1.4782999999999999</v>
          </cell>
          <cell r="AT712">
            <v>1999</v>
          </cell>
          <cell r="AU712">
            <v>12</v>
          </cell>
        </row>
        <row r="713">
          <cell r="C713">
            <v>1.4796</v>
          </cell>
          <cell r="AT713">
            <v>1999</v>
          </cell>
          <cell r="AU713">
            <v>12</v>
          </cell>
        </row>
        <row r="714">
          <cell r="C714">
            <v>1.482</v>
          </cell>
          <cell r="AT714">
            <v>1999</v>
          </cell>
          <cell r="AU714">
            <v>12</v>
          </cell>
        </row>
        <row r="715">
          <cell r="C715">
            <v>1.4832000000000001</v>
          </cell>
          <cell r="AT715">
            <v>1999</v>
          </cell>
          <cell r="AU715">
            <v>12</v>
          </cell>
        </row>
        <row r="716">
          <cell r="C716">
            <v>1.4784999999999999</v>
          </cell>
          <cell r="AT716">
            <v>1999</v>
          </cell>
          <cell r="AU716">
            <v>12</v>
          </cell>
        </row>
        <row r="717">
          <cell r="C717">
            <v>1.4776</v>
          </cell>
          <cell r="AT717">
            <v>1999</v>
          </cell>
          <cell r="AU717">
            <v>12</v>
          </cell>
        </row>
        <row r="718">
          <cell r="C718">
            <v>1.4776</v>
          </cell>
          <cell r="AT718">
            <v>1999</v>
          </cell>
          <cell r="AU718">
            <v>12</v>
          </cell>
        </row>
        <row r="719">
          <cell r="C719">
            <v>1.4776</v>
          </cell>
          <cell r="AT719">
            <v>1999</v>
          </cell>
          <cell r="AU719">
            <v>12</v>
          </cell>
        </row>
        <row r="720">
          <cell r="C720">
            <v>1.4797</v>
          </cell>
          <cell r="AT720">
            <v>1999</v>
          </cell>
          <cell r="AU720">
            <v>12</v>
          </cell>
        </row>
        <row r="721">
          <cell r="C721">
            <v>1.4785999999999999</v>
          </cell>
          <cell r="AT721">
            <v>1999</v>
          </cell>
          <cell r="AU721">
            <v>12</v>
          </cell>
        </row>
        <row r="722">
          <cell r="C722">
            <v>1.4764999999999999</v>
          </cell>
          <cell r="AT722">
            <v>1999</v>
          </cell>
          <cell r="AU722">
            <v>12</v>
          </cell>
        </row>
        <row r="723">
          <cell r="C723">
            <v>1.4735</v>
          </cell>
          <cell r="AT723">
            <v>1999</v>
          </cell>
          <cell r="AU723">
            <v>12</v>
          </cell>
        </row>
        <row r="724">
          <cell r="C724">
            <v>1.4681999999999999</v>
          </cell>
          <cell r="AT724">
            <v>1999</v>
          </cell>
          <cell r="AU724">
            <v>12</v>
          </cell>
        </row>
        <row r="725">
          <cell r="C725">
            <v>1.4681999999999999</v>
          </cell>
          <cell r="AT725">
            <v>1999</v>
          </cell>
          <cell r="AU725">
            <v>12</v>
          </cell>
        </row>
        <row r="726">
          <cell r="C726">
            <v>1.4681999999999999</v>
          </cell>
          <cell r="AT726">
            <v>1999</v>
          </cell>
          <cell r="AU726">
            <v>12</v>
          </cell>
        </row>
        <row r="727">
          <cell r="C727">
            <v>1.4681999999999999</v>
          </cell>
          <cell r="AT727">
            <v>1999</v>
          </cell>
          <cell r="AU727">
            <v>12</v>
          </cell>
        </row>
        <row r="728">
          <cell r="C728">
            <v>1.4681999999999999</v>
          </cell>
          <cell r="AT728">
            <v>1999</v>
          </cell>
          <cell r="AU728">
            <v>12</v>
          </cell>
        </row>
        <row r="729">
          <cell r="C729">
            <v>1.4507000000000001</v>
          </cell>
          <cell r="AT729">
            <v>1999</v>
          </cell>
          <cell r="AU729">
            <v>12</v>
          </cell>
        </row>
        <row r="730">
          <cell r="C730">
            <v>1.4530000000000001</v>
          </cell>
          <cell r="AT730">
            <v>1999</v>
          </cell>
          <cell r="AU730">
            <v>12</v>
          </cell>
        </row>
        <row r="731">
          <cell r="C731">
            <v>1.4433</v>
          </cell>
          <cell r="AT731">
            <v>2000</v>
          </cell>
          <cell r="AU731">
            <v>1</v>
          </cell>
        </row>
        <row r="732">
          <cell r="C732">
            <v>1.4433</v>
          </cell>
          <cell r="AT732">
            <v>2000</v>
          </cell>
          <cell r="AU732">
            <v>1</v>
          </cell>
        </row>
        <row r="733">
          <cell r="C733">
            <v>1.4433</v>
          </cell>
          <cell r="AT733">
            <v>2000</v>
          </cell>
          <cell r="AU733">
            <v>1</v>
          </cell>
        </row>
        <row r="734">
          <cell r="C734">
            <v>1.4433</v>
          </cell>
          <cell r="AT734">
            <v>2000</v>
          </cell>
          <cell r="AU734">
            <v>1</v>
          </cell>
        </row>
        <row r="735">
          <cell r="C735">
            <v>1.452</v>
          </cell>
          <cell r="AT735">
            <v>2000</v>
          </cell>
          <cell r="AU735">
            <v>1</v>
          </cell>
        </row>
        <row r="736">
          <cell r="C736">
            <v>1.4513</v>
          </cell>
          <cell r="AT736">
            <v>2000</v>
          </cell>
          <cell r="AU736">
            <v>1</v>
          </cell>
        </row>
        <row r="737">
          <cell r="C737">
            <v>1.4571000000000001</v>
          </cell>
          <cell r="AT737">
            <v>2000</v>
          </cell>
          <cell r="AU737">
            <v>1</v>
          </cell>
        </row>
        <row r="738">
          <cell r="C738">
            <v>1.46</v>
          </cell>
          <cell r="AT738">
            <v>2000</v>
          </cell>
          <cell r="AU738">
            <v>1</v>
          </cell>
        </row>
        <row r="739">
          <cell r="C739">
            <v>1.46</v>
          </cell>
          <cell r="AT739">
            <v>2000</v>
          </cell>
          <cell r="AU739">
            <v>1</v>
          </cell>
        </row>
        <row r="740">
          <cell r="C740">
            <v>1.46</v>
          </cell>
          <cell r="AT740">
            <v>2000</v>
          </cell>
          <cell r="AU740">
            <v>1</v>
          </cell>
        </row>
        <row r="741">
          <cell r="C741">
            <v>1.4563999999999999</v>
          </cell>
          <cell r="AT741">
            <v>2000</v>
          </cell>
          <cell r="AU741">
            <v>1</v>
          </cell>
        </row>
        <row r="742">
          <cell r="C742">
            <v>1.4573</v>
          </cell>
          <cell r="AT742">
            <v>2000</v>
          </cell>
          <cell r="AU742">
            <v>1</v>
          </cell>
        </row>
        <row r="743">
          <cell r="C743">
            <v>1.4547000000000001</v>
          </cell>
          <cell r="AT743">
            <v>2000</v>
          </cell>
          <cell r="AU743">
            <v>1</v>
          </cell>
        </row>
        <row r="744">
          <cell r="C744">
            <v>1.4494</v>
          </cell>
          <cell r="AT744">
            <v>2000</v>
          </cell>
          <cell r="AU744">
            <v>1</v>
          </cell>
        </row>
        <row r="745">
          <cell r="C745">
            <v>1.4493</v>
          </cell>
          <cell r="AT745">
            <v>2000</v>
          </cell>
          <cell r="AU745">
            <v>1</v>
          </cell>
        </row>
        <row r="746">
          <cell r="C746">
            <v>1.4493</v>
          </cell>
          <cell r="AT746">
            <v>2000</v>
          </cell>
          <cell r="AU746">
            <v>1</v>
          </cell>
        </row>
        <row r="747">
          <cell r="C747">
            <v>1.4493</v>
          </cell>
          <cell r="AT747">
            <v>2000</v>
          </cell>
          <cell r="AU747">
            <v>1</v>
          </cell>
        </row>
        <row r="748">
          <cell r="C748">
            <v>1.4508000000000001</v>
          </cell>
          <cell r="AT748">
            <v>2000</v>
          </cell>
          <cell r="AU748">
            <v>1</v>
          </cell>
        </row>
        <row r="749">
          <cell r="C749">
            <v>1.4500999999999999</v>
          </cell>
          <cell r="AT749">
            <v>2000</v>
          </cell>
          <cell r="AU749">
            <v>1</v>
          </cell>
        </row>
        <row r="750">
          <cell r="C750">
            <v>1.4522999999999999</v>
          </cell>
          <cell r="AT750">
            <v>2000</v>
          </cell>
          <cell r="AU750">
            <v>1</v>
          </cell>
        </row>
        <row r="751">
          <cell r="C751">
            <v>1.448</v>
          </cell>
          <cell r="AT751">
            <v>2000</v>
          </cell>
          <cell r="AU751">
            <v>1</v>
          </cell>
        </row>
        <row r="752">
          <cell r="C752">
            <v>1.4395</v>
          </cell>
          <cell r="AT752">
            <v>2000</v>
          </cell>
          <cell r="AU752">
            <v>1</v>
          </cell>
        </row>
        <row r="753">
          <cell r="C753">
            <v>1.4395</v>
          </cell>
          <cell r="AT753">
            <v>2000</v>
          </cell>
          <cell r="AU753">
            <v>1</v>
          </cell>
        </row>
        <row r="754">
          <cell r="C754">
            <v>1.4395</v>
          </cell>
          <cell r="AT754">
            <v>2000</v>
          </cell>
          <cell r="AU754">
            <v>1</v>
          </cell>
        </row>
        <row r="755">
          <cell r="C755">
            <v>1.44</v>
          </cell>
          <cell r="AT755">
            <v>2000</v>
          </cell>
          <cell r="AU755">
            <v>1</v>
          </cell>
        </row>
        <row r="756">
          <cell r="C756">
            <v>1.4390000000000001</v>
          </cell>
          <cell r="AT756">
            <v>2000</v>
          </cell>
          <cell r="AU756">
            <v>1</v>
          </cell>
        </row>
        <row r="757">
          <cell r="C757">
            <v>1.4378</v>
          </cell>
          <cell r="AT757">
            <v>2000</v>
          </cell>
          <cell r="AU757">
            <v>1</v>
          </cell>
        </row>
        <row r="758">
          <cell r="C758">
            <v>1.4340999999999999</v>
          </cell>
          <cell r="AT758">
            <v>2000</v>
          </cell>
          <cell r="AU758">
            <v>1</v>
          </cell>
        </row>
        <row r="759">
          <cell r="C759">
            <v>1.4482999999999999</v>
          </cell>
          <cell r="AT759">
            <v>2000</v>
          </cell>
          <cell r="AU759">
            <v>1</v>
          </cell>
        </row>
        <row r="760">
          <cell r="C760">
            <v>1.4482999999999999</v>
          </cell>
          <cell r="AT760">
            <v>2000</v>
          </cell>
          <cell r="AU760">
            <v>1</v>
          </cell>
        </row>
        <row r="761">
          <cell r="C761">
            <v>1.4482999999999999</v>
          </cell>
          <cell r="AT761">
            <v>2000</v>
          </cell>
          <cell r="AU761">
            <v>1</v>
          </cell>
        </row>
        <row r="762">
          <cell r="C762">
            <v>1.4512</v>
          </cell>
          <cell r="AT762">
            <v>2000</v>
          </cell>
          <cell r="AU762">
            <v>2</v>
          </cell>
        </row>
        <row r="763">
          <cell r="C763">
            <v>1.4479</v>
          </cell>
          <cell r="AT763">
            <v>2000</v>
          </cell>
          <cell r="AU763">
            <v>2</v>
          </cell>
        </row>
        <row r="764">
          <cell r="C764">
            <v>1.4430000000000001</v>
          </cell>
          <cell r="AT764">
            <v>2000</v>
          </cell>
          <cell r="AU764">
            <v>2</v>
          </cell>
        </row>
        <row r="765">
          <cell r="C765">
            <v>1.4413</v>
          </cell>
          <cell r="AT765">
            <v>2000</v>
          </cell>
          <cell r="AU765">
            <v>2</v>
          </cell>
        </row>
        <row r="766">
          <cell r="C766">
            <v>1.4464999999999999</v>
          </cell>
          <cell r="AT766">
            <v>2000</v>
          </cell>
          <cell r="AU766">
            <v>2</v>
          </cell>
        </row>
        <row r="767">
          <cell r="C767">
            <v>1.4464999999999999</v>
          </cell>
          <cell r="AT767">
            <v>2000</v>
          </cell>
          <cell r="AU767">
            <v>2</v>
          </cell>
        </row>
        <row r="768">
          <cell r="C768">
            <v>1.4464999999999999</v>
          </cell>
          <cell r="AT768">
            <v>2000</v>
          </cell>
          <cell r="AU768">
            <v>2</v>
          </cell>
        </row>
        <row r="769">
          <cell r="C769">
            <v>1.4455</v>
          </cell>
          <cell r="AT769">
            <v>2000</v>
          </cell>
          <cell r="AU769">
            <v>2</v>
          </cell>
        </row>
        <row r="770">
          <cell r="C770">
            <v>1.4475</v>
          </cell>
          <cell r="AT770">
            <v>2000</v>
          </cell>
          <cell r="AU770">
            <v>2</v>
          </cell>
        </row>
        <row r="771">
          <cell r="C771">
            <v>1.4443999999999999</v>
          </cell>
          <cell r="AT771">
            <v>2000</v>
          </cell>
          <cell r="AU771">
            <v>2</v>
          </cell>
        </row>
        <row r="772">
          <cell r="C772">
            <v>1.45</v>
          </cell>
          <cell r="AT772">
            <v>2000</v>
          </cell>
          <cell r="AU772">
            <v>2</v>
          </cell>
        </row>
        <row r="773">
          <cell r="C773">
            <v>1.4512</v>
          </cell>
          <cell r="AT773">
            <v>2000</v>
          </cell>
          <cell r="AU773">
            <v>2</v>
          </cell>
        </row>
        <row r="774">
          <cell r="C774">
            <v>1.4512</v>
          </cell>
          <cell r="AT774">
            <v>2000</v>
          </cell>
          <cell r="AU774">
            <v>2</v>
          </cell>
        </row>
        <row r="775">
          <cell r="C775">
            <v>1.4512</v>
          </cell>
          <cell r="AT775">
            <v>2000</v>
          </cell>
          <cell r="AU775">
            <v>2</v>
          </cell>
        </row>
        <row r="776">
          <cell r="C776">
            <v>1.4545999999999999</v>
          </cell>
          <cell r="AT776">
            <v>2000</v>
          </cell>
          <cell r="AU776">
            <v>2</v>
          </cell>
        </row>
        <row r="777">
          <cell r="C777">
            <v>1.4581999999999999</v>
          </cell>
          <cell r="AT777">
            <v>2000</v>
          </cell>
          <cell r="AU777">
            <v>2</v>
          </cell>
        </row>
        <row r="778">
          <cell r="C778">
            <v>1.4516</v>
          </cell>
          <cell r="AT778">
            <v>2000</v>
          </cell>
          <cell r="AU778">
            <v>2</v>
          </cell>
        </row>
        <row r="779">
          <cell r="C779">
            <v>1.4521999999999999</v>
          </cell>
          <cell r="AT779">
            <v>2000</v>
          </cell>
          <cell r="AU779">
            <v>2</v>
          </cell>
        </row>
        <row r="780">
          <cell r="C780">
            <v>1.4508000000000001</v>
          </cell>
          <cell r="AT780">
            <v>2000</v>
          </cell>
          <cell r="AU780">
            <v>2</v>
          </cell>
        </row>
        <row r="781">
          <cell r="C781">
            <v>1.4508000000000001</v>
          </cell>
          <cell r="AT781">
            <v>2000</v>
          </cell>
          <cell r="AU781">
            <v>2</v>
          </cell>
        </row>
        <row r="782">
          <cell r="C782">
            <v>1.4508000000000001</v>
          </cell>
          <cell r="AT782">
            <v>2000</v>
          </cell>
          <cell r="AU782">
            <v>2</v>
          </cell>
        </row>
        <row r="783">
          <cell r="C783">
            <v>1.4533</v>
          </cell>
          <cell r="AT783">
            <v>2000</v>
          </cell>
          <cell r="AU783">
            <v>2</v>
          </cell>
        </row>
        <row r="784">
          <cell r="C784">
            <v>1.4587000000000001</v>
          </cell>
          <cell r="AT784">
            <v>2000</v>
          </cell>
          <cell r="AU784">
            <v>2</v>
          </cell>
        </row>
        <row r="785">
          <cell r="C785">
            <v>1.4643999999999999</v>
          </cell>
          <cell r="AT785">
            <v>2000</v>
          </cell>
          <cell r="AU785">
            <v>2</v>
          </cell>
        </row>
        <row r="786">
          <cell r="C786">
            <v>1.4579</v>
          </cell>
          <cell r="AT786">
            <v>2000</v>
          </cell>
          <cell r="AU786">
            <v>2</v>
          </cell>
        </row>
        <row r="787">
          <cell r="C787">
            <v>1.4503999999999999</v>
          </cell>
          <cell r="AT787">
            <v>2000</v>
          </cell>
          <cell r="AU787">
            <v>2</v>
          </cell>
        </row>
        <row r="788">
          <cell r="C788">
            <v>1.4503999999999999</v>
          </cell>
          <cell r="AT788">
            <v>2000</v>
          </cell>
          <cell r="AU788">
            <v>2</v>
          </cell>
        </row>
        <row r="789">
          <cell r="C789">
            <v>1.4503999999999999</v>
          </cell>
          <cell r="AT789">
            <v>2000</v>
          </cell>
          <cell r="AU789">
            <v>2</v>
          </cell>
        </row>
        <row r="790">
          <cell r="C790">
            <v>1.4541999999999999</v>
          </cell>
          <cell r="AT790">
            <v>2000</v>
          </cell>
          <cell r="AU790">
            <v>2</v>
          </cell>
        </row>
        <row r="791">
          <cell r="C791">
            <v>1.4488000000000001</v>
          </cell>
          <cell r="AT791">
            <v>2000</v>
          </cell>
          <cell r="AU791">
            <v>3</v>
          </cell>
        </row>
        <row r="792">
          <cell r="C792">
            <v>1.4473</v>
          </cell>
          <cell r="AT792">
            <v>2000</v>
          </cell>
          <cell r="AU792">
            <v>3</v>
          </cell>
        </row>
        <row r="793">
          <cell r="C793">
            <v>1.4537</v>
          </cell>
          <cell r="AT793">
            <v>2000</v>
          </cell>
          <cell r="AU793">
            <v>3</v>
          </cell>
        </row>
        <row r="794">
          <cell r="C794">
            <v>1.4507000000000001</v>
          </cell>
          <cell r="AT794">
            <v>2000</v>
          </cell>
          <cell r="AU794">
            <v>3</v>
          </cell>
        </row>
        <row r="795">
          <cell r="C795">
            <v>1.4507000000000001</v>
          </cell>
          <cell r="AT795">
            <v>2000</v>
          </cell>
          <cell r="AU795">
            <v>3</v>
          </cell>
        </row>
        <row r="796">
          <cell r="C796">
            <v>1.4507000000000001</v>
          </cell>
          <cell r="AT796">
            <v>2000</v>
          </cell>
          <cell r="AU796">
            <v>3</v>
          </cell>
        </row>
        <row r="797">
          <cell r="C797">
            <v>1.4550000000000001</v>
          </cell>
          <cell r="AT797">
            <v>2000</v>
          </cell>
          <cell r="AU797">
            <v>3</v>
          </cell>
        </row>
        <row r="798">
          <cell r="C798">
            <v>1.4527000000000001</v>
          </cell>
          <cell r="AT798">
            <v>2000</v>
          </cell>
          <cell r="AU798">
            <v>3</v>
          </cell>
        </row>
        <row r="799">
          <cell r="C799">
            <v>1.4589000000000001</v>
          </cell>
          <cell r="AT799">
            <v>2000</v>
          </cell>
          <cell r="AU799">
            <v>3</v>
          </cell>
        </row>
        <row r="800">
          <cell r="C800">
            <v>1.4571000000000001</v>
          </cell>
          <cell r="AT800">
            <v>2000</v>
          </cell>
          <cell r="AU800">
            <v>3</v>
          </cell>
        </row>
        <row r="801">
          <cell r="C801">
            <v>1.4574</v>
          </cell>
          <cell r="AT801">
            <v>2000</v>
          </cell>
          <cell r="AU801">
            <v>3</v>
          </cell>
        </row>
        <row r="802">
          <cell r="C802">
            <v>1.4574</v>
          </cell>
          <cell r="AT802">
            <v>2000</v>
          </cell>
          <cell r="AU802">
            <v>3</v>
          </cell>
        </row>
        <row r="803">
          <cell r="C803">
            <v>1.4574</v>
          </cell>
          <cell r="AT803">
            <v>2000</v>
          </cell>
          <cell r="AU803">
            <v>3</v>
          </cell>
        </row>
        <row r="804">
          <cell r="C804">
            <v>1.4611000000000001</v>
          </cell>
          <cell r="AT804">
            <v>2000</v>
          </cell>
          <cell r="AU804">
            <v>3</v>
          </cell>
        </row>
        <row r="805">
          <cell r="C805">
            <v>1.4629000000000001</v>
          </cell>
          <cell r="AT805">
            <v>2000</v>
          </cell>
          <cell r="AU805">
            <v>3</v>
          </cell>
        </row>
        <row r="806">
          <cell r="C806">
            <v>1.4679</v>
          </cell>
          <cell r="AT806">
            <v>2000</v>
          </cell>
          <cell r="AU806">
            <v>3</v>
          </cell>
        </row>
        <row r="807">
          <cell r="C807">
            <v>1.4721</v>
          </cell>
          <cell r="AT807">
            <v>2000</v>
          </cell>
          <cell r="AU807">
            <v>3</v>
          </cell>
        </row>
        <row r="808">
          <cell r="C808">
            <v>1.4732000000000001</v>
          </cell>
          <cell r="AT808">
            <v>2000</v>
          </cell>
          <cell r="AU808">
            <v>3</v>
          </cell>
        </row>
        <row r="809">
          <cell r="C809">
            <v>1.4732000000000001</v>
          </cell>
          <cell r="AT809">
            <v>2000</v>
          </cell>
          <cell r="AU809">
            <v>3</v>
          </cell>
        </row>
        <row r="810">
          <cell r="C810">
            <v>1.4732000000000001</v>
          </cell>
          <cell r="AT810">
            <v>2000</v>
          </cell>
          <cell r="AU810">
            <v>3</v>
          </cell>
        </row>
        <row r="811">
          <cell r="C811">
            <v>1.4701</v>
          </cell>
          <cell r="AT811">
            <v>2000</v>
          </cell>
          <cell r="AU811">
            <v>3</v>
          </cell>
        </row>
        <row r="812">
          <cell r="C812">
            <v>1.466</v>
          </cell>
          <cell r="AT812">
            <v>2000</v>
          </cell>
          <cell r="AU812">
            <v>3</v>
          </cell>
        </row>
        <row r="813">
          <cell r="C813">
            <v>1.4718</v>
          </cell>
          <cell r="AT813">
            <v>2000</v>
          </cell>
          <cell r="AU813">
            <v>3</v>
          </cell>
        </row>
        <row r="814">
          <cell r="C814">
            <v>1.4726999999999999</v>
          </cell>
          <cell r="AT814">
            <v>2000</v>
          </cell>
          <cell r="AU814">
            <v>3</v>
          </cell>
        </row>
        <row r="815">
          <cell r="C815">
            <v>1.4649000000000001</v>
          </cell>
          <cell r="AT815">
            <v>2000</v>
          </cell>
          <cell r="AU815">
            <v>3</v>
          </cell>
        </row>
        <row r="816">
          <cell r="C816">
            <v>1.4649000000000001</v>
          </cell>
          <cell r="AT816">
            <v>2000</v>
          </cell>
          <cell r="AU816">
            <v>3</v>
          </cell>
        </row>
        <row r="817">
          <cell r="C817">
            <v>1.4649000000000001</v>
          </cell>
          <cell r="AT817">
            <v>2000</v>
          </cell>
          <cell r="AU817">
            <v>3</v>
          </cell>
        </row>
        <row r="818">
          <cell r="C818">
            <v>1.4602999999999999</v>
          </cell>
          <cell r="AT818">
            <v>2000</v>
          </cell>
          <cell r="AU818">
            <v>3</v>
          </cell>
        </row>
        <row r="819">
          <cell r="C819">
            <v>1.454</v>
          </cell>
          <cell r="AT819">
            <v>2000</v>
          </cell>
          <cell r="AU819">
            <v>3</v>
          </cell>
        </row>
        <row r="820">
          <cell r="C820">
            <v>1.4553</v>
          </cell>
          <cell r="AT820">
            <v>2000</v>
          </cell>
          <cell r="AU820">
            <v>3</v>
          </cell>
        </row>
        <row r="821">
          <cell r="C821">
            <v>1.4548000000000001</v>
          </cell>
          <cell r="AT821">
            <v>2000</v>
          </cell>
          <cell r="AU821">
            <v>3</v>
          </cell>
        </row>
        <row r="822">
          <cell r="C822">
            <v>1.4535</v>
          </cell>
          <cell r="AT822">
            <v>2000</v>
          </cell>
          <cell r="AU822">
            <v>4</v>
          </cell>
        </row>
        <row r="823">
          <cell r="C823">
            <v>1.4535</v>
          </cell>
          <cell r="AT823">
            <v>2000</v>
          </cell>
          <cell r="AU823">
            <v>4</v>
          </cell>
        </row>
        <row r="824">
          <cell r="C824">
            <v>1.4535</v>
          </cell>
          <cell r="AT824">
            <v>2000</v>
          </cell>
          <cell r="AU824">
            <v>4</v>
          </cell>
        </row>
        <row r="825">
          <cell r="C825">
            <v>1.4547000000000001</v>
          </cell>
          <cell r="AT825">
            <v>2000</v>
          </cell>
          <cell r="AU825">
            <v>4</v>
          </cell>
        </row>
        <row r="826">
          <cell r="C826">
            <v>1.4529000000000001</v>
          </cell>
          <cell r="AT826">
            <v>2000</v>
          </cell>
          <cell r="AU826">
            <v>4</v>
          </cell>
        </row>
        <row r="827">
          <cell r="C827">
            <v>1.4544999999999999</v>
          </cell>
          <cell r="AT827">
            <v>2000</v>
          </cell>
          <cell r="AU827">
            <v>4</v>
          </cell>
        </row>
        <row r="828">
          <cell r="C828">
            <v>1.4518</v>
          </cell>
          <cell r="AT828">
            <v>2000</v>
          </cell>
          <cell r="AU828">
            <v>4</v>
          </cell>
        </row>
        <row r="829">
          <cell r="C829">
            <v>1.4575</v>
          </cell>
          <cell r="AT829">
            <v>2000</v>
          </cell>
          <cell r="AU829">
            <v>4</v>
          </cell>
        </row>
        <row r="830">
          <cell r="C830">
            <v>1.4575</v>
          </cell>
          <cell r="AT830">
            <v>2000</v>
          </cell>
          <cell r="AU830">
            <v>4</v>
          </cell>
        </row>
        <row r="831">
          <cell r="C831">
            <v>1.4575</v>
          </cell>
          <cell r="AT831">
            <v>2000</v>
          </cell>
          <cell r="AU831">
            <v>4</v>
          </cell>
        </row>
        <row r="832">
          <cell r="C832">
            <v>1.4611000000000001</v>
          </cell>
          <cell r="AT832">
            <v>2000</v>
          </cell>
          <cell r="AU832">
            <v>4</v>
          </cell>
        </row>
        <row r="833">
          <cell r="C833">
            <v>1.4639</v>
          </cell>
          <cell r="AT833">
            <v>2000</v>
          </cell>
          <cell r="AU833">
            <v>4</v>
          </cell>
        </row>
        <row r="834">
          <cell r="C834">
            <v>1.4621999999999999</v>
          </cell>
          <cell r="AT834">
            <v>2000</v>
          </cell>
          <cell r="AU834">
            <v>4</v>
          </cell>
        </row>
        <row r="835">
          <cell r="C835">
            <v>1.466</v>
          </cell>
          <cell r="AT835">
            <v>2000</v>
          </cell>
          <cell r="AU835">
            <v>4</v>
          </cell>
        </row>
        <row r="836">
          <cell r="C836">
            <v>1.4763999999999999</v>
          </cell>
          <cell r="AT836">
            <v>2000</v>
          </cell>
          <cell r="AU836">
            <v>4</v>
          </cell>
        </row>
        <row r="837">
          <cell r="C837">
            <v>1.4763999999999999</v>
          </cell>
          <cell r="AT837">
            <v>2000</v>
          </cell>
          <cell r="AU837">
            <v>4</v>
          </cell>
        </row>
        <row r="838">
          <cell r="C838">
            <v>1.4763999999999999</v>
          </cell>
          <cell r="AT838">
            <v>2000</v>
          </cell>
          <cell r="AU838">
            <v>4</v>
          </cell>
        </row>
        <row r="839">
          <cell r="C839">
            <v>1.4847999999999999</v>
          </cell>
          <cell r="AT839">
            <v>2000</v>
          </cell>
          <cell r="AU839">
            <v>4</v>
          </cell>
        </row>
        <row r="840">
          <cell r="C840">
            <v>1.4839</v>
          </cell>
          <cell r="AT840">
            <v>2000</v>
          </cell>
          <cell r="AU840">
            <v>4</v>
          </cell>
        </row>
        <row r="841">
          <cell r="C841">
            <v>1.476</v>
          </cell>
          <cell r="AT841">
            <v>2000</v>
          </cell>
          <cell r="AU841">
            <v>4</v>
          </cell>
        </row>
        <row r="842">
          <cell r="C842">
            <v>1.4725999999999999</v>
          </cell>
          <cell r="AT842">
            <v>2000</v>
          </cell>
          <cell r="AU842">
            <v>4</v>
          </cell>
        </row>
        <row r="843">
          <cell r="C843">
            <v>1.4725999999999999</v>
          </cell>
          <cell r="AT843">
            <v>2000</v>
          </cell>
          <cell r="AU843">
            <v>4</v>
          </cell>
        </row>
        <row r="844">
          <cell r="C844">
            <v>1.4725999999999999</v>
          </cell>
          <cell r="AT844">
            <v>2000</v>
          </cell>
          <cell r="AU844">
            <v>4</v>
          </cell>
        </row>
        <row r="845">
          <cell r="C845">
            <v>1.4725999999999999</v>
          </cell>
          <cell r="AT845">
            <v>2000</v>
          </cell>
          <cell r="AU845">
            <v>4</v>
          </cell>
        </row>
        <row r="846">
          <cell r="C846">
            <v>1.476</v>
          </cell>
          <cell r="AT846">
            <v>2000</v>
          </cell>
          <cell r="AU846">
            <v>4</v>
          </cell>
        </row>
        <row r="847">
          <cell r="C847">
            <v>1.4699</v>
          </cell>
          <cell r="AT847">
            <v>2000</v>
          </cell>
          <cell r="AU847">
            <v>4</v>
          </cell>
        </row>
        <row r="848">
          <cell r="C848">
            <v>1.4756</v>
          </cell>
          <cell r="AT848">
            <v>2000</v>
          </cell>
          <cell r="AU848">
            <v>4</v>
          </cell>
        </row>
        <row r="849">
          <cell r="C849">
            <v>1.4790000000000001</v>
          </cell>
          <cell r="AT849">
            <v>2000</v>
          </cell>
          <cell r="AU849">
            <v>4</v>
          </cell>
        </row>
        <row r="850">
          <cell r="C850">
            <v>1.4811000000000001</v>
          </cell>
          <cell r="AT850">
            <v>2000</v>
          </cell>
          <cell r="AU850">
            <v>4</v>
          </cell>
        </row>
        <row r="851">
          <cell r="C851">
            <v>1.4811000000000001</v>
          </cell>
          <cell r="AT851">
            <v>2000</v>
          </cell>
          <cell r="AU851">
            <v>4</v>
          </cell>
        </row>
        <row r="852">
          <cell r="C852">
            <v>1.4811000000000001</v>
          </cell>
          <cell r="AT852">
            <v>2000</v>
          </cell>
          <cell r="AU852">
            <v>5</v>
          </cell>
        </row>
        <row r="853">
          <cell r="C853">
            <v>1.4782999999999999</v>
          </cell>
          <cell r="AT853">
            <v>2000</v>
          </cell>
          <cell r="AU853">
            <v>5</v>
          </cell>
        </row>
        <row r="854">
          <cell r="C854">
            <v>1.4854000000000001</v>
          </cell>
          <cell r="AT854">
            <v>2000</v>
          </cell>
          <cell r="AU854">
            <v>5</v>
          </cell>
        </row>
        <row r="855">
          <cell r="C855">
            <v>1.492</v>
          </cell>
          <cell r="AT855">
            <v>2000</v>
          </cell>
          <cell r="AU855">
            <v>5</v>
          </cell>
        </row>
        <row r="856">
          <cell r="C856">
            <v>1.4976</v>
          </cell>
          <cell r="AT856">
            <v>2000</v>
          </cell>
          <cell r="AU856">
            <v>5</v>
          </cell>
        </row>
        <row r="857">
          <cell r="C857">
            <v>1.4976</v>
          </cell>
          <cell r="AT857">
            <v>2000</v>
          </cell>
          <cell r="AU857">
            <v>5</v>
          </cell>
        </row>
        <row r="858">
          <cell r="C858">
            <v>1.4976</v>
          </cell>
          <cell r="AT858">
            <v>2000</v>
          </cell>
          <cell r="AU858">
            <v>5</v>
          </cell>
        </row>
        <row r="859">
          <cell r="C859">
            <v>1.4976</v>
          </cell>
          <cell r="AT859">
            <v>2000</v>
          </cell>
          <cell r="AU859">
            <v>5</v>
          </cell>
        </row>
        <row r="860">
          <cell r="C860">
            <v>1.4924999999999999</v>
          </cell>
          <cell r="AT860">
            <v>2000</v>
          </cell>
          <cell r="AU860">
            <v>5</v>
          </cell>
        </row>
        <row r="861">
          <cell r="C861">
            <v>1.4944999999999999</v>
          </cell>
          <cell r="AT861">
            <v>2000</v>
          </cell>
          <cell r="AU861">
            <v>5</v>
          </cell>
        </row>
        <row r="862">
          <cell r="C862">
            <v>1.4957</v>
          </cell>
          <cell r="AT862">
            <v>2000</v>
          </cell>
          <cell r="AU862">
            <v>5</v>
          </cell>
        </row>
        <row r="863">
          <cell r="C863">
            <v>1.4894000000000001</v>
          </cell>
          <cell r="AT863">
            <v>2000</v>
          </cell>
          <cell r="AU863">
            <v>5</v>
          </cell>
        </row>
        <row r="864">
          <cell r="C864">
            <v>1.4870000000000001</v>
          </cell>
          <cell r="AT864">
            <v>2000</v>
          </cell>
          <cell r="AU864">
            <v>5</v>
          </cell>
        </row>
        <row r="865">
          <cell r="C865">
            <v>1.4870000000000001</v>
          </cell>
          <cell r="AT865">
            <v>2000</v>
          </cell>
          <cell r="AU865">
            <v>5</v>
          </cell>
        </row>
        <row r="866">
          <cell r="C866">
            <v>1.4870000000000001</v>
          </cell>
          <cell r="AT866">
            <v>2000</v>
          </cell>
          <cell r="AU866">
            <v>5</v>
          </cell>
        </row>
        <row r="867">
          <cell r="C867">
            <v>1.4890000000000001</v>
          </cell>
          <cell r="AT867">
            <v>2000</v>
          </cell>
          <cell r="AU867">
            <v>5</v>
          </cell>
        </row>
        <row r="868">
          <cell r="C868">
            <v>1.4858</v>
          </cell>
          <cell r="AT868">
            <v>2000</v>
          </cell>
          <cell r="AU868">
            <v>5</v>
          </cell>
        </row>
        <row r="869">
          <cell r="C869">
            <v>1.4986999999999999</v>
          </cell>
          <cell r="AT869">
            <v>2000</v>
          </cell>
          <cell r="AU869">
            <v>5</v>
          </cell>
        </row>
        <row r="870">
          <cell r="C870">
            <v>1.5004999999999999</v>
          </cell>
          <cell r="AT870">
            <v>2000</v>
          </cell>
          <cell r="AU870">
            <v>5</v>
          </cell>
        </row>
        <row r="871">
          <cell r="C871">
            <v>1.4953000000000001</v>
          </cell>
          <cell r="AT871">
            <v>2000</v>
          </cell>
          <cell r="AU871">
            <v>5</v>
          </cell>
        </row>
        <row r="872">
          <cell r="C872">
            <v>1.4953000000000001</v>
          </cell>
          <cell r="AT872">
            <v>2000</v>
          </cell>
          <cell r="AU872">
            <v>5</v>
          </cell>
        </row>
        <row r="873">
          <cell r="C873">
            <v>1.4953000000000001</v>
          </cell>
          <cell r="AT873">
            <v>2000</v>
          </cell>
          <cell r="AU873">
            <v>5</v>
          </cell>
        </row>
        <row r="874">
          <cell r="C874">
            <v>1.4953000000000001</v>
          </cell>
          <cell r="AT874">
            <v>2000</v>
          </cell>
          <cell r="AU874">
            <v>5</v>
          </cell>
        </row>
        <row r="875">
          <cell r="C875">
            <v>1.5035000000000001</v>
          </cell>
          <cell r="AT875">
            <v>2000</v>
          </cell>
          <cell r="AU875">
            <v>5</v>
          </cell>
        </row>
        <row r="876">
          <cell r="C876">
            <v>1.5081</v>
          </cell>
          <cell r="AT876">
            <v>2000</v>
          </cell>
          <cell r="AU876">
            <v>5</v>
          </cell>
        </row>
        <row r="877">
          <cell r="C877">
            <v>1.5057</v>
          </cell>
          <cell r="AT877">
            <v>2000</v>
          </cell>
          <cell r="AU877">
            <v>5</v>
          </cell>
        </row>
        <row r="878">
          <cell r="C878">
            <v>1.504</v>
          </cell>
          <cell r="AT878">
            <v>2000</v>
          </cell>
          <cell r="AU878">
            <v>5</v>
          </cell>
        </row>
        <row r="879">
          <cell r="C879">
            <v>1.504</v>
          </cell>
          <cell r="AT879">
            <v>2000</v>
          </cell>
          <cell r="AU879">
            <v>5</v>
          </cell>
        </row>
        <row r="880">
          <cell r="C880">
            <v>1.504</v>
          </cell>
          <cell r="AT880">
            <v>2000</v>
          </cell>
          <cell r="AU880">
            <v>5</v>
          </cell>
        </row>
        <row r="881">
          <cell r="C881">
            <v>1.4984</v>
          </cell>
          <cell r="AT881">
            <v>2000</v>
          </cell>
          <cell r="AU881">
            <v>5</v>
          </cell>
        </row>
        <row r="882">
          <cell r="C882">
            <v>1.5035000000000001</v>
          </cell>
          <cell r="AT882">
            <v>2000</v>
          </cell>
          <cell r="AU882">
            <v>5</v>
          </cell>
        </row>
        <row r="883">
          <cell r="C883">
            <v>1.4978</v>
          </cell>
          <cell r="AT883">
            <v>2000</v>
          </cell>
          <cell r="AU883">
            <v>6</v>
          </cell>
        </row>
        <row r="884">
          <cell r="C884">
            <v>1.4911000000000001</v>
          </cell>
          <cell r="AT884">
            <v>2000</v>
          </cell>
          <cell r="AU884">
            <v>6</v>
          </cell>
        </row>
        <row r="885">
          <cell r="C885">
            <v>1.478</v>
          </cell>
          <cell r="AT885">
            <v>2000</v>
          </cell>
          <cell r="AU885">
            <v>6</v>
          </cell>
        </row>
        <row r="886">
          <cell r="C886">
            <v>1.478</v>
          </cell>
          <cell r="AT886">
            <v>2000</v>
          </cell>
          <cell r="AU886">
            <v>6</v>
          </cell>
        </row>
        <row r="887">
          <cell r="C887">
            <v>1.478</v>
          </cell>
          <cell r="AT887">
            <v>2000</v>
          </cell>
          <cell r="AU887">
            <v>6</v>
          </cell>
        </row>
        <row r="888">
          <cell r="C888">
            <v>1.478</v>
          </cell>
          <cell r="AT888">
            <v>2000</v>
          </cell>
          <cell r="AU888">
            <v>6</v>
          </cell>
        </row>
        <row r="889">
          <cell r="C889">
            <v>1.4777</v>
          </cell>
          <cell r="AT889">
            <v>2000</v>
          </cell>
          <cell r="AU889">
            <v>6</v>
          </cell>
        </row>
        <row r="890">
          <cell r="C890">
            <v>1.4783999999999999</v>
          </cell>
          <cell r="AT890">
            <v>2000</v>
          </cell>
          <cell r="AU890">
            <v>6</v>
          </cell>
        </row>
        <row r="891">
          <cell r="C891">
            <v>1.4802</v>
          </cell>
          <cell r="AT891">
            <v>2000</v>
          </cell>
          <cell r="AU891">
            <v>6</v>
          </cell>
        </row>
        <row r="892">
          <cell r="C892">
            <v>1.4762999999999999</v>
          </cell>
          <cell r="AT892">
            <v>2000</v>
          </cell>
          <cell r="AU892">
            <v>6</v>
          </cell>
        </row>
        <row r="893">
          <cell r="C893">
            <v>1.4762999999999999</v>
          </cell>
          <cell r="AT893">
            <v>2000</v>
          </cell>
          <cell r="AU893">
            <v>6</v>
          </cell>
        </row>
        <row r="894">
          <cell r="C894">
            <v>1.4762999999999999</v>
          </cell>
          <cell r="AT894">
            <v>2000</v>
          </cell>
          <cell r="AU894">
            <v>6</v>
          </cell>
        </row>
        <row r="895">
          <cell r="C895">
            <v>1.4761</v>
          </cell>
          <cell r="AT895">
            <v>2000</v>
          </cell>
          <cell r="AU895">
            <v>6</v>
          </cell>
        </row>
        <row r="896">
          <cell r="C896">
            <v>1.4691000000000001</v>
          </cell>
          <cell r="AT896">
            <v>2000</v>
          </cell>
          <cell r="AU896">
            <v>6</v>
          </cell>
        </row>
        <row r="897">
          <cell r="C897">
            <v>1.4694</v>
          </cell>
          <cell r="AT897">
            <v>2000</v>
          </cell>
          <cell r="AU897">
            <v>6</v>
          </cell>
        </row>
        <row r="898">
          <cell r="C898">
            <v>1.4756</v>
          </cell>
          <cell r="AT898">
            <v>2000</v>
          </cell>
          <cell r="AU898">
            <v>6</v>
          </cell>
        </row>
        <row r="899">
          <cell r="C899">
            <v>1.4703999999999999</v>
          </cell>
          <cell r="AT899">
            <v>2000</v>
          </cell>
          <cell r="AU899">
            <v>6</v>
          </cell>
        </row>
        <row r="900">
          <cell r="C900">
            <v>1.4703999999999999</v>
          </cell>
          <cell r="AT900">
            <v>2000</v>
          </cell>
          <cell r="AU900">
            <v>6</v>
          </cell>
        </row>
        <row r="901">
          <cell r="C901">
            <v>1.4703999999999999</v>
          </cell>
          <cell r="AT901">
            <v>2000</v>
          </cell>
          <cell r="AU901">
            <v>6</v>
          </cell>
        </row>
        <row r="902">
          <cell r="C902">
            <v>1.4653</v>
          </cell>
          <cell r="AT902">
            <v>2000</v>
          </cell>
          <cell r="AU902">
            <v>6</v>
          </cell>
        </row>
        <row r="903">
          <cell r="C903">
            <v>1.4705999999999999</v>
          </cell>
          <cell r="AT903">
            <v>2000</v>
          </cell>
          <cell r="AU903">
            <v>6</v>
          </cell>
        </row>
        <row r="904">
          <cell r="C904">
            <v>1.4730000000000001</v>
          </cell>
          <cell r="AT904">
            <v>2000</v>
          </cell>
          <cell r="AU904">
            <v>6</v>
          </cell>
        </row>
        <row r="905">
          <cell r="C905">
            <v>1.4730000000000001</v>
          </cell>
          <cell r="AT905">
            <v>2000</v>
          </cell>
          <cell r="AU905">
            <v>6</v>
          </cell>
        </row>
        <row r="906">
          <cell r="C906">
            <v>1.4792000000000001</v>
          </cell>
          <cell r="AT906">
            <v>2000</v>
          </cell>
          <cell r="AU906">
            <v>6</v>
          </cell>
        </row>
        <row r="907">
          <cell r="C907">
            <v>1.4792000000000001</v>
          </cell>
          <cell r="AT907">
            <v>2000</v>
          </cell>
          <cell r="AU907">
            <v>6</v>
          </cell>
        </row>
        <row r="908">
          <cell r="C908">
            <v>1.4792000000000001</v>
          </cell>
          <cell r="AT908">
            <v>2000</v>
          </cell>
          <cell r="AU908">
            <v>6</v>
          </cell>
        </row>
        <row r="909">
          <cell r="C909">
            <v>1.4821</v>
          </cell>
          <cell r="AT909">
            <v>2000</v>
          </cell>
          <cell r="AU909">
            <v>6</v>
          </cell>
        </row>
        <row r="910">
          <cell r="C910">
            <v>1.4824999999999999</v>
          </cell>
          <cell r="AT910">
            <v>2000</v>
          </cell>
          <cell r="AU910">
            <v>6</v>
          </cell>
        </row>
        <row r="911">
          <cell r="C911">
            <v>1.4835</v>
          </cell>
          <cell r="AT911">
            <v>2000</v>
          </cell>
          <cell r="AU911">
            <v>6</v>
          </cell>
        </row>
        <row r="912">
          <cell r="C912">
            <v>1.4817</v>
          </cell>
          <cell r="AT912">
            <v>2000</v>
          </cell>
          <cell r="AU912">
            <v>6</v>
          </cell>
        </row>
        <row r="913">
          <cell r="C913">
            <v>1.4793000000000001</v>
          </cell>
          <cell r="AT913">
            <v>2000</v>
          </cell>
          <cell r="AU913">
            <v>7</v>
          </cell>
        </row>
        <row r="914">
          <cell r="C914">
            <v>1.4793000000000001</v>
          </cell>
          <cell r="AT914">
            <v>2000</v>
          </cell>
          <cell r="AU914">
            <v>7</v>
          </cell>
        </row>
        <row r="915">
          <cell r="C915">
            <v>1.4793000000000001</v>
          </cell>
          <cell r="AT915">
            <v>2000</v>
          </cell>
          <cell r="AU915">
            <v>7</v>
          </cell>
        </row>
        <row r="916">
          <cell r="C916">
            <v>1.4793000000000001</v>
          </cell>
          <cell r="AT916">
            <v>2000</v>
          </cell>
          <cell r="AU916">
            <v>7</v>
          </cell>
        </row>
        <row r="917">
          <cell r="C917">
            <v>1.4839</v>
          </cell>
          <cell r="AT917">
            <v>2000</v>
          </cell>
          <cell r="AU917">
            <v>7</v>
          </cell>
        </row>
        <row r="918">
          <cell r="C918">
            <v>1.4906999999999999</v>
          </cell>
          <cell r="AT918">
            <v>2000</v>
          </cell>
          <cell r="AU918">
            <v>7</v>
          </cell>
        </row>
        <row r="919">
          <cell r="C919">
            <v>1.4853000000000001</v>
          </cell>
          <cell r="AT919">
            <v>2000</v>
          </cell>
          <cell r="AU919">
            <v>7</v>
          </cell>
        </row>
        <row r="920">
          <cell r="C920">
            <v>1.4811000000000001</v>
          </cell>
          <cell r="AT920">
            <v>2000</v>
          </cell>
          <cell r="AU920">
            <v>7</v>
          </cell>
        </row>
        <row r="921">
          <cell r="C921">
            <v>1.4811000000000001</v>
          </cell>
          <cell r="AT921">
            <v>2000</v>
          </cell>
          <cell r="AU921">
            <v>7</v>
          </cell>
        </row>
        <row r="922">
          <cell r="C922">
            <v>1.4811000000000001</v>
          </cell>
          <cell r="AT922">
            <v>2000</v>
          </cell>
          <cell r="AU922">
            <v>7</v>
          </cell>
        </row>
        <row r="923">
          <cell r="C923">
            <v>1.48</v>
          </cell>
          <cell r="AT923">
            <v>2000</v>
          </cell>
          <cell r="AU923">
            <v>7</v>
          </cell>
        </row>
        <row r="924">
          <cell r="C924">
            <v>1.4782</v>
          </cell>
          <cell r="AT924">
            <v>2000</v>
          </cell>
          <cell r="AU924">
            <v>7</v>
          </cell>
        </row>
        <row r="925">
          <cell r="C925">
            <v>1.4810000000000001</v>
          </cell>
          <cell r="AT925">
            <v>2000</v>
          </cell>
          <cell r="AU925">
            <v>7</v>
          </cell>
        </row>
        <row r="926">
          <cell r="C926">
            <v>1.4805999999999999</v>
          </cell>
          <cell r="AT926">
            <v>2000</v>
          </cell>
          <cell r="AU926">
            <v>7</v>
          </cell>
        </row>
        <row r="927">
          <cell r="C927">
            <v>1.4842</v>
          </cell>
          <cell r="AT927">
            <v>2000</v>
          </cell>
          <cell r="AU927">
            <v>7</v>
          </cell>
        </row>
        <row r="928">
          <cell r="C928">
            <v>1.4842</v>
          </cell>
          <cell r="AT928">
            <v>2000</v>
          </cell>
          <cell r="AU928">
            <v>7</v>
          </cell>
        </row>
        <row r="929">
          <cell r="C929">
            <v>1.4842</v>
          </cell>
          <cell r="AT929">
            <v>2000</v>
          </cell>
          <cell r="AU929">
            <v>7</v>
          </cell>
        </row>
        <row r="930">
          <cell r="C930">
            <v>1.4810000000000001</v>
          </cell>
          <cell r="AT930">
            <v>2000</v>
          </cell>
          <cell r="AU930">
            <v>7</v>
          </cell>
        </row>
        <row r="931">
          <cell r="C931">
            <v>1.478</v>
          </cell>
          <cell r="AT931">
            <v>2000</v>
          </cell>
          <cell r="AU931">
            <v>7</v>
          </cell>
        </row>
        <row r="932">
          <cell r="C932">
            <v>1.4756</v>
          </cell>
          <cell r="AT932">
            <v>2000</v>
          </cell>
          <cell r="AU932">
            <v>7</v>
          </cell>
        </row>
        <row r="933">
          <cell r="C933">
            <v>1.4750000000000001</v>
          </cell>
          <cell r="AT933">
            <v>2000</v>
          </cell>
          <cell r="AU933">
            <v>7</v>
          </cell>
        </row>
        <row r="934">
          <cell r="C934">
            <v>1.4715</v>
          </cell>
          <cell r="AT934">
            <v>2000</v>
          </cell>
          <cell r="AU934">
            <v>7</v>
          </cell>
        </row>
        <row r="935">
          <cell r="C935">
            <v>1.4715</v>
          </cell>
          <cell r="AT935">
            <v>2000</v>
          </cell>
          <cell r="AU935">
            <v>7</v>
          </cell>
        </row>
        <row r="936">
          <cell r="C936">
            <v>1.4715</v>
          </cell>
          <cell r="AT936">
            <v>2000</v>
          </cell>
          <cell r="AU936">
            <v>7</v>
          </cell>
        </row>
        <row r="937">
          <cell r="C937">
            <v>1.4641</v>
          </cell>
          <cell r="AT937">
            <v>2000</v>
          </cell>
          <cell r="AU937">
            <v>7</v>
          </cell>
        </row>
        <row r="938">
          <cell r="C938">
            <v>1.4652000000000001</v>
          </cell>
          <cell r="AT938">
            <v>2000</v>
          </cell>
          <cell r="AU938">
            <v>7</v>
          </cell>
        </row>
        <row r="939">
          <cell r="C939">
            <v>1.4663999999999999</v>
          </cell>
          <cell r="AT939">
            <v>2000</v>
          </cell>
          <cell r="AU939">
            <v>7</v>
          </cell>
        </row>
        <row r="940">
          <cell r="C940">
            <v>1.4708000000000001</v>
          </cell>
          <cell r="AT940">
            <v>2000</v>
          </cell>
          <cell r="AU940">
            <v>7</v>
          </cell>
        </row>
        <row r="941">
          <cell r="C941">
            <v>1.4773000000000001</v>
          </cell>
          <cell r="AT941">
            <v>2000</v>
          </cell>
          <cell r="AU941">
            <v>7</v>
          </cell>
        </row>
        <row r="942">
          <cell r="C942">
            <v>1.4773000000000001</v>
          </cell>
          <cell r="AT942">
            <v>2000</v>
          </cell>
          <cell r="AU942">
            <v>7</v>
          </cell>
        </row>
        <row r="943">
          <cell r="C943">
            <v>1.4773000000000001</v>
          </cell>
          <cell r="AT943">
            <v>2000</v>
          </cell>
          <cell r="AU943">
            <v>7</v>
          </cell>
        </row>
        <row r="944">
          <cell r="C944">
            <v>1.4872000000000001</v>
          </cell>
          <cell r="AT944">
            <v>2000</v>
          </cell>
          <cell r="AU944">
            <v>8</v>
          </cell>
        </row>
        <row r="945">
          <cell r="C945">
            <v>1.4887999999999999</v>
          </cell>
          <cell r="AT945">
            <v>2000</v>
          </cell>
          <cell r="AU945">
            <v>8</v>
          </cell>
        </row>
        <row r="946">
          <cell r="C946">
            <v>1.4810000000000001</v>
          </cell>
          <cell r="AT946">
            <v>2000</v>
          </cell>
          <cell r="AU946">
            <v>8</v>
          </cell>
        </row>
        <row r="947">
          <cell r="C947">
            <v>1.4841</v>
          </cell>
          <cell r="AT947">
            <v>2000</v>
          </cell>
          <cell r="AU947">
            <v>8</v>
          </cell>
        </row>
        <row r="948">
          <cell r="C948">
            <v>1.4887999999999999</v>
          </cell>
          <cell r="AT948">
            <v>2000</v>
          </cell>
          <cell r="AU948">
            <v>8</v>
          </cell>
        </row>
        <row r="949">
          <cell r="C949">
            <v>1.4887999999999999</v>
          </cell>
          <cell r="AT949">
            <v>2000</v>
          </cell>
          <cell r="AU949">
            <v>8</v>
          </cell>
        </row>
        <row r="950">
          <cell r="C950">
            <v>1.4887999999999999</v>
          </cell>
          <cell r="AT950">
            <v>2000</v>
          </cell>
          <cell r="AU950">
            <v>8</v>
          </cell>
        </row>
        <row r="951">
          <cell r="C951">
            <v>1.4887999999999999</v>
          </cell>
          <cell r="AT951">
            <v>2000</v>
          </cell>
          <cell r="AU951">
            <v>8</v>
          </cell>
        </row>
        <row r="952">
          <cell r="C952">
            <v>1.4887999999999999</v>
          </cell>
          <cell r="AT952">
            <v>2000</v>
          </cell>
          <cell r="AU952">
            <v>8</v>
          </cell>
        </row>
        <row r="953">
          <cell r="C953">
            <v>1.4850000000000001</v>
          </cell>
          <cell r="AT953">
            <v>2000</v>
          </cell>
          <cell r="AU953">
            <v>8</v>
          </cell>
        </row>
        <row r="954">
          <cell r="C954">
            <v>1.4823</v>
          </cell>
          <cell r="AT954">
            <v>2000</v>
          </cell>
          <cell r="AU954">
            <v>8</v>
          </cell>
        </row>
        <row r="955">
          <cell r="C955">
            <v>1.4838</v>
          </cell>
          <cell r="AT955">
            <v>2000</v>
          </cell>
          <cell r="AU955">
            <v>8</v>
          </cell>
        </row>
        <row r="956">
          <cell r="C956">
            <v>1.4838</v>
          </cell>
          <cell r="AT956">
            <v>2000</v>
          </cell>
          <cell r="AU956">
            <v>8</v>
          </cell>
        </row>
        <row r="957">
          <cell r="C957">
            <v>1.4838</v>
          </cell>
          <cell r="AT957">
            <v>2000</v>
          </cell>
          <cell r="AU957">
            <v>8</v>
          </cell>
        </row>
        <row r="958">
          <cell r="C958">
            <v>1.4847999999999999</v>
          </cell>
          <cell r="AT958">
            <v>2000</v>
          </cell>
          <cell r="AU958">
            <v>8</v>
          </cell>
        </row>
        <row r="959">
          <cell r="C959">
            <v>1.4871000000000001</v>
          </cell>
          <cell r="AT959">
            <v>2000</v>
          </cell>
          <cell r="AU959">
            <v>8</v>
          </cell>
        </row>
        <row r="960">
          <cell r="C960">
            <v>1.4770000000000001</v>
          </cell>
          <cell r="AT960">
            <v>2000</v>
          </cell>
          <cell r="AU960">
            <v>8</v>
          </cell>
        </row>
        <row r="961">
          <cell r="C961">
            <v>1.4757</v>
          </cell>
          <cell r="AT961">
            <v>2000</v>
          </cell>
          <cell r="AU961">
            <v>8</v>
          </cell>
        </row>
        <row r="962">
          <cell r="C962">
            <v>1.4743999999999999</v>
          </cell>
          <cell r="AT962">
            <v>2000</v>
          </cell>
          <cell r="AU962">
            <v>8</v>
          </cell>
        </row>
        <row r="963">
          <cell r="C963">
            <v>1.4743999999999999</v>
          </cell>
          <cell r="AT963">
            <v>2000</v>
          </cell>
          <cell r="AU963">
            <v>8</v>
          </cell>
        </row>
        <row r="964">
          <cell r="C964">
            <v>1.4743999999999999</v>
          </cell>
          <cell r="AT964">
            <v>2000</v>
          </cell>
          <cell r="AU964">
            <v>8</v>
          </cell>
        </row>
        <row r="965">
          <cell r="C965">
            <v>1.4769000000000001</v>
          </cell>
          <cell r="AT965">
            <v>2000</v>
          </cell>
          <cell r="AU965">
            <v>8</v>
          </cell>
        </row>
        <row r="966">
          <cell r="C966">
            <v>1.4754</v>
          </cell>
          <cell r="AT966">
            <v>2000</v>
          </cell>
          <cell r="AU966">
            <v>8</v>
          </cell>
        </row>
        <row r="967">
          <cell r="C967">
            <v>1.4875</v>
          </cell>
          <cell r="AT967">
            <v>2000</v>
          </cell>
          <cell r="AU967">
            <v>8</v>
          </cell>
        </row>
        <row r="968">
          <cell r="C968">
            <v>1.4869000000000001</v>
          </cell>
          <cell r="AT968">
            <v>2000</v>
          </cell>
          <cell r="AU968">
            <v>8</v>
          </cell>
        </row>
        <row r="969">
          <cell r="C969">
            <v>1.4825999999999999</v>
          </cell>
          <cell r="AT969">
            <v>2000</v>
          </cell>
          <cell r="AU969">
            <v>8</v>
          </cell>
        </row>
        <row r="970">
          <cell r="C970">
            <v>1.4825999999999999</v>
          </cell>
          <cell r="AT970">
            <v>2000</v>
          </cell>
          <cell r="AU970">
            <v>8</v>
          </cell>
        </row>
        <row r="971">
          <cell r="C971">
            <v>1.4825999999999999</v>
          </cell>
          <cell r="AT971">
            <v>2000</v>
          </cell>
          <cell r="AU971">
            <v>8</v>
          </cell>
        </row>
        <row r="972">
          <cell r="C972">
            <v>1.4843</v>
          </cell>
          <cell r="AT972">
            <v>2000</v>
          </cell>
          <cell r="AU972">
            <v>8</v>
          </cell>
        </row>
        <row r="973">
          <cell r="C973">
            <v>1.4870000000000001</v>
          </cell>
          <cell r="AT973">
            <v>2000</v>
          </cell>
          <cell r="AU973">
            <v>8</v>
          </cell>
        </row>
        <row r="974">
          <cell r="C974">
            <v>1.4795</v>
          </cell>
          <cell r="AT974">
            <v>2000</v>
          </cell>
          <cell r="AU974">
            <v>8</v>
          </cell>
        </row>
        <row r="975">
          <cell r="C975">
            <v>1.4722</v>
          </cell>
          <cell r="AT975">
            <v>2000</v>
          </cell>
          <cell r="AU975">
            <v>9</v>
          </cell>
        </row>
        <row r="976">
          <cell r="C976">
            <v>1.4735</v>
          </cell>
          <cell r="AT976">
            <v>2000</v>
          </cell>
          <cell r="AU976">
            <v>9</v>
          </cell>
        </row>
        <row r="977">
          <cell r="C977">
            <v>1.4735</v>
          </cell>
          <cell r="AT977">
            <v>2000</v>
          </cell>
          <cell r="AU977">
            <v>9</v>
          </cell>
        </row>
        <row r="978">
          <cell r="C978">
            <v>1.4735</v>
          </cell>
          <cell r="AT978">
            <v>2000</v>
          </cell>
          <cell r="AU978">
            <v>9</v>
          </cell>
        </row>
        <row r="979">
          <cell r="C979">
            <v>1.4735</v>
          </cell>
          <cell r="AT979">
            <v>2000</v>
          </cell>
          <cell r="AU979">
            <v>9</v>
          </cell>
        </row>
        <row r="980">
          <cell r="C980">
            <v>1.4755</v>
          </cell>
          <cell r="AT980">
            <v>2000</v>
          </cell>
          <cell r="AU980">
            <v>9</v>
          </cell>
        </row>
        <row r="981">
          <cell r="C981">
            <v>1.4836</v>
          </cell>
          <cell r="AT981">
            <v>2000</v>
          </cell>
          <cell r="AU981">
            <v>9</v>
          </cell>
        </row>
        <row r="982">
          <cell r="C982">
            <v>1.4775</v>
          </cell>
          <cell r="AT982">
            <v>2000</v>
          </cell>
          <cell r="AU982">
            <v>9</v>
          </cell>
        </row>
        <row r="983">
          <cell r="C983">
            <v>1.4777</v>
          </cell>
          <cell r="AT983">
            <v>2000</v>
          </cell>
          <cell r="AU983">
            <v>9</v>
          </cell>
        </row>
        <row r="984">
          <cell r="C984">
            <v>1.4777</v>
          </cell>
          <cell r="AT984">
            <v>2000</v>
          </cell>
          <cell r="AU984">
            <v>9</v>
          </cell>
        </row>
        <row r="985">
          <cell r="C985">
            <v>1.4777</v>
          </cell>
          <cell r="AT985">
            <v>2000</v>
          </cell>
          <cell r="AU985">
            <v>9</v>
          </cell>
        </row>
        <row r="986">
          <cell r="C986">
            <v>1.4799</v>
          </cell>
          <cell r="AT986">
            <v>2000</v>
          </cell>
          <cell r="AU986">
            <v>9</v>
          </cell>
        </row>
        <row r="987">
          <cell r="C987">
            <v>1.4811000000000001</v>
          </cell>
          <cell r="AT987">
            <v>2000</v>
          </cell>
          <cell r="AU987">
            <v>9</v>
          </cell>
        </row>
        <row r="988">
          <cell r="C988">
            <v>1.4835</v>
          </cell>
          <cell r="AT988">
            <v>2000</v>
          </cell>
          <cell r="AU988">
            <v>9</v>
          </cell>
        </row>
        <row r="989">
          <cell r="C989">
            <v>1.4864999999999999</v>
          </cell>
          <cell r="AT989">
            <v>2000</v>
          </cell>
          <cell r="AU989">
            <v>9</v>
          </cell>
        </row>
        <row r="990">
          <cell r="C990">
            <v>1.4843</v>
          </cell>
          <cell r="AT990">
            <v>2000</v>
          </cell>
          <cell r="AU990">
            <v>9</v>
          </cell>
        </row>
        <row r="991">
          <cell r="C991">
            <v>1.4843</v>
          </cell>
          <cell r="AT991">
            <v>2000</v>
          </cell>
          <cell r="AU991">
            <v>9</v>
          </cell>
        </row>
        <row r="992">
          <cell r="C992">
            <v>1.4843</v>
          </cell>
          <cell r="AT992">
            <v>2000</v>
          </cell>
          <cell r="AU992">
            <v>9</v>
          </cell>
        </row>
        <row r="993">
          <cell r="C993">
            <v>1.4891000000000001</v>
          </cell>
          <cell r="AT993">
            <v>2000</v>
          </cell>
          <cell r="AU993">
            <v>9</v>
          </cell>
        </row>
        <row r="994">
          <cell r="C994">
            <v>1.4878</v>
          </cell>
          <cell r="AT994">
            <v>2000</v>
          </cell>
          <cell r="AU994">
            <v>9</v>
          </cell>
        </row>
        <row r="995">
          <cell r="C995">
            <v>1.4830000000000001</v>
          </cell>
          <cell r="AT995">
            <v>2000</v>
          </cell>
          <cell r="AU995">
            <v>9</v>
          </cell>
        </row>
        <row r="996">
          <cell r="C996">
            <v>1.4872000000000001</v>
          </cell>
          <cell r="AT996">
            <v>2000</v>
          </cell>
          <cell r="AU996">
            <v>9</v>
          </cell>
        </row>
        <row r="997">
          <cell r="C997">
            <v>1.4903</v>
          </cell>
          <cell r="AT997">
            <v>2000</v>
          </cell>
          <cell r="AU997">
            <v>9</v>
          </cell>
        </row>
        <row r="998">
          <cell r="C998">
            <v>1.4903</v>
          </cell>
          <cell r="AT998">
            <v>2000</v>
          </cell>
          <cell r="AU998">
            <v>9</v>
          </cell>
        </row>
        <row r="999">
          <cell r="C999">
            <v>1.4903</v>
          </cell>
          <cell r="AT999">
            <v>2000</v>
          </cell>
          <cell r="AU999">
            <v>9</v>
          </cell>
        </row>
        <row r="1000">
          <cell r="C1000">
            <v>1.4888999999999999</v>
          </cell>
          <cell r="AT1000">
            <v>2000</v>
          </cell>
          <cell r="AU1000">
            <v>9</v>
          </cell>
        </row>
        <row r="1001">
          <cell r="C1001">
            <v>1.488</v>
          </cell>
          <cell r="AT1001">
            <v>2000</v>
          </cell>
          <cell r="AU1001">
            <v>9</v>
          </cell>
        </row>
        <row r="1002">
          <cell r="C1002">
            <v>1.4959</v>
          </cell>
          <cell r="AT1002">
            <v>2000</v>
          </cell>
          <cell r="AU1002">
            <v>9</v>
          </cell>
        </row>
        <row r="1003">
          <cell r="C1003">
            <v>1.5029999999999999</v>
          </cell>
          <cell r="AT1003">
            <v>2000</v>
          </cell>
          <cell r="AU1003">
            <v>9</v>
          </cell>
        </row>
        <row r="1004">
          <cell r="C1004">
            <v>1.5069999999999999</v>
          </cell>
          <cell r="AT1004">
            <v>2000</v>
          </cell>
          <cell r="AU1004">
            <v>9</v>
          </cell>
        </row>
        <row r="1005">
          <cell r="C1005">
            <v>1.5069999999999999</v>
          </cell>
          <cell r="AT1005">
            <v>2000</v>
          </cell>
          <cell r="AU1005">
            <v>10</v>
          </cell>
        </row>
        <row r="1006">
          <cell r="C1006">
            <v>1.5069999999999999</v>
          </cell>
          <cell r="AT1006">
            <v>2000</v>
          </cell>
          <cell r="AU1006">
            <v>10</v>
          </cell>
        </row>
        <row r="1007">
          <cell r="C1007">
            <v>1.5101</v>
          </cell>
          <cell r="AT1007">
            <v>2000</v>
          </cell>
          <cell r="AU1007">
            <v>10</v>
          </cell>
        </row>
        <row r="1008">
          <cell r="C1008">
            <v>1.5055000000000001</v>
          </cell>
          <cell r="AT1008">
            <v>2000</v>
          </cell>
          <cell r="AU1008">
            <v>10</v>
          </cell>
        </row>
        <row r="1009">
          <cell r="C1009">
            <v>1.4984999999999999</v>
          </cell>
          <cell r="AT1009">
            <v>2000</v>
          </cell>
          <cell r="AU1009">
            <v>10</v>
          </cell>
        </row>
        <row r="1010">
          <cell r="C1010">
            <v>1.4954000000000001</v>
          </cell>
          <cell r="AT1010">
            <v>2000</v>
          </cell>
          <cell r="AU1010">
            <v>10</v>
          </cell>
        </row>
        <row r="1011">
          <cell r="C1011">
            <v>1.5009999999999999</v>
          </cell>
          <cell r="AT1011">
            <v>2000</v>
          </cell>
          <cell r="AU1011">
            <v>10</v>
          </cell>
        </row>
        <row r="1012">
          <cell r="C1012">
            <v>1.5009999999999999</v>
          </cell>
          <cell r="AT1012">
            <v>2000</v>
          </cell>
          <cell r="AU1012">
            <v>10</v>
          </cell>
        </row>
        <row r="1013">
          <cell r="C1013">
            <v>1.5009999999999999</v>
          </cell>
          <cell r="AT1013">
            <v>2000</v>
          </cell>
          <cell r="AU1013">
            <v>10</v>
          </cell>
        </row>
        <row r="1014">
          <cell r="C1014">
            <v>1.5009999999999999</v>
          </cell>
          <cell r="AT1014">
            <v>2000</v>
          </cell>
          <cell r="AU1014">
            <v>10</v>
          </cell>
        </row>
        <row r="1015">
          <cell r="C1015">
            <v>1.5011000000000001</v>
          </cell>
          <cell r="AT1015">
            <v>2000</v>
          </cell>
          <cell r="AU1015">
            <v>10</v>
          </cell>
        </row>
        <row r="1016">
          <cell r="C1016">
            <v>1.5042</v>
          </cell>
          <cell r="AT1016">
            <v>2000</v>
          </cell>
          <cell r="AU1016">
            <v>10</v>
          </cell>
        </row>
        <row r="1017">
          <cell r="C1017">
            <v>1.5084</v>
          </cell>
          <cell r="AT1017">
            <v>2000</v>
          </cell>
          <cell r="AU1017">
            <v>10</v>
          </cell>
        </row>
        <row r="1018">
          <cell r="C1018">
            <v>1.5133000000000001</v>
          </cell>
          <cell r="AT1018">
            <v>2000</v>
          </cell>
          <cell r="AU1018">
            <v>10</v>
          </cell>
        </row>
        <row r="1019">
          <cell r="C1019">
            <v>1.5133000000000001</v>
          </cell>
          <cell r="AT1019">
            <v>2000</v>
          </cell>
          <cell r="AU1019">
            <v>10</v>
          </cell>
        </row>
        <row r="1020">
          <cell r="C1020">
            <v>1.5133000000000001</v>
          </cell>
          <cell r="AT1020">
            <v>2000</v>
          </cell>
          <cell r="AU1020">
            <v>10</v>
          </cell>
        </row>
        <row r="1021">
          <cell r="C1021">
            <v>1.5190999999999999</v>
          </cell>
          <cell r="AT1021">
            <v>2000</v>
          </cell>
          <cell r="AU1021">
            <v>10</v>
          </cell>
        </row>
        <row r="1022">
          <cell r="C1022">
            <v>1.5187999999999999</v>
          </cell>
          <cell r="AT1022">
            <v>2000</v>
          </cell>
          <cell r="AU1022">
            <v>10</v>
          </cell>
        </row>
        <row r="1023">
          <cell r="C1023">
            <v>1.52</v>
          </cell>
          <cell r="AT1023">
            <v>2000</v>
          </cell>
          <cell r="AU1023">
            <v>10</v>
          </cell>
        </row>
        <row r="1024">
          <cell r="C1024">
            <v>1.5108999999999999</v>
          </cell>
          <cell r="AT1024">
            <v>2000</v>
          </cell>
          <cell r="AU1024">
            <v>10</v>
          </cell>
        </row>
        <row r="1025">
          <cell r="C1025">
            <v>1.5128999999999999</v>
          </cell>
          <cell r="AT1025">
            <v>2000</v>
          </cell>
          <cell r="AU1025">
            <v>10</v>
          </cell>
        </row>
        <row r="1026">
          <cell r="C1026">
            <v>1.5128999999999999</v>
          </cell>
          <cell r="AT1026">
            <v>2000</v>
          </cell>
          <cell r="AU1026">
            <v>10</v>
          </cell>
        </row>
        <row r="1027">
          <cell r="C1027">
            <v>1.5128999999999999</v>
          </cell>
          <cell r="AT1027">
            <v>2000</v>
          </cell>
          <cell r="AU1027">
            <v>10</v>
          </cell>
        </row>
        <row r="1028">
          <cell r="C1028">
            <v>1.5083</v>
          </cell>
          <cell r="AT1028">
            <v>2000</v>
          </cell>
          <cell r="AU1028">
            <v>10</v>
          </cell>
        </row>
        <row r="1029">
          <cell r="C1029">
            <v>1.5115000000000001</v>
          </cell>
          <cell r="AT1029">
            <v>2000</v>
          </cell>
          <cell r="AU1029">
            <v>10</v>
          </cell>
        </row>
        <row r="1030">
          <cell r="C1030">
            <v>1.5154000000000001</v>
          </cell>
          <cell r="AT1030">
            <v>2000</v>
          </cell>
          <cell r="AU1030">
            <v>10</v>
          </cell>
        </row>
        <row r="1031">
          <cell r="C1031">
            <v>1.5185</v>
          </cell>
          <cell r="AT1031">
            <v>2000</v>
          </cell>
          <cell r="AU1031">
            <v>10</v>
          </cell>
        </row>
        <row r="1032">
          <cell r="C1032">
            <v>1.5271999999999999</v>
          </cell>
          <cell r="AT1032">
            <v>2000</v>
          </cell>
          <cell r="AU1032">
            <v>10</v>
          </cell>
        </row>
        <row r="1033">
          <cell r="C1033">
            <v>1.5271999999999999</v>
          </cell>
          <cell r="AT1033">
            <v>2000</v>
          </cell>
          <cell r="AU1033">
            <v>10</v>
          </cell>
        </row>
        <row r="1034">
          <cell r="C1034">
            <v>1.5271999999999999</v>
          </cell>
          <cell r="AT1034">
            <v>2000</v>
          </cell>
          <cell r="AU1034">
            <v>10</v>
          </cell>
        </row>
        <row r="1035">
          <cell r="C1035">
            <v>1.5309999999999999</v>
          </cell>
          <cell r="AT1035">
            <v>2000</v>
          </cell>
          <cell r="AU1035">
            <v>10</v>
          </cell>
        </row>
        <row r="1036">
          <cell r="C1036">
            <v>1.5270999999999999</v>
          </cell>
          <cell r="AT1036">
            <v>2000</v>
          </cell>
          <cell r="AU1036">
            <v>11</v>
          </cell>
        </row>
        <row r="1037">
          <cell r="C1037">
            <v>1.5265</v>
          </cell>
          <cell r="AT1037">
            <v>2000</v>
          </cell>
          <cell r="AU1037">
            <v>11</v>
          </cell>
        </row>
        <row r="1038">
          <cell r="C1038">
            <v>1.5330999999999999</v>
          </cell>
          <cell r="AT1038">
            <v>2000</v>
          </cell>
          <cell r="AU1038">
            <v>11</v>
          </cell>
        </row>
        <row r="1039">
          <cell r="C1039">
            <v>1.5341</v>
          </cell>
          <cell r="AT1039">
            <v>2000</v>
          </cell>
          <cell r="AU1039">
            <v>11</v>
          </cell>
        </row>
        <row r="1040">
          <cell r="C1040">
            <v>1.5341</v>
          </cell>
          <cell r="AT1040">
            <v>2000</v>
          </cell>
          <cell r="AU1040">
            <v>11</v>
          </cell>
        </row>
        <row r="1041">
          <cell r="C1041">
            <v>1.5341</v>
          </cell>
          <cell r="AT1041">
            <v>2000</v>
          </cell>
          <cell r="AU1041">
            <v>11</v>
          </cell>
        </row>
        <row r="1042">
          <cell r="C1042">
            <v>1.5298</v>
          </cell>
          <cell r="AT1042">
            <v>2000</v>
          </cell>
          <cell r="AU1042">
            <v>11</v>
          </cell>
        </row>
        <row r="1043">
          <cell r="C1043">
            <v>1.5316000000000001</v>
          </cell>
          <cell r="AT1043">
            <v>2000</v>
          </cell>
          <cell r="AU1043">
            <v>11</v>
          </cell>
        </row>
        <row r="1044">
          <cell r="C1044">
            <v>1.5427</v>
          </cell>
          <cell r="AT1044">
            <v>2000</v>
          </cell>
          <cell r="AU1044">
            <v>11</v>
          </cell>
        </row>
        <row r="1045">
          <cell r="C1045">
            <v>1.5454000000000001</v>
          </cell>
          <cell r="AT1045">
            <v>2000</v>
          </cell>
          <cell r="AU1045">
            <v>11</v>
          </cell>
        </row>
        <row r="1046">
          <cell r="C1046">
            <v>1.5455000000000001</v>
          </cell>
          <cell r="AT1046">
            <v>2000</v>
          </cell>
          <cell r="AU1046">
            <v>11</v>
          </cell>
        </row>
        <row r="1047">
          <cell r="C1047">
            <v>1.5455000000000001</v>
          </cell>
          <cell r="AT1047">
            <v>2000</v>
          </cell>
          <cell r="AU1047">
            <v>11</v>
          </cell>
        </row>
        <row r="1048">
          <cell r="C1048">
            <v>1.5455000000000001</v>
          </cell>
          <cell r="AT1048">
            <v>2000</v>
          </cell>
          <cell r="AU1048">
            <v>11</v>
          </cell>
        </row>
        <row r="1049">
          <cell r="C1049">
            <v>1.5455000000000001</v>
          </cell>
          <cell r="AT1049">
            <v>2000</v>
          </cell>
          <cell r="AU1049">
            <v>11</v>
          </cell>
        </row>
        <row r="1050">
          <cell r="C1050">
            <v>1.5446</v>
          </cell>
          <cell r="AT1050">
            <v>2000</v>
          </cell>
          <cell r="AU1050">
            <v>11</v>
          </cell>
        </row>
        <row r="1051">
          <cell r="C1051">
            <v>1.5507</v>
          </cell>
          <cell r="AT1051">
            <v>2000</v>
          </cell>
          <cell r="AU1051">
            <v>11</v>
          </cell>
        </row>
        <row r="1052">
          <cell r="C1052">
            <v>1.5523</v>
          </cell>
          <cell r="AT1052">
            <v>2000</v>
          </cell>
          <cell r="AU1052">
            <v>11</v>
          </cell>
        </row>
        <row r="1053">
          <cell r="C1053">
            <v>1.5592999999999999</v>
          </cell>
          <cell r="AT1053">
            <v>2000</v>
          </cell>
          <cell r="AU1053">
            <v>11</v>
          </cell>
        </row>
        <row r="1054">
          <cell r="C1054">
            <v>1.5592999999999999</v>
          </cell>
          <cell r="AT1054">
            <v>2000</v>
          </cell>
          <cell r="AU1054">
            <v>11</v>
          </cell>
        </row>
        <row r="1055">
          <cell r="C1055">
            <v>1.5592999999999999</v>
          </cell>
          <cell r="AT1055">
            <v>2000</v>
          </cell>
          <cell r="AU1055">
            <v>11</v>
          </cell>
        </row>
        <row r="1056">
          <cell r="C1056">
            <v>1.5589</v>
          </cell>
          <cell r="AT1056">
            <v>2000</v>
          </cell>
          <cell r="AU1056">
            <v>11</v>
          </cell>
        </row>
        <row r="1057">
          <cell r="C1057">
            <v>1.5547</v>
          </cell>
          <cell r="AT1057">
            <v>2000</v>
          </cell>
          <cell r="AU1057">
            <v>11</v>
          </cell>
        </row>
        <row r="1058">
          <cell r="C1058">
            <v>1.5476000000000001</v>
          </cell>
          <cell r="AT1058">
            <v>2000</v>
          </cell>
          <cell r="AU1058">
            <v>11</v>
          </cell>
        </row>
        <row r="1059">
          <cell r="C1059">
            <v>1.5431999999999999</v>
          </cell>
          <cell r="AT1059">
            <v>2000</v>
          </cell>
          <cell r="AU1059">
            <v>11</v>
          </cell>
        </row>
        <row r="1060">
          <cell r="C1060">
            <v>1.5391999999999999</v>
          </cell>
          <cell r="AT1060">
            <v>2000</v>
          </cell>
          <cell r="AU1060">
            <v>11</v>
          </cell>
        </row>
        <row r="1061">
          <cell r="C1061">
            <v>1.5391999999999999</v>
          </cell>
          <cell r="AT1061">
            <v>2000</v>
          </cell>
          <cell r="AU1061">
            <v>11</v>
          </cell>
        </row>
        <row r="1062">
          <cell r="C1062">
            <v>1.5391999999999999</v>
          </cell>
          <cell r="AT1062">
            <v>2000</v>
          </cell>
          <cell r="AU1062">
            <v>11</v>
          </cell>
        </row>
        <row r="1063">
          <cell r="C1063">
            <v>1.5346</v>
          </cell>
          <cell r="AT1063">
            <v>2000</v>
          </cell>
          <cell r="AU1063">
            <v>11</v>
          </cell>
        </row>
        <row r="1064">
          <cell r="C1064">
            <v>1.5368999999999999</v>
          </cell>
          <cell r="AT1064">
            <v>2000</v>
          </cell>
          <cell r="AU1064">
            <v>11</v>
          </cell>
        </row>
        <row r="1065">
          <cell r="C1065">
            <v>1.5404</v>
          </cell>
          <cell r="AT1065">
            <v>2000</v>
          </cell>
          <cell r="AU1065">
            <v>11</v>
          </cell>
        </row>
        <row r="1066">
          <cell r="C1066">
            <v>1.5356000000000001</v>
          </cell>
          <cell r="AT1066">
            <v>2000</v>
          </cell>
          <cell r="AU1066">
            <v>12</v>
          </cell>
        </row>
        <row r="1067">
          <cell r="C1067">
            <v>1.5387</v>
          </cell>
          <cell r="AT1067">
            <v>2000</v>
          </cell>
          <cell r="AU1067">
            <v>12</v>
          </cell>
        </row>
        <row r="1068">
          <cell r="C1068">
            <v>1.5387</v>
          </cell>
          <cell r="AT1068">
            <v>2000</v>
          </cell>
          <cell r="AU1068">
            <v>12</v>
          </cell>
        </row>
        <row r="1069">
          <cell r="C1069">
            <v>1.5387</v>
          </cell>
          <cell r="AT1069">
            <v>2000</v>
          </cell>
          <cell r="AU1069">
            <v>12</v>
          </cell>
        </row>
        <row r="1070">
          <cell r="C1070">
            <v>1.5458000000000001</v>
          </cell>
          <cell r="AT1070">
            <v>2000</v>
          </cell>
          <cell r="AU1070">
            <v>12</v>
          </cell>
        </row>
        <row r="1071">
          <cell r="C1071">
            <v>1.5435000000000001</v>
          </cell>
          <cell r="AT1071">
            <v>2000</v>
          </cell>
          <cell r="AU1071">
            <v>12</v>
          </cell>
        </row>
        <row r="1072">
          <cell r="C1072">
            <v>1.5321</v>
          </cell>
          <cell r="AT1072">
            <v>2000</v>
          </cell>
          <cell r="AU1072">
            <v>12</v>
          </cell>
        </row>
        <row r="1073">
          <cell r="C1073">
            <v>1.5224</v>
          </cell>
          <cell r="AT1073">
            <v>2000</v>
          </cell>
          <cell r="AU1073">
            <v>12</v>
          </cell>
        </row>
        <row r="1074">
          <cell r="C1074">
            <v>1.5193000000000001</v>
          </cell>
          <cell r="AT1074">
            <v>2000</v>
          </cell>
          <cell r="AU1074">
            <v>12</v>
          </cell>
        </row>
        <row r="1075">
          <cell r="C1075">
            <v>1.5193000000000001</v>
          </cell>
          <cell r="AT1075">
            <v>2000</v>
          </cell>
          <cell r="AU1075">
            <v>12</v>
          </cell>
        </row>
        <row r="1076">
          <cell r="C1076">
            <v>1.5193000000000001</v>
          </cell>
          <cell r="AT1076">
            <v>2000</v>
          </cell>
          <cell r="AU1076">
            <v>12</v>
          </cell>
        </row>
        <row r="1077">
          <cell r="C1077">
            <v>1.5222</v>
          </cell>
          <cell r="AT1077">
            <v>2000</v>
          </cell>
          <cell r="AU1077">
            <v>12</v>
          </cell>
        </row>
        <row r="1078">
          <cell r="C1078">
            <v>1.5246999999999999</v>
          </cell>
          <cell r="AT1078">
            <v>2000</v>
          </cell>
          <cell r="AU1078">
            <v>12</v>
          </cell>
        </row>
        <row r="1079">
          <cell r="C1079">
            <v>1.5206999999999999</v>
          </cell>
          <cell r="AT1079">
            <v>2000</v>
          </cell>
          <cell r="AU1079">
            <v>12</v>
          </cell>
        </row>
        <row r="1080">
          <cell r="C1080">
            <v>1.5168999999999999</v>
          </cell>
          <cell r="AT1080">
            <v>2000</v>
          </cell>
          <cell r="AU1080">
            <v>12</v>
          </cell>
        </row>
        <row r="1081">
          <cell r="C1081">
            <v>1.5176000000000001</v>
          </cell>
          <cell r="AT1081">
            <v>2000</v>
          </cell>
          <cell r="AU1081">
            <v>12</v>
          </cell>
        </row>
        <row r="1082">
          <cell r="C1082">
            <v>1.5176000000000001</v>
          </cell>
          <cell r="AT1082">
            <v>2000</v>
          </cell>
          <cell r="AU1082">
            <v>12</v>
          </cell>
        </row>
        <row r="1083">
          <cell r="C1083">
            <v>1.5176000000000001</v>
          </cell>
          <cell r="AT1083">
            <v>2000</v>
          </cell>
          <cell r="AU1083">
            <v>12</v>
          </cell>
        </row>
        <row r="1084">
          <cell r="C1084">
            <v>1.5254000000000001</v>
          </cell>
          <cell r="AT1084">
            <v>2000</v>
          </cell>
          <cell r="AU1084">
            <v>12</v>
          </cell>
        </row>
        <row r="1085">
          <cell r="C1085">
            <v>1.5217000000000001</v>
          </cell>
          <cell r="AT1085">
            <v>2000</v>
          </cell>
          <cell r="AU1085">
            <v>12</v>
          </cell>
        </row>
        <row r="1086">
          <cell r="C1086">
            <v>1.5219</v>
          </cell>
          <cell r="AT1086">
            <v>2000</v>
          </cell>
          <cell r="AU1086">
            <v>12</v>
          </cell>
        </row>
        <row r="1087">
          <cell r="C1087">
            <v>1.5185</v>
          </cell>
          <cell r="AT1087">
            <v>2000</v>
          </cell>
          <cell r="AU1087">
            <v>12</v>
          </cell>
        </row>
        <row r="1088">
          <cell r="C1088">
            <v>1.5166999999999999</v>
          </cell>
          <cell r="AT1088">
            <v>2000</v>
          </cell>
          <cell r="AU1088">
            <v>12</v>
          </cell>
        </row>
        <row r="1089">
          <cell r="C1089">
            <v>1.5166999999999999</v>
          </cell>
          <cell r="AT1089">
            <v>2000</v>
          </cell>
          <cell r="AU1089">
            <v>12</v>
          </cell>
        </row>
        <row r="1090">
          <cell r="C1090">
            <v>1.5166999999999999</v>
          </cell>
          <cell r="AT1090">
            <v>2000</v>
          </cell>
          <cell r="AU1090">
            <v>12</v>
          </cell>
        </row>
        <row r="1091">
          <cell r="C1091">
            <v>1.5166999999999999</v>
          </cell>
          <cell r="AT1091">
            <v>2000</v>
          </cell>
          <cell r="AU1091">
            <v>12</v>
          </cell>
        </row>
        <row r="1092">
          <cell r="C1092">
            <v>1.5166999999999999</v>
          </cell>
          <cell r="AT1092">
            <v>2000</v>
          </cell>
          <cell r="AU1092">
            <v>12</v>
          </cell>
        </row>
        <row r="1093">
          <cell r="C1093">
            <v>1.5108999999999999</v>
          </cell>
          <cell r="AT1093">
            <v>2000</v>
          </cell>
          <cell r="AU1093">
            <v>12</v>
          </cell>
        </row>
        <row r="1094">
          <cell r="C1094">
            <v>1.5071000000000001</v>
          </cell>
          <cell r="AT1094">
            <v>2000</v>
          </cell>
          <cell r="AU1094">
            <v>12</v>
          </cell>
        </row>
        <row r="1095">
          <cell r="C1095">
            <v>1.5002</v>
          </cell>
          <cell r="AT1095">
            <v>2000</v>
          </cell>
          <cell r="AU1095">
            <v>12</v>
          </cell>
        </row>
        <row r="1096">
          <cell r="C1096">
            <v>1.5002</v>
          </cell>
          <cell r="AT1096">
            <v>2000</v>
          </cell>
          <cell r="AU1096">
            <v>12</v>
          </cell>
        </row>
        <row r="1097">
          <cell r="C1097">
            <v>1.5002</v>
          </cell>
          <cell r="AT1097">
            <v>2001</v>
          </cell>
          <cell r="AU1097">
            <v>1</v>
          </cell>
        </row>
        <row r="1098">
          <cell r="C1098">
            <v>1.5002</v>
          </cell>
          <cell r="AT1098">
            <v>2001</v>
          </cell>
          <cell r="AU1098">
            <v>1</v>
          </cell>
        </row>
        <row r="1099">
          <cell r="C1099">
            <v>1.4963</v>
          </cell>
          <cell r="AT1099">
            <v>2001</v>
          </cell>
          <cell r="AU1099">
            <v>1</v>
          </cell>
        </row>
        <row r="1100">
          <cell r="C1100">
            <v>1.4978</v>
          </cell>
          <cell r="AT1100">
            <v>2001</v>
          </cell>
          <cell r="AU1100">
            <v>1</v>
          </cell>
        </row>
        <row r="1101">
          <cell r="C1101">
            <v>1.4983</v>
          </cell>
          <cell r="AT1101">
            <v>2001</v>
          </cell>
          <cell r="AU1101">
            <v>1</v>
          </cell>
        </row>
        <row r="1102">
          <cell r="C1102">
            <v>1.5002</v>
          </cell>
          <cell r="AT1102">
            <v>2001</v>
          </cell>
          <cell r="AU1102">
            <v>1</v>
          </cell>
        </row>
        <row r="1103">
          <cell r="C1103">
            <v>1.5002</v>
          </cell>
          <cell r="AT1103">
            <v>2001</v>
          </cell>
          <cell r="AU1103">
            <v>1</v>
          </cell>
        </row>
        <row r="1104">
          <cell r="C1104">
            <v>1.5002</v>
          </cell>
          <cell r="AT1104">
            <v>2001</v>
          </cell>
          <cell r="AU1104">
            <v>1</v>
          </cell>
        </row>
        <row r="1105">
          <cell r="C1105">
            <v>1.4947999999999999</v>
          </cell>
          <cell r="AT1105">
            <v>2001</v>
          </cell>
          <cell r="AU1105">
            <v>1</v>
          </cell>
        </row>
        <row r="1106">
          <cell r="C1106">
            <v>1.4974000000000001</v>
          </cell>
          <cell r="AT1106">
            <v>2001</v>
          </cell>
          <cell r="AU1106">
            <v>1</v>
          </cell>
        </row>
        <row r="1107">
          <cell r="C1107">
            <v>1.5001</v>
          </cell>
          <cell r="AT1107">
            <v>2001</v>
          </cell>
          <cell r="AU1107">
            <v>1</v>
          </cell>
        </row>
        <row r="1108">
          <cell r="C1108">
            <v>1.4976</v>
          </cell>
          <cell r="AT1108">
            <v>2001</v>
          </cell>
          <cell r="AU1108">
            <v>1</v>
          </cell>
        </row>
        <row r="1109">
          <cell r="C1109">
            <v>1.4965999999999999</v>
          </cell>
          <cell r="AT1109">
            <v>2001</v>
          </cell>
          <cell r="AU1109">
            <v>1</v>
          </cell>
        </row>
        <row r="1110">
          <cell r="C1110">
            <v>1.4965999999999999</v>
          </cell>
          <cell r="AT1110">
            <v>2001</v>
          </cell>
          <cell r="AU1110">
            <v>1</v>
          </cell>
        </row>
        <row r="1111">
          <cell r="C1111">
            <v>1.4965999999999999</v>
          </cell>
          <cell r="AT1111">
            <v>2001</v>
          </cell>
          <cell r="AU1111">
            <v>1</v>
          </cell>
        </row>
        <row r="1112">
          <cell r="C1112">
            <v>1.5044999999999999</v>
          </cell>
          <cell r="AT1112">
            <v>2001</v>
          </cell>
          <cell r="AU1112">
            <v>1</v>
          </cell>
        </row>
        <row r="1113">
          <cell r="C1113">
            <v>1.5044</v>
          </cell>
          <cell r="AT1113">
            <v>2001</v>
          </cell>
          <cell r="AU1113">
            <v>1</v>
          </cell>
        </row>
        <row r="1114">
          <cell r="C1114">
            <v>1.5121</v>
          </cell>
          <cell r="AT1114">
            <v>2001</v>
          </cell>
          <cell r="AU1114">
            <v>1</v>
          </cell>
        </row>
        <row r="1115">
          <cell r="C1115">
            <v>1.516</v>
          </cell>
          <cell r="AT1115">
            <v>2001</v>
          </cell>
          <cell r="AU1115">
            <v>1</v>
          </cell>
        </row>
        <row r="1116">
          <cell r="C1116">
            <v>1.5144</v>
          </cell>
          <cell r="AT1116">
            <v>2001</v>
          </cell>
          <cell r="AU1116">
            <v>1</v>
          </cell>
        </row>
        <row r="1117">
          <cell r="C1117">
            <v>1.5144</v>
          </cell>
          <cell r="AT1117">
            <v>2001</v>
          </cell>
          <cell r="AU1117">
            <v>1</v>
          </cell>
        </row>
        <row r="1118">
          <cell r="C1118">
            <v>1.5144</v>
          </cell>
          <cell r="AT1118">
            <v>2001</v>
          </cell>
          <cell r="AU1118">
            <v>1</v>
          </cell>
        </row>
        <row r="1119">
          <cell r="C1119">
            <v>1.5065999999999999</v>
          </cell>
          <cell r="AT1119">
            <v>2001</v>
          </cell>
          <cell r="AU1119">
            <v>1</v>
          </cell>
        </row>
        <row r="1120">
          <cell r="C1120">
            <v>1.5065999999999999</v>
          </cell>
          <cell r="AT1120">
            <v>2001</v>
          </cell>
          <cell r="AU1120">
            <v>1</v>
          </cell>
        </row>
        <row r="1121">
          <cell r="C1121">
            <v>1.5124</v>
          </cell>
          <cell r="AT1121">
            <v>2001</v>
          </cell>
          <cell r="AU1121">
            <v>1</v>
          </cell>
        </row>
        <row r="1122">
          <cell r="C1122">
            <v>1.5076000000000001</v>
          </cell>
          <cell r="AT1122">
            <v>2001</v>
          </cell>
          <cell r="AU1122">
            <v>1</v>
          </cell>
        </row>
        <row r="1123">
          <cell r="C1123">
            <v>1.5063</v>
          </cell>
          <cell r="AT1123">
            <v>2001</v>
          </cell>
          <cell r="AU1123">
            <v>1</v>
          </cell>
        </row>
        <row r="1124">
          <cell r="C1124">
            <v>1.5063</v>
          </cell>
          <cell r="AT1124">
            <v>2001</v>
          </cell>
          <cell r="AU1124">
            <v>1</v>
          </cell>
        </row>
        <row r="1125">
          <cell r="C1125">
            <v>1.5063</v>
          </cell>
          <cell r="AT1125">
            <v>2001</v>
          </cell>
          <cell r="AU1125">
            <v>1</v>
          </cell>
        </row>
        <row r="1126">
          <cell r="C1126">
            <v>1.5008999999999999</v>
          </cell>
          <cell r="AT1126">
            <v>2001</v>
          </cell>
          <cell r="AU1126">
            <v>1</v>
          </cell>
        </row>
        <row r="1127">
          <cell r="C1127">
            <v>1.4984999999999999</v>
          </cell>
          <cell r="AT1127">
            <v>2001</v>
          </cell>
          <cell r="AU1127">
            <v>1</v>
          </cell>
        </row>
        <row r="1128">
          <cell r="C1128">
            <v>1.5</v>
          </cell>
          <cell r="AT1128">
            <v>2001</v>
          </cell>
          <cell r="AU1128">
            <v>2</v>
          </cell>
        </row>
        <row r="1129">
          <cell r="C1129">
            <v>1.4948999999999999</v>
          </cell>
          <cell r="AT1129">
            <v>2001</v>
          </cell>
          <cell r="AU1129">
            <v>2</v>
          </cell>
        </row>
        <row r="1130">
          <cell r="C1130">
            <v>1.4936</v>
          </cell>
          <cell r="AT1130">
            <v>2001</v>
          </cell>
          <cell r="AU1130">
            <v>2</v>
          </cell>
        </row>
        <row r="1131">
          <cell r="C1131">
            <v>1.4936</v>
          </cell>
          <cell r="AT1131">
            <v>2001</v>
          </cell>
          <cell r="AU1131">
            <v>2</v>
          </cell>
        </row>
        <row r="1132">
          <cell r="C1132">
            <v>1.4936</v>
          </cell>
          <cell r="AT1132">
            <v>2001</v>
          </cell>
          <cell r="AU1132">
            <v>2</v>
          </cell>
        </row>
        <row r="1133">
          <cell r="C1133">
            <v>1.5045999999999999</v>
          </cell>
          <cell r="AT1133">
            <v>2001</v>
          </cell>
          <cell r="AU1133">
            <v>2</v>
          </cell>
        </row>
        <row r="1134">
          <cell r="C1134">
            <v>1.5079</v>
          </cell>
          <cell r="AT1134">
            <v>2001</v>
          </cell>
          <cell r="AU1134">
            <v>2</v>
          </cell>
        </row>
        <row r="1135">
          <cell r="C1135">
            <v>1.5096000000000001</v>
          </cell>
          <cell r="AT1135">
            <v>2001</v>
          </cell>
          <cell r="AU1135">
            <v>2</v>
          </cell>
        </row>
        <row r="1136">
          <cell r="C1136">
            <v>1.5112000000000001</v>
          </cell>
          <cell r="AT1136">
            <v>2001</v>
          </cell>
          <cell r="AU1136">
            <v>2</v>
          </cell>
        </row>
        <row r="1137">
          <cell r="C1137">
            <v>1.5083</v>
          </cell>
          <cell r="AT1137">
            <v>2001</v>
          </cell>
          <cell r="AU1137">
            <v>2</v>
          </cell>
        </row>
        <row r="1138">
          <cell r="C1138">
            <v>1.5083</v>
          </cell>
          <cell r="AT1138">
            <v>2001</v>
          </cell>
          <cell r="AU1138">
            <v>2</v>
          </cell>
        </row>
        <row r="1139">
          <cell r="C1139">
            <v>1.5083</v>
          </cell>
          <cell r="AT1139">
            <v>2001</v>
          </cell>
          <cell r="AU1139">
            <v>2</v>
          </cell>
        </row>
        <row r="1140">
          <cell r="C1140">
            <v>1.5193000000000001</v>
          </cell>
          <cell r="AT1140">
            <v>2001</v>
          </cell>
          <cell r="AU1140">
            <v>2</v>
          </cell>
        </row>
        <row r="1141">
          <cell r="C1141">
            <v>1.5212000000000001</v>
          </cell>
          <cell r="AT1141">
            <v>2001</v>
          </cell>
          <cell r="AU1141">
            <v>2</v>
          </cell>
        </row>
        <row r="1142">
          <cell r="C1142">
            <v>1.5254000000000001</v>
          </cell>
          <cell r="AT1142">
            <v>2001</v>
          </cell>
          <cell r="AU1142">
            <v>2</v>
          </cell>
        </row>
        <row r="1143">
          <cell r="C1143">
            <v>1.5276000000000001</v>
          </cell>
          <cell r="AT1143">
            <v>2001</v>
          </cell>
          <cell r="AU1143">
            <v>2</v>
          </cell>
        </row>
        <row r="1144">
          <cell r="C1144">
            <v>1.5367999999999999</v>
          </cell>
          <cell r="AT1144">
            <v>2001</v>
          </cell>
          <cell r="AU1144">
            <v>2</v>
          </cell>
        </row>
        <row r="1145">
          <cell r="C1145">
            <v>1.5367999999999999</v>
          </cell>
          <cell r="AT1145">
            <v>2001</v>
          </cell>
          <cell r="AU1145">
            <v>2</v>
          </cell>
        </row>
        <row r="1146">
          <cell r="C1146">
            <v>1.5367999999999999</v>
          </cell>
          <cell r="AT1146">
            <v>2001</v>
          </cell>
          <cell r="AU1146">
            <v>2</v>
          </cell>
        </row>
        <row r="1147">
          <cell r="C1147">
            <v>1.5359</v>
          </cell>
          <cell r="AT1147">
            <v>2001</v>
          </cell>
          <cell r="AU1147">
            <v>2</v>
          </cell>
        </row>
        <row r="1148">
          <cell r="C1148">
            <v>1.5391999999999999</v>
          </cell>
          <cell r="AT1148">
            <v>2001</v>
          </cell>
          <cell r="AU1148">
            <v>2</v>
          </cell>
        </row>
        <row r="1149">
          <cell r="C1149">
            <v>1.5366</v>
          </cell>
          <cell r="AT1149">
            <v>2001</v>
          </cell>
          <cell r="AU1149">
            <v>2</v>
          </cell>
        </row>
        <row r="1150">
          <cell r="C1150">
            <v>1.538</v>
          </cell>
          <cell r="AT1150">
            <v>2001</v>
          </cell>
          <cell r="AU1150">
            <v>2</v>
          </cell>
        </row>
        <row r="1151">
          <cell r="C1151">
            <v>1.5374000000000001</v>
          </cell>
          <cell r="AT1151">
            <v>2001</v>
          </cell>
          <cell r="AU1151">
            <v>2</v>
          </cell>
        </row>
        <row r="1152">
          <cell r="C1152">
            <v>1.5374000000000001</v>
          </cell>
          <cell r="AT1152">
            <v>2001</v>
          </cell>
          <cell r="AU1152">
            <v>2</v>
          </cell>
        </row>
        <row r="1153">
          <cell r="C1153">
            <v>1.5374000000000001</v>
          </cell>
          <cell r="AT1153">
            <v>2001</v>
          </cell>
          <cell r="AU1153">
            <v>2</v>
          </cell>
        </row>
        <row r="1154">
          <cell r="C1154">
            <v>1.5313000000000001</v>
          </cell>
          <cell r="AT1154">
            <v>2001</v>
          </cell>
          <cell r="AU1154">
            <v>2</v>
          </cell>
        </row>
        <row r="1155">
          <cell r="C1155">
            <v>1.5259</v>
          </cell>
          <cell r="AT1155">
            <v>2001</v>
          </cell>
          <cell r="AU1155">
            <v>2</v>
          </cell>
        </row>
        <row r="1156">
          <cell r="C1156">
            <v>1.5316000000000001</v>
          </cell>
          <cell r="AT1156">
            <v>2001</v>
          </cell>
          <cell r="AU1156">
            <v>3</v>
          </cell>
        </row>
        <row r="1157">
          <cell r="C1157">
            <v>1.5458000000000001</v>
          </cell>
          <cell r="AT1157">
            <v>2001</v>
          </cell>
          <cell r="AU1157">
            <v>3</v>
          </cell>
        </row>
        <row r="1158">
          <cell r="C1158">
            <v>1.5484</v>
          </cell>
          <cell r="AT1158">
            <v>2001</v>
          </cell>
          <cell r="AU1158">
            <v>3</v>
          </cell>
        </row>
        <row r="1159">
          <cell r="C1159">
            <v>1.5484</v>
          </cell>
          <cell r="AT1159">
            <v>2001</v>
          </cell>
          <cell r="AU1159">
            <v>3</v>
          </cell>
        </row>
        <row r="1160">
          <cell r="C1160">
            <v>1.5484</v>
          </cell>
          <cell r="AT1160">
            <v>2001</v>
          </cell>
          <cell r="AU1160">
            <v>3</v>
          </cell>
        </row>
        <row r="1161">
          <cell r="C1161">
            <v>1.5472999999999999</v>
          </cell>
          <cell r="AT1161">
            <v>2001</v>
          </cell>
          <cell r="AU1161">
            <v>3</v>
          </cell>
        </row>
        <row r="1162">
          <cell r="C1162">
            <v>1.538</v>
          </cell>
          <cell r="AT1162">
            <v>2001</v>
          </cell>
          <cell r="AU1162">
            <v>3</v>
          </cell>
        </row>
        <row r="1163">
          <cell r="C1163">
            <v>1.5489999999999999</v>
          </cell>
          <cell r="AT1163">
            <v>2001</v>
          </cell>
          <cell r="AU1163">
            <v>3</v>
          </cell>
        </row>
        <row r="1164">
          <cell r="C1164">
            <v>1.5491999999999999</v>
          </cell>
          <cell r="AT1164">
            <v>2001</v>
          </cell>
          <cell r="AU1164">
            <v>3</v>
          </cell>
        </row>
        <row r="1165">
          <cell r="C1165">
            <v>1.5483</v>
          </cell>
          <cell r="AT1165">
            <v>2001</v>
          </cell>
          <cell r="AU1165">
            <v>3</v>
          </cell>
        </row>
        <row r="1166">
          <cell r="C1166">
            <v>1.5483</v>
          </cell>
          <cell r="AT1166">
            <v>2001</v>
          </cell>
          <cell r="AU1166">
            <v>3</v>
          </cell>
        </row>
        <row r="1167">
          <cell r="C1167">
            <v>1.5483</v>
          </cell>
          <cell r="AT1167">
            <v>2001</v>
          </cell>
          <cell r="AU1167">
            <v>3</v>
          </cell>
        </row>
        <row r="1168">
          <cell r="C1168">
            <v>1.5508</v>
          </cell>
          <cell r="AT1168">
            <v>2001</v>
          </cell>
          <cell r="AU1168">
            <v>3</v>
          </cell>
        </row>
        <row r="1169">
          <cell r="C1169">
            <v>1.5470999999999999</v>
          </cell>
          <cell r="AT1169">
            <v>2001</v>
          </cell>
          <cell r="AU1169">
            <v>3</v>
          </cell>
        </row>
        <row r="1170">
          <cell r="C1170">
            <v>1.5532999999999999</v>
          </cell>
          <cell r="AT1170">
            <v>2001</v>
          </cell>
          <cell r="AU1170">
            <v>3</v>
          </cell>
        </row>
        <row r="1171">
          <cell r="C1171">
            <v>1.5596000000000001</v>
          </cell>
          <cell r="AT1171">
            <v>2001</v>
          </cell>
          <cell r="AU1171">
            <v>3</v>
          </cell>
        </row>
        <row r="1172">
          <cell r="C1172">
            <v>1.5669999999999999</v>
          </cell>
          <cell r="AT1172">
            <v>2001</v>
          </cell>
          <cell r="AU1172">
            <v>3</v>
          </cell>
        </row>
        <row r="1173">
          <cell r="C1173">
            <v>1.5669999999999999</v>
          </cell>
          <cell r="AT1173">
            <v>2001</v>
          </cell>
          <cell r="AU1173">
            <v>3</v>
          </cell>
        </row>
        <row r="1174">
          <cell r="C1174">
            <v>1.5669999999999999</v>
          </cell>
          <cell r="AT1174">
            <v>2001</v>
          </cell>
          <cell r="AU1174">
            <v>3</v>
          </cell>
        </row>
        <row r="1175">
          <cell r="C1175">
            <v>1.5697000000000001</v>
          </cell>
          <cell r="AT1175">
            <v>2001</v>
          </cell>
          <cell r="AU1175">
            <v>3</v>
          </cell>
        </row>
        <row r="1176">
          <cell r="C1176">
            <v>1.5607</v>
          </cell>
          <cell r="AT1176">
            <v>2001</v>
          </cell>
          <cell r="AU1176">
            <v>3</v>
          </cell>
        </row>
        <row r="1177">
          <cell r="C1177">
            <v>1.5726</v>
          </cell>
          <cell r="AT1177">
            <v>2001</v>
          </cell>
          <cell r="AU1177">
            <v>3</v>
          </cell>
        </row>
        <row r="1178">
          <cell r="C1178">
            <v>1.5731999999999999</v>
          </cell>
          <cell r="AT1178">
            <v>2001</v>
          </cell>
          <cell r="AU1178">
            <v>3</v>
          </cell>
        </row>
        <row r="1179">
          <cell r="C1179">
            <v>1.5664</v>
          </cell>
          <cell r="AT1179">
            <v>2001</v>
          </cell>
          <cell r="AU1179">
            <v>3</v>
          </cell>
        </row>
        <row r="1180">
          <cell r="C1180">
            <v>1.5664</v>
          </cell>
          <cell r="AT1180">
            <v>2001</v>
          </cell>
          <cell r="AU1180">
            <v>3</v>
          </cell>
        </row>
        <row r="1181">
          <cell r="C1181">
            <v>1.5664</v>
          </cell>
          <cell r="AT1181">
            <v>2001</v>
          </cell>
          <cell r="AU1181">
            <v>3</v>
          </cell>
        </row>
        <row r="1182">
          <cell r="C1182">
            <v>1.5547</v>
          </cell>
          <cell r="AT1182">
            <v>2001</v>
          </cell>
          <cell r="AU1182">
            <v>3</v>
          </cell>
        </row>
        <row r="1183">
          <cell r="C1183">
            <v>1.5692999999999999</v>
          </cell>
          <cell r="AT1183">
            <v>2001</v>
          </cell>
          <cell r="AU1183">
            <v>3</v>
          </cell>
        </row>
        <row r="1184">
          <cell r="C1184">
            <v>1.5669999999999999</v>
          </cell>
          <cell r="AT1184">
            <v>2001</v>
          </cell>
          <cell r="AU1184">
            <v>3</v>
          </cell>
        </row>
        <row r="1185">
          <cell r="C1185">
            <v>1.5722</v>
          </cell>
          <cell r="AT1185">
            <v>2001</v>
          </cell>
          <cell r="AU1185">
            <v>3</v>
          </cell>
        </row>
        <row r="1186">
          <cell r="C1186">
            <v>1.5773999999999999</v>
          </cell>
          <cell r="AT1186">
            <v>2001</v>
          </cell>
          <cell r="AU1186">
            <v>3</v>
          </cell>
        </row>
        <row r="1187">
          <cell r="C1187">
            <v>1.5773999999999999</v>
          </cell>
          <cell r="AT1187">
            <v>2001</v>
          </cell>
          <cell r="AU1187">
            <v>4</v>
          </cell>
        </row>
        <row r="1188">
          <cell r="C1188">
            <v>1.5773999999999999</v>
          </cell>
          <cell r="AT1188">
            <v>2001</v>
          </cell>
          <cell r="AU1188">
            <v>4</v>
          </cell>
        </row>
        <row r="1189">
          <cell r="C1189">
            <v>1.5749</v>
          </cell>
          <cell r="AT1189">
            <v>2001</v>
          </cell>
          <cell r="AU1189">
            <v>4</v>
          </cell>
        </row>
        <row r="1190">
          <cell r="C1190">
            <v>1.5789</v>
          </cell>
          <cell r="AT1190">
            <v>2001</v>
          </cell>
          <cell r="AU1190">
            <v>4</v>
          </cell>
        </row>
        <row r="1191">
          <cell r="C1191">
            <v>1.5693999999999999</v>
          </cell>
          <cell r="AT1191">
            <v>2001</v>
          </cell>
          <cell r="AU1191">
            <v>4</v>
          </cell>
        </row>
        <row r="1192">
          <cell r="C1192">
            <v>1.5787</v>
          </cell>
          <cell r="AT1192">
            <v>2001</v>
          </cell>
          <cell r="AU1192">
            <v>4</v>
          </cell>
        </row>
        <row r="1193">
          <cell r="C1193">
            <v>1.5612999999999999</v>
          </cell>
          <cell r="AT1193">
            <v>2001</v>
          </cell>
          <cell r="AU1193">
            <v>4</v>
          </cell>
        </row>
        <row r="1194">
          <cell r="C1194">
            <v>1.5612999999999999</v>
          </cell>
          <cell r="AT1194">
            <v>2001</v>
          </cell>
          <cell r="AU1194">
            <v>4</v>
          </cell>
        </row>
        <row r="1195">
          <cell r="C1195">
            <v>1.5612999999999999</v>
          </cell>
          <cell r="AT1195">
            <v>2001</v>
          </cell>
          <cell r="AU1195">
            <v>4</v>
          </cell>
        </row>
        <row r="1196">
          <cell r="C1196">
            <v>1.5642</v>
          </cell>
          <cell r="AT1196">
            <v>2001</v>
          </cell>
          <cell r="AU1196">
            <v>4</v>
          </cell>
        </row>
        <row r="1197">
          <cell r="C1197">
            <v>1.5562</v>
          </cell>
          <cell r="AT1197">
            <v>2001</v>
          </cell>
          <cell r="AU1197">
            <v>4</v>
          </cell>
        </row>
        <row r="1198">
          <cell r="C1198">
            <v>1.5620000000000001</v>
          </cell>
          <cell r="AT1198">
            <v>2001</v>
          </cell>
          <cell r="AU1198">
            <v>4</v>
          </cell>
        </row>
        <row r="1199">
          <cell r="C1199">
            <v>1.5599000000000001</v>
          </cell>
          <cell r="AT1199">
            <v>2001</v>
          </cell>
          <cell r="AU1199">
            <v>4</v>
          </cell>
        </row>
        <row r="1200">
          <cell r="C1200">
            <v>1.5599000000000001</v>
          </cell>
          <cell r="AT1200">
            <v>2001</v>
          </cell>
          <cell r="AU1200">
            <v>4</v>
          </cell>
        </row>
        <row r="1201">
          <cell r="C1201">
            <v>1.5599000000000001</v>
          </cell>
          <cell r="AT1201">
            <v>2001</v>
          </cell>
          <cell r="AU1201">
            <v>4</v>
          </cell>
        </row>
        <row r="1202">
          <cell r="C1202">
            <v>1.5599000000000001</v>
          </cell>
          <cell r="AT1202">
            <v>2001</v>
          </cell>
          <cell r="AU1202">
            <v>4</v>
          </cell>
        </row>
        <row r="1203">
          <cell r="C1203">
            <v>1.5621</v>
          </cell>
          <cell r="AT1203">
            <v>2001</v>
          </cell>
          <cell r="AU1203">
            <v>4</v>
          </cell>
        </row>
        <row r="1204">
          <cell r="C1204">
            <v>1.5579000000000001</v>
          </cell>
          <cell r="AT1204">
            <v>2001</v>
          </cell>
          <cell r="AU1204">
            <v>4</v>
          </cell>
        </row>
        <row r="1205">
          <cell r="C1205">
            <v>1.5692999999999999</v>
          </cell>
          <cell r="AT1205">
            <v>2001</v>
          </cell>
          <cell r="AU1205">
            <v>4</v>
          </cell>
        </row>
        <row r="1206">
          <cell r="C1206">
            <v>1.5471999999999999</v>
          </cell>
          <cell r="AT1206">
            <v>2001</v>
          </cell>
          <cell r="AU1206">
            <v>4</v>
          </cell>
        </row>
        <row r="1207">
          <cell r="C1207">
            <v>1.5434000000000001</v>
          </cell>
          <cell r="AT1207">
            <v>2001</v>
          </cell>
          <cell r="AU1207">
            <v>4</v>
          </cell>
        </row>
        <row r="1208">
          <cell r="C1208">
            <v>1.5434000000000001</v>
          </cell>
          <cell r="AT1208">
            <v>2001</v>
          </cell>
          <cell r="AU1208">
            <v>4</v>
          </cell>
        </row>
        <row r="1209">
          <cell r="C1209">
            <v>1.5434000000000001</v>
          </cell>
          <cell r="AT1209">
            <v>2001</v>
          </cell>
          <cell r="AU1209">
            <v>4</v>
          </cell>
        </row>
        <row r="1210">
          <cell r="C1210">
            <v>1.5464</v>
          </cell>
          <cell r="AT1210">
            <v>2001</v>
          </cell>
          <cell r="AU1210">
            <v>4</v>
          </cell>
        </row>
        <row r="1211">
          <cell r="C1211">
            <v>1.5482</v>
          </cell>
          <cell r="AT1211">
            <v>2001</v>
          </cell>
          <cell r="AU1211">
            <v>4</v>
          </cell>
        </row>
        <row r="1212">
          <cell r="C1212">
            <v>1.5472999999999999</v>
          </cell>
          <cell r="AT1212">
            <v>2001</v>
          </cell>
          <cell r="AU1212">
            <v>4</v>
          </cell>
        </row>
        <row r="1213">
          <cell r="C1213">
            <v>1.5450999999999999</v>
          </cell>
          <cell r="AT1213">
            <v>2001</v>
          </cell>
          <cell r="AU1213">
            <v>4</v>
          </cell>
        </row>
        <row r="1214">
          <cell r="C1214">
            <v>1.5417000000000001</v>
          </cell>
          <cell r="AT1214">
            <v>2001</v>
          </cell>
          <cell r="AU1214">
            <v>4</v>
          </cell>
        </row>
        <row r="1215">
          <cell r="C1215">
            <v>1.5417000000000001</v>
          </cell>
          <cell r="AT1215">
            <v>2001</v>
          </cell>
          <cell r="AU1215">
            <v>4</v>
          </cell>
        </row>
        <row r="1216">
          <cell r="C1216">
            <v>1.5417000000000001</v>
          </cell>
          <cell r="AT1216">
            <v>2001</v>
          </cell>
          <cell r="AU1216">
            <v>4</v>
          </cell>
        </row>
        <row r="1217">
          <cell r="C1217">
            <v>1.5356000000000001</v>
          </cell>
          <cell r="AT1217">
            <v>2001</v>
          </cell>
          <cell r="AU1217">
            <v>5</v>
          </cell>
        </row>
        <row r="1218">
          <cell r="C1218">
            <v>1.5338000000000001</v>
          </cell>
          <cell r="AT1218">
            <v>2001</v>
          </cell>
          <cell r="AU1218">
            <v>5</v>
          </cell>
        </row>
        <row r="1219">
          <cell r="C1219">
            <v>1.5308999999999999</v>
          </cell>
          <cell r="AT1219">
            <v>2001</v>
          </cell>
          <cell r="AU1219">
            <v>5</v>
          </cell>
        </row>
        <row r="1220">
          <cell r="C1220">
            <v>1.5328999999999999</v>
          </cell>
          <cell r="AT1220">
            <v>2001</v>
          </cell>
          <cell r="AU1220">
            <v>5</v>
          </cell>
        </row>
        <row r="1221">
          <cell r="C1221">
            <v>1.5348999999999999</v>
          </cell>
          <cell r="AT1221">
            <v>2001</v>
          </cell>
          <cell r="AU1221">
            <v>5</v>
          </cell>
        </row>
        <row r="1222">
          <cell r="C1222">
            <v>1.5348999999999999</v>
          </cell>
          <cell r="AT1222">
            <v>2001</v>
          </cell>
          <cell r="AU1222">
            <v>5</v>
          </cell>
        </row>
        <row r="1223">
          <cell r="C1223">
            <v>1.5348999999999999</v>
          </cell>
          <cell r="AT1223">
            <v>2001</v>
          </cell>
          <cell r="AU1223">
            <v>5</v>
          </cell>
        </row>
        <row r="1224">
          <cell r="C1224">
            <v>1.5403</v>
          </cell>
          <cell r="AT1224">
            <v>2001</v>
          </cell>
          <cell r="AU1224">
            <v>5</v>
          </cell>
        </row>
        <row r="1225">
          <cell r="C1225">
            <v>1.5444</v>
          </cell>
          <cell r="AT1225">
            <v>2001</v>
          </cell>
          <cell r="AU1225">
            <v>5</v>
          </cell>
        </row>
        <row r="1226">
          <cell r="C1226">
            <v>1.5404</v>
          </cell>
          <cell r="AT1226">
            <v>2001</v>
          </cell>
          <cell r="AU1226">
            <v>5</v>
          </cell>
        </row>
        <row r="1227">
          <cell r="C1227">
            <v>1.5389999999999999</v>
          </cell>
          <cell r="AT1227">
            <v>2001</v>
          </cell>
          <cell r="AU1227">
            <v>5</v>
          </cell>
        </row>
        <row r="1228">
          <cell r="C1228">
            <v>1.5503</v>
          </cell>
          <cell r="AT1228">
            <v>2001</v>
          </cell>
          <cell r="AU1228">
            <v>5</v>
          </cell>
        </row>
        <row r="1229">
          <cell r="C1229">
            <v>1.5503</v>
          </cell>
          <cell r="AT1229">
            <v>2001</v>
          </cell>
          <cell r="AU1229">
            <v>5</v>
          </cell>
        </row>
        <row r="1230">
          <cell r="C1230">
            <v>1.5503</v>
          </cell>
          <cell r="AT1230">
            <v>2001</v>
          </cell>
          <cell r="AU1230">
            <v>5</v>
          </cell>
        </row>
        <row r="1231">
          <cell r="C1231">
            <v>1.554</v>
          </cell>
          <cell r="AT1231">
            <v>2001</v>
          </cell>
          <cell r="AU1231">
            <v>5</v>
          </cell>
        </row>
        <row r="1232">
          <cell r="C1232">
            <v>1.5490999999999999</v>
          </cell>
          <cell r="AT1232">
            <v>2001</v>
          </cell>
          <cell r="AU1232">
            <v>5</v>
          </cell>
        </row>
        <row r="1233">
          <cell r="C1233">
            <v>1.5399</v>
          </cell>
          <cell r="AT1233">
            <v>2001</v>
          </cell>
          <cell r="AU1233">
            <v>5</v>
          </cell>
        </row>
        <row r="1234">
          <cell r="C1234">
            <v>1.5358000000000001</v>
          </cell>
          <cell r="AT1234">
            <v>2001</v>
          </cell>
          <cell r="AU1234">
            <v>5</v>
          </cell>
        </row>
        <row r="1235">
          <cell r="C1235">
            <v>1.5329999999999999</v>
          </cell>
          <cell r="AT1235">
            <v>2001</v>
          </cell>
          <cell r="AU1235">
            <v>5</v>
          </cell>
        </row>
        <row r="1236">
          <cell r="C1236">
            <v>1.5329999999999999</v>
          </cell>
          <cell r="AT1236">
            <v>2001</v>
          </cell>
          <cell r="AU1236">
            <v>5</v>
          </cell>
        </row>
        <row r="1237">
          <cell r="C1237">
            <v>1.5329999999999999</v>
          </cell>
          <cell r="AT1237">
            <v>2001</v>
          </cell>
          <cell r="AU1237">
            <v>5</v>
          </cell>
        </row>
        <row r="1238">
          <cell r="C1238">
            <v>1.5329999999999999</v>
          </cell>
          <cell r="AT1238">
            <v>2001</v>
          </cell>
          <cell r="AU1238">
            <v>5</v>
          </cell>
        </row>
        <row r="1239">
          <cell r="C1239">
            <v>1.5407</v>
          </cell>
          <cell r="AT1239">
            <v>2001</v>
          </cell>
          <cell r="AU1239">
            <v>5</v>
          </cell>
        </row>
        <row r="1240">
          <cell r="C1240">
            <v>1.5458000000000001</v>
          </cell>
          <cell r="AT1240">
            <v>2001</v>
          </cell>
          <cell r="AU1240">
            <v>5</v>
          </cell>
        </row>
        <row r="1241">
          <cell r="C1241">
            <v>1.5472999999999999</v>
          </cell>
          <cell r="AT1241">
            <v>2001</v>
          </cell>
          <cell r="AU1241">
            <v>5</v>
          </cell>
        </row>
        <row r="1242">
          <cell r="C1242">
            <v>1.5451999999999999</v>
          </cell>
          <cell r="AT1242">
            <v>2001</v>
          </cell>
          <cell r="AU1242">
            <v>5</v>
          </cell>
        </row>
        <row r="1243">
          <cell r="C1243">
            <v>1.5451999999999999</v>
          </cell>
          <cell r="AT1243">
            <v>2001</v>
          </cell>
          <cell r="AU1243">
            <v>5</v>
          </cell>
        </row>
        <row r="1244">
          <cell r="C1244">
            <v>1.5451999999999999</v>
          </cell>
          <cell r="AT1244">
            <v>2001</v>
          </cell>
          <cell r="AU1244">
            <v>5</v>
          </cell>
        </row>
        <row r="1245">
          <cell r="C1245">
            <v>1.5452999999999999</v>
          </cell>
          <cell r="AT1245">
            <v>2001</v>
          </cell>
          <cell r="AU1245">
            <v>5</v>
          </cell>
        </row>
        <row r="1246">
          <cell r="C1246">
            <v>1.5373000000000001</v>
          </cell>
          <cell r="AT1246">
            <v>2001</v>
          </cell>
          <cell r="AU1246">
            <v>5</v>
          </cell>
        </row>
        <row r="1247">
          <cell r="C1247">
            <v>1.546</v>
          </cell>
          <cell r="AT1247">
            <v>2001</v>
          </cell>
          <cell r="AU1247">
            <v>5</v>
          </cell>
        </row>
        <row r="1248">
          <cell r="C1248">
            <v>1.5457000000000001</v>
          </cell>
          <cell r="AT1248">
            <v>2001</v>
          </cell>
          <cell r="AU1248">
            <v>6</v>
          </cell>
        </row>
        <row r="1249">
          <cell r="C1249">
            <v>1.532</v>
          </cell>
          <cell r="AT1249">
            <v>2001</v>
          </cell>
          <cell r="AU1249">
            <v>6</v>
          </cell>
        </row>
        <row r="1250">
          <cell r="C1250">
            <v>1.532</v>
          </cell>
          <cell r="AT1250">
            <v>2001</v>
          </cell>
          <cell r="AU1250">
            <v>6</v>
          </cell>
        </row>
        <row r="1251">
          <cell r="C1251">
            <v>1.532</v>
          </cell>
          <cell r="AT1251">
            <v>2001</v>
          </cell>
          <cell r="AU1251">
            <v>6</v>
          </cell>
        </row>
        <row r="1252">
          <cell r="C1252">
            <v>1.5357000000000001</v>
          </cell>
          <cell r="AT1252">
            <v>2001</v>
          </cell>
          <cell r="AU1252">
            <v>6</v>
          </cell>
        </row>
        <row r="1253">
          <cell r="C1253">
            <v>1.5327</v>
          </cell>
          <cell r="AT1253">
            <v>2001</v>
          </cell>
          <cell r="AU1253">
            <v>6</v>
          </cell>
        </row>
        <row r="1254">
          <cell r="C1254">
            <v>1.5246</v>
          </cell>
          <cell r="AT1254">
            <v>2001</v>
          </cell>
          <cell r="AU1254">
            <v>6</v>
          </cell>
        </row>
        <row r="1255">
          <cell r="C1255">
            <v>1.5208999999999999</v>
          </cell>
          <cell r="AT1255">
            <v>2001</v>
          </cell>
          <cell r="AU1255">
            <v>6</v>
          </cell>
        </row>
        <row r="1256">
          <cell r="C1256">
            <v>1.5209999999999999</v>
          </cell>
          <cell r="AT1256">
            <v>2001</v>
          </cell>
          <cell r="AU1256">
            <v>6</v>
          </cell>
        </row>
        <row r="1257">
          <cell r="C1257">
            <v>1.5209999999999999</v>
          </cell>
          <cell r="AT1257">
            <v>2001</v>
          </cell>
          <cell r="AU1257">
            <v>6</v>
          </cell>
        </row>
        <row r="1258">
          <cell r="C1258">
            <v>1.5209999999999999</v>
          </cell>
          <cell r="AT1258">
            <v>2001</v>
          </cell>
          <cell r="AU1258">
            <v>6</v>
          </cell>
        </row>
        <row r="1259">
          <cell r="C1259">
            <v>1.5161</v>
          </cell>
          <cell r="AT1259">
            <v>2001</v>
          </cell>
          <cell r="AU1259">
            <v>6</v>
          </cell>
        </row>
        <row r="1260">
          <cell r="C1260">
            <v>1.5244</v>
          </cell>
          <cell r="AT1260">
            <v>2001</v>
          </cell>
          <cell r="AU1260">
            <v>6</v>
          </cell>
        </row>
        <row r="1261">
          <cell r="C1261">
            <v>1.5181</v>
          </cell>
          <cell r="AT1261">
            <v>2001</v>
          </cell>
          <cell r="AU1261">
            <v>6</v>
          </cell>
        </row>
        <row r="1262">
          <cell r="C1262">
            <v>1.5214000000000001</v>
          </cell>
          <cell r="AT1262">
            <v>2001</v>
          </cell>
          <cell r="AU1262">
            <v>6</v>
          </cell>
        </row>
        <row r="1263">
          <cell r="C1263">
            <v>1.5219</v>
          </cell>
          <cell r="AT1263">
            <v>2001</v>
          </cell>
          <cell r="AU1263">
            <v>6</v>
          </cell>
        </row>
        <row r="1264">
          <cell r="C1264">
            <v>1.5219</v>
          </cell>
          <cell r="AT1264">
            <v>2001</v>
          </cell>
          <cell r="AU1264">
            <v>6</v>
          </cell>
        </row>
        <row r="1265">
          <cell r="C1265">
            <v>1.5219</v>
          </cell>
          <cell r="AT1265">
            <v>2001</v>
          </cell>
          <cell r="AU1265">
            <v>6</v>
          </cell>
        </row>
        <row r="1266">
          <cell r="C1266">
            <v>1.5335000000000001</v>
          </cell>
          <cell r="AT1266">
            <v>2001</v>
          </cell>
          <cell r="AU1266">
            <v>6</v>
          </cell>
        </row>
        <row r="1267">
          <cell r="C1267">
            <v>1.5328999999999999</v>
          </cell>
          <cell r="AT1267">
            <v>2001</v>
          </cell>
          <cell r="AU1267">
            <v>6</v>
          </cell>
        </row>
        <row r="1268">
          <cell r="C1268">
            <v>1.5307999999999999</v>
          </cell>
          <cell r="AT1268">
            <v>2001</v>
          </cell>
          <cell r="AU1268">
            <v>6</v>
          </cell>
        </row>
        <row r="1269">
          <cell r="C1269">
            <v>1.5264</v>
          </cell>
          <cell r="AT1269">
            <v>2001</v>
          </cell>
          <cell r="AU1269">
            <v>6</v>
          </cell>
        </row>
        <row r="1270">
          <cell r="C1270">
            <v>1.5288999999999999</v>
          </cell>
          <cell r="AT1270">
            <v>2001</v>
          </cell>
          <cell r="AU1270">
            <v>6</v>
          </cell>
        </row>
        <row r="1271">
          <cell r="C1271">
            <v>1.5288999999999999</v>
          </cell>
          <cell r="AT1271">
            <v>2001</v>
          </cell>
          <cell r="AU1271">
            <v>6</v>
          </cell>
        </row>
        <row r="1272">
          <cell r="C1272">
            <v>1.5288999999999999</v>
          </cell>
          <cell r="AT1272">
            <v>2001</v>
          </cell>
          <cell r="AU1272">
            <v>6</v>
          </cell>
        </row>
        <row r="1273">
          <cell r="C1273">
            <v>1.5186999999999999</v>
          </cell>
          <cell r="AT1273">
            <v>2001</v>
          </cell>
          <cell r="AU1273">
            <v>6</v>
          </cell>
        </row>
        <row r="1274">
          <cell r="C1274">
            <v>1.5145</v>
          </cell>
          <cell r="AT1274">
            <v>2001</v>
          </cell>
          <cell r="AU1274">
            <v>6</v>
          </cell>
        </row>
        <row r="1275">
          <cell r="C1275">
            <v>1.5168999999999999</v>
          </cell>
          <cell r="AT1275">
            <v>2001</v>
          </cell>
          <cell r="AU1275">
            <v>6</v>
          </cell>
        </row>
        <row r="1276">
          <cell r="C1276">
            <v>1.5232000000000001</v>
          </cell>
          <cell r="AT1276">
            <v>2001</v>
          </cell>
          <cell r="AU1276">
            <v>6</v>
          </cell>
        </row>
        <row r="1277">
          <cell r="C1277">
            <v>1.5177</v>
          </cell>
          <cell r="AT1277">
            <v>2001</v>
          </cell>
          <cell r="AU1277">
            <v>6</v>
          </cell>
        </row>
        <row r="1278">
          <cell r="C1278">
            <v>1.5177</v>
          </cell>
          <cell r="AT1278">
            <v>2001</v>
          </cell>
          <cell r="AU1278">
            <v>7</v>
          </cell>
        </row>
        <row r="1279">
          <cell r="C1279">
            <v>1.5177</v>
          </cell>
          <cell r="AT1279">
            <v>2001</v>
          </cell>
          <cell r="AU1279">
            <v>7</v>
          </cell>
        </row>
        <row r="1280">
          <cell r="C1280">
            <v>1.5177</v>
          </cell>
          <cell r="AT1280">
            <v>2001</v>
          </cell>
          <cell r="AU1280">
            <v>7</v>
          </cell>
        </row>
        <row r="1281">
          <cell r="C1281">
            <v>1.5124</v>
          </cell>
          <cell r="AT1281">
            <v>2001</v>
          </cell>
          <cell r="AU1281">
            <v>7</v>
          </cell>
        </row>
        <row r="1282">
          <cell r="C1282">
            <v>1.5109999999999999</v>
          </cell>
          <cell r="AT1282">
            <v>2001</v>
          </cell>
          <cell r="AU1282">
            <v>7</v>
          </cell>
        </row>
        <row r="1283">
          <cell r="C1283">
            <v>1.5099</v>
          </cell>
          <cell r="AT1283">
            <v>2001</v>
          </cell>
          <cell r="AU1283">
            <v>7</v>
          </cell>
        </row>
        <row r="1284">
          <cell r="C1284">
            <v>1.5198</v>
          </cell>
          <cell r="AT1284">
            <v>2001</v>
          </cell>
          <cell r="AU1284">
            <v>7</v>
          </cell>
        </row>
        <row r="1285">
          <cell r="C1285">
            <v>1.5198</v>
          </cell>
          <cell r="AT1285">
            <v>2001</v>
          </cell>
          <cell r="AU1285">
            <v>7</v>
          </cell>
        </row>
        <row r="1286">
          <cell r="C1286">
            <v>1.5198</v>
          </cell>
          <cell r="AT1286">
            <v>2001</v>
          </cell>
          <cell r="AU1286">
            <v>7</v>
          </cell>
        </row>
        <row r="1287">
          <cell r="C1287">
            <v>1.5210999999999999</v>
          </cell>
          <cell r="AT1287">
            <v>2001</v>
          </cell>
          <cell r="AU1287">
            <v>7</v>
          </cell>
        </row>
        <row r="1288">
          <cell r="C1288">
            <v>1.5210999999999999</v>
          </cell>
          <cell r="AT1288">
            <v>2001</v>
          </cell>
          <cell r="AU1288">
            <v>7</v>
          </cell>
        </row>
        <row r="1289">
          <cell r="C1289">
            <v>1.5247999999999999</v>
          </cell>
          <cell r="AT1289">
            <v>2001</v>
          </cell>
          <cell r="AU1289">
            <v>7</v>
          </cell>
        </row>
        <row r="1290">
          <cell r="C1290">
            <v>1.528</v>
          </cell>
          <cell r="AT1290">
            <v>2001</v>
          </cell>
          <cell r="AU1290">
            <v>7</v>
          </cell>
        </row>
        <row r="1291">
          <cell r="C1291">
            <v>1.5392999999999999</v>
          </cell>
          <cell r="AT1291">
            <v>2001</v>
          </cell>
          <cell r="AU1291">
            <v>7</v>
          </cell>
        </row>
        <row r="1292">
          <cell r="C1292">
            <v>1.5392999999999999</v>
          </cell>
          <cell r="AT1292">
            <v>2001</v>
          </cell>
          <cell r="AU1292">
            <v>7</v>
          </cell>
        </row>
        <row r="1293">
          <cell r="C1293">
            <v>1.5392999999999999</v>
          </cell>
          <cell r="AT1293">
            <v>2001</v>
          </cell>
          <cell r="AU1293">
            <v>7</v>
          </cell>
        </row>
        <row r="1294">
          <cell r="C1294">
            <v>1.5397000000000001</v>
          </cell>
          <cell r="AT1294">
            <v>2001</v>
          </cell>
          <cell r="AU1294">
            <v>7</v>
          </cell>
        </row>
        <row r="1295">
          <cell r="C1295">
            <v>1.5403</v>
          </cell>
          <cell r="AT1295">
            <v>2001</v>
          </cell>
          <cell r="AU1295">
            <v>7</v>
          </cell>
        </row>
        <row r="1296">
          <cell r="C1296">
            <v>1.5349999999999999</v>
          </cell>
          <cell r="AT1296">
            <v>2001</v>
          </cell>
          <cell r="AU1296">
            <v>7</v>
          </cell>
        </row>
        <row r="1297">
          <cell r="C1297">
            <v>1.5417000000000001</v>
          </cell>
          <cell r="AT1297">
            <v>2001</v>
          </cell>
          <cell r="AU1297">
            <v>7</v>
          </cell>
        </row>
        <row r="1298">
          <cell r="C1298">
            <v>1.5448</v>
          </cell>
          <cell r="AT1298">
            <v>2001</v>
          </cell>
          <cell r="AU1298">
            <v>7</v>
          </cell>
        </row>
        <row r="1299">
          <cell r="C1299">
            <v>1.5448</v>
          </cell>
          <cell r="AT1299">
            <v>2001</v>
          </cell>
          <cell r="AU1299">
            <v>7</v>
          </cell>
        </row>
        <row r="1300">
          <cell r="C1300">
            <v>1.5448</v>
          </cell>
          <cell r="AT1300">
            <v>2001</v>
          </cell>
          <cell r="AU1300">
            <v>7</v>
          </cell>
        </row>
        <row r="1301">
          <cell r="C1301">
            <v>1.5446</v>
          </cell>
          <cell r="AT1301">
            <v>2001</v>
          </cell>
          <cell r="AU1301">
            <v>7</v>
          </cell>
        </row>
        <row r="1302">
          <cell r="C1302">
            <v>1.5381</v>
          </cell>
          <cell r="AT1302">
            <v>2001</v>
          </cell>
          <cell r="AU1302">
            <v>7</v>
          </cell>
        </row>
        <row r="1303">
          <cell r="C1303">
            <v>1.5375000000000001</v>
          </cell>
          <cell r="AT1303">
            <v>2001</v>
          </cell>
          <cell r="AU1303">
            <v>7</v>
          </cell>
        </row>
        <row r="1304">
          <cell r="C1304">
            <v>1.5335000000000001</v>
          </cell>
          <cell r="AT1304">
            <v>2001</v>
          </cell>
          <cell r="AU1304">
            <v>7</v>
          </cell>
        </row>
        <row r="1305">
          <cell r="C1305">
            <v>1.5346</v>
          </cell>
          <cell r="AT1305">
            <v>2001</v>
          </cell>
          <cell r="AU1305">
            <v>7</v>
          </cell>
        </row>
        <row r="1306">
          <cell r="C1306">
            <v>1.5346</v>
          </cell>
          <cell r="AT1306">
            <v>2001</v>
          </cell>
          <cell r="AU1306">
            <v>7</v>
          </cell>
        </row>
        <row r="1307">
          <cell r="C1307">
            <v>1.5346</v>
          </cell>
          <cell r="AT1307">
            <v>2001</v>
          </cell>
          <cell r="AU1307">
            <v>7</v>
          </cell>
        </row>
        <row r="1308">
          <cell r="C1308">
            <v>1.5302</v>
          </cell>
          <cell r="AT1308">
            <v>2001</v>
          </cell>
          <cell r="AU1308">
            <v>7</v>
          </cell>
        </row>
        <row r="1309">
          <cell r="C1309">
            <v>1.5303</v>
          </cell>
          <cell r="AT1309">
            <v>2001</v>
          </cell>
          <cell r="AU1309">
            <v>8</v>
          </cell>
        </row>
        <row r="1310">
          <cell r="C1310">
            <v>1.5358000000000001</v>
          </cell>
          <cell r="AT1310">
            <v>2001</v>
          </cell>
          <cell r="AU1310">
            <v>8</v>
          </cell>
        </row>
        <row r="1311">
          <cell r="C1311">
            <v>1.5411999999999999</v>
          </cell>
          <cell r="AT1311">
            <v>2001</v>
          </cell>
          <cell r="AU1311">
            <v>8</v>
          </cell>
        </row>
        <row r="1312">
          <cell r="C1312">
            <v>1.5347999999999999</v>
          </cell>
          <cell r="AT1312">
            <v>2001</v>
          </cell>
          <cell r="AU1312">
            <v>8</v>
          </cell>
        </row>
        <row r="1313">
          <cell r="C1313">
            <v>1.5347999999999999</v>
          </cell>
          <cell r="AT1313">
            <v>2001</v>
          </cell>
          <cell r="AU1313">
            <v>8</v>
          </cell>
        </row>
        <row r="1314">
          <cell r="C1314">
            <v>1.5347999999999999</v>
          </cell>
          <cell r="AT1314">
            <v>2001</v>
          </cell>
          <cell r="AU1314">
            <v>8</v>
          </cell>
        </row>
        <row r="1315">
          <cell r="C1315">
            <v>1.5347999999999999</v>
          </cell>
          <cell r="AT1315">
            <v>2001</v>
          </cell>
          <cell r="AU1315">
            <v>8</v>
          </cell>
        </row>
        <row r="1316">
          <cell r="C1316">
            <v>1.534</v>
          </cell>
          <cell r="AT1316">
            <v>2001</v>
          </cell>
          <cell r="AU1316">
            <v>8</v>
          </cell>
        </row>
        <row r="1317">
          <cell r="C1317">
            <v>1.5334000000000001</v>
          </cell>
          <cell r="AT1317">
            <v>2001</v>
          </cell>
          <cell r="AU1317">
            <v>8</v>
          </cell>
        </row>
        <row r="1318">
          <cell r="C1318">
            <v>1.5388999999999999</v>
          </cell>
          <cell r="AT1318">
            <v>2001</v>
          </cell>
          <cell r="AU1318">
            <v>8</v>
          </cell>
        </row>
        <row r="1319">
          <cell r="C1319">
            <v>1.5402</v>
          </cell>
          <cell r="AT1319">
            <v>2001</v>
          </cell>
          <cell r="AU1319">
            <v>8</v>
          </cell>
        </row>
        <row r="1320">
          <cell r="C1320">
            <v>1.5402</v>
          </cell>
          <cell r="AT1320">
            <v>2001</v>
          </cell>
          <cell r="AU1320">
            <v>8</v>
          </cell>
        </row>
        <row r="1321">
          <cell r="C1321">
            <v>1.5402</v>
          </cell>
          <cell r="AT1321">
            <v>2001</v>
          </cell>
          <cell r="AU1321">
            <v>8</v>
          </cell>
        </row>
        <row r="1322">
          <cell r="C1322">
            <v>1.5386</v>
          </cell>
          <cell r="AT1322">
            <v>2001</v>
          </cell>
          <cell r="AU1322">
            <v>8</v>
          </cell>
        </row>
        <row r="1323">
          <cell r="C1323">
            <v>1.5409999999999999</v>
          </cell>
          <cell r="AT1323">
            <v>2001</v>
          </cell>
          <cell r="AU1323">
            <v>8</v>
          </cell>
        </row>
        <row r="1324">
          <cell r="C1324">
            <v>1.5289999999999999</v>
          </cell>
          <cell r="AT1324">
            <v>2001</v>
          </cell>
          <cell r="AU1324">
            <v>8</v>
          </cell>
        </row>
        <row r="1325">
          <cell r="C1325">
            <v>1.5310999999999999</v>
          </cell>
          <cell r="AT1325">
            <v>2001</v>
          </cell>
          <cell r="AU1325">
            <v>8</v>
          </cell>
        </row>
        <row r="1326">
          <cell r="C1326">
            <v>1.5419</v>
          </cell>
          <cell r="AT1326">
            <v>2001</v>
          </cell>
          <cell r="AU1326">
            <v>8</v>
          </cell>
        </row>
        <row r="1327">
          <cell r="C1327">
            <v>1.5419</v>
          </cell>
          <cell r="AT1327">
            <v>2001</v>
          </cell>
          <cell r="AU1327">
            <v>8</v>
          </cell>
        </row>
        <row r="1328">
          <cell r="C1328">
            <v>1.5419</v>
          </cell>
          <cell r="AT1328">
            <v>2001</v>
          </cell>
          <cell r="AU1328">
            <v>8</v>
          </cell>
        </row>
        <row r="1329">
          <cell r="C1329">
            <v>1.5457000000000001</v>
          </cell>
          <cell r="AT1329">
            <v>2001</v>
          </cell>
          <cell r="AU1329">
            <v>8</v>
          </cell>
        </row>
        <row r="1330">
          <cell r="C1330">
            <v>1.5488</v>
          </cell>
          <cell r="AT1330">
            <v>2001</v>
          </cell>
          <cell r="AU1330">
            <v>8</v>
          </cell>
        </row>
        <row r="1331">
          <cell r="C1331">
            <v>1.5436000000000001</v>
          </cell>
          <cell r="AT1331">
            <v>2001</v>
          </cell>
          <cell r="AU1331">
            <v>8</v>
          </cell>
        </row>
        <row r="1332">
          <cell r="C1332">
            <v>1.5423</v>
          </cell>
          <cell r="AT1332">
            <v>2001</v>
          </cell>
          <cell r="AU1332">
            <v>8</v>
          </cell>
        </row>
        <row r="1333">
          <cell r="C1333">
            <v>1.5409999999999999</v>
          </cell>
          <cell r="AT1333">
            <v>2001</v>
          </cell>
          <cell r="AU1333">
            <v>8</v>
          </cell>
        </row>
        <row r="1334">
          <cell r="C1334">
            <v>1.5409999999999999</v>
          </cell>
          <cell r="AT1334">
            <v>2001</v>
          </cell>
          <cell r="AU1334">
            <v>8</v>
          </cell>
        </row>
        <row r="1335">
          <cell r="C1335">
            <v>1.5409999999999999</v>
          </cell>
          <cell r="AT1335">
            <v>2001</v>
          </cell>
          <cell r="AU1335">
            <v>8</v>
          </cell>
        </row>
        <row r="1336">
          <cell r="C1336">
            <v>1.5422</v>
          </cell>
          <cell r="AT1336">
            <v>2001</v>
          </cell>
          <cell r="AU1336">
            <v>8</v>
          </cell>
        </row>
        <row r="1337">
          <cell r="C1337">
            <v>1.5401</v>
          </cell>
          <cell r="AT1337">
            <v>2001</v>
          </cell>
          <cell r="AU1337">
            <v>8</v>
          </cell>
        </row>
        <row r="1338">
          <cell r="C1338">
            <v>1.546</v>
          </cell>
          <cell r="AT1338">
            <v>2001</v>
          </cell>
          <cell r="AU1338">
            <v>8</v>
          </cell>
        </row>
        <row r="1339">
          <cell r="C1339">
            <v>1.5462</v>
          </cell>
          <cell r="AT1339">
            <v>2001</v>
          </cell>
          <cell r="AU1339">
            <v>8</v>
          </cell>
        </row>
        <row r="1340">
          <cell r="C1340">
            <v>1.5477000000000001</v>
          </cell>
          <cell r="AT1340">
            <v>2001</v>
          </cell>
          <cell r="AU1340">
            <v>9</v>
          </cell>
        </row>
        <row r="1341">
          <cell r="C1341">
            <v>1.5477000000000001</v>
          </cell>
          <cell r="AT1341">
            <v>2001</v>
          </cell>
          <cell r="AU1341">
            <v>9</v>
          </cell>
        </row>
        <row r="1342">
          <cell r="C1342">
            <v>1.5477000000000001</v>
          </cell>
          <cell r="AT1342">
            <v>2001</v>
          </cell>
          <cell r="AU1342">
            <v>9</v>
          </cell>
        </row>
        <row r="1343">
          <cell r="C1343">
            <v>1.5477000000000001</v>
          </cell>
          <cell r="AT1343">
            <v>2001</v>
          </cell>
          <cell r="AU1343">
            <v>9</v>
          </cell>
        </row>
        <row r="1344">
          <cell r="C1344">
            <v>1.5528</v>
          </cell>
          <cell r="AT1344">
            <v>2001</v>
          </cell>
          <cell r="AU1344">
            <v>9</v>
          </cell>
        </row>
        <row r="1345">
          <cell r="C1345">
            <v>1.5601</v>
          </cell>
          <cell r="AT1345">
            <v>2001</v>
          </cell>
          <cell r="AU1345">
            <v>9</v>
          </cell>
        </row>
        <row r="1346">
          <cell r="C1346">
            <v>1.5584</v>
          </cell>
          <cell r="AT1346">
            <v>2001</v>
          </cell>
          <cell r="AU1346">
            <v>9</v>
          </cell>
        </row>
        <row r="1347">
          <cell r="C1347">
            <v>1.5677000000000001</v>
          </cell>
          <cell r="AT1347">
            <v>2001</v>
          </cell>
          <cell r="AU1347">
            <v>9</v>
          </cell>
        </row>
        <row r="1348">
          <cell r="C1348">
            <v>1.5677000000000001</v>
          </cell>
          <cell r="AT1348">
            <v>2001</v>
          </cell>
          <cell r="AU1348">
            <v>9</v>
          </cell>
        </row>
        <row r="1349">
          <cell r="C1349">
            <v>1.5677000000000001</v>
          </cell>
          <cell r="AT1349">
            <v>2001</v>
          </cell>
          <cell r="AU1349">
            <v>9</v>
          </cell>
        </row>
        <row r="1350">
          <cell r="C1350">
            <v>1.5653999999999999</v>
          </cell>
          <cell r="AT1350">
            <v>2001</v>
          </cell>
          <cell r="AU1350">
            <v>9</v>
          </cell>
        </row>
        <row r="1351">
          <cell r="C1351">
            <v>1.5660000000000001</v>
          </cell>
          <cell r="AT1351">
            <v>2001</v>
          </cell>
          <cell r="AU1351">
            <v>9</v>
          </cell>
        </row>
        <row r="1352">
          <cell r="C1352">
            <v>1.5591999999999999</v>
          </cell>
          <cell r="AT1352">
            <v>2001</v>
          </cell>
          <cell r="AU1352">
            <v>9</v>
          </cell>
        </row>
        <row r="1353">
          <cell r="C1353">
            <v>1.5686</v>
          </cell>
          <cell r="AT1353">
            <v>2001</v>
          </cell>
          <cell r="AU1353">
            <v>9</v>
          </cell>
        </row>
        <row r="1354">
          <cell r="C1354">
            <v>1.5643</v>
          </cell>
          <cell r="AT1354">
            <v>2001</v>
          </cell>
          <cell r="AU1354">
            <v>9</v>
          </cell>
        </row>
        <row r="1355">
          <cell r="C1355">
            <v>1.5643</v>
          </cell>
          <cell r="AT1355">
            <v>2001</v>
          </cell>
          <cell r="AU1355">
            <v>9</v>
          </cell>
        </row>
        <row r="1356">
          <cell r="C1356">
            <v>1.5643</v>
          </cell>
          <cell r="AT1356">
            <v>2001</v>
          </cell>
          <cell r="AU1356">
            <v>9</v>
          </cell>
        </row>
        <row r="1357">
          <cell r="C1357">
            <v>1.5689</v>
          </cell>
          <cell r="AT1357">
            <v>2001</v>
          </cell>
          <cell r="AU1357">
            <v>9</v>
          </cell>
        </row>
        <row r="1358">
          <cell r="C1358">
            <v>1.5708</v>
          </cell>
          <cell r="AT1358">
            <v>2001</v>
          </cell>
          <cell r="AU1358">
            <v>9</v>
          </cell>
        </row>
        <row r="1359">
          <cell r="C1359">
            <v>1.5712999999999999</v>
          </cell>
          <cell r="AT1359">
            <v>2001</v>
          </cell>
          <cell r="AU1359">
            <v>9</v>
          </cell>
        </row>
        <row r="1360">
          <cell r="C1360">
            <v>1.5703</v>
          </cell>
          <cell r="AT1360">
            <v>2001</v>
          </cell>
          <cell r="AU1360">
            <v>9</v>
          </cell>
        </row>
        <row r="1361">
          <cell r="C1361">
            <v>1.5705</v>
          </cell>
          <cell r="AT1361">
            <v>2001</v>
          </cell>
          <cell r="AU1361">
            <v>9</v>
          </cell>
        </row>
        <row r="1362">
          <cell r="C1362">
            <v>1.5705</v>
          </cell>
          <cell r="AT1362">
            <v>2001</v>
          </cell>
          <cell r="AU1362">
            <v>9</v>
          </cell>
        </row>
        <row r="1363">
          <cell r="C1363">
            <v>1.5705</v>
          </cell>
          <cell r="AT1363">
            <v>2001</v>
          </cell>
          <cell r="AU1363">
            <v>9</v>
          </cell>
        </row>
        <row r="1364">
          <cell r="C1364">
            <v>1.5691999999999999</v>
          </cell>
          <cell r="AT1364">
            <v>2001</v>
          </cell>
          <cell r="AU1364">
            <v>9</v>
          </cell>
        </row>
        <row r="1365">
          <cell r="C1365">
            <v>1.5711999999999999</v>
          </cell>
          <cell r="AT1365">
            <v>2001</v>
          </cell>
          <cell r="AU1365">
            <v>9</v>
          </cell>
        </row>
        <row r="1366">
          <cell r="C1366">
            <v>1.5729</v>
          </cell>
          <cell r="AT1366">
            <v>2001</v>
          </cell>
          <cell r="AU1366">
            <v>9</v>
          </cell>
        </row>
        <row r="1367">
          <cell r="C1367">
            <v>1.5792999999999999</v>
          </cell>
          <cell r="AT1367">
            <v>2001</v>
          </cell>
          <cell r="AU1367">
            <v>9</v>
          </cell>
        </row>
        <row r="1368">
          <cell r="C1368">
            <v>1.579</v>
          </cell>
          <cell r="AT1368">
            <v>2001</v>
          </cell>
          <cell r="AU1368">
            <v>9</v>
          </cell>
        </row>
        <row r="1369">
          <cell r="C1369">
            <v>1.579</v>
          </cell>
          <cell r="AT1369">
            <v>2001</v>
          </cell>
          <cell r="AU1369">
            <v>9</v>
          </cell>
        </row>
        <row r="1370">
          <cell r="C1370">
            <v>1.579</v>
          </cell>
          <cell r="AT1370">
            <v>2001</v>
          </cell>
          <cell r="AU1370">
            <v>10</v>
          </cell>
        </row>
        <row r="1371">
          <cell r="C1371">
            <v>1.5789</v>
          </cell>
          <cell r="AT1371">
            <v>2001</v>
          </cell>
          <cell r="AU1371">
            <v>10</v>
          </cell>
        </row>
        <row r="1372">
          <cell r="C1372">
            <v>1.5688</v>
          </cell>
          <cell r="AT1372">
            <v>2001</v>
          </cell>
          <cell r="AU1372">
            <v>10</v>
          </cell>
        </row>
        <row r="1373">
          <cell r="C1373">
            <v>1.5681</v>
          </cell>
          <cell r="AT1373">
            <v>2001</v>
          </cell>
          <cell r="AU1373">
            <v>10</v>
          </cell>
        </row>
        <row r="1374">
          <cell r="C1374">
            <v>1.5663</v>
          </cell>
          <cell r="AT1374">
            <v>2001</v>
          </cell>
          <cell r="AU1374">
            <v>10</v>
          </cell>
        </row>
        <row r="1375">
          <cell r="C1375">
            <v>1.5616000000000001</v>
          </cell>
          <cell r="AT1375">
            <v>2001</v>
          </cell>
          <cell r="AU1375">
            <v>10</v>
          </cell>
        </row>
        <row r="1376">
          <cell r="C1376">
            <v>1.5616000000000001</v>
          </cell>
          <cell r="AT1376">
            <v>2001</v>
          </cell>
          <cell r="AU1376">
            <v>10</v>
          </cell>
        </row>
        <row r="1377">
          <cell r="C1377">
            <v>1.5616000000000001</v>
          </cell>
          <cell r="AT1377">
            <v>2001</v>
          </cell>
          <cell r="AU1377">
            <v>10</v>
          </cell>
        </row>
        <row r="1378">
          <cell r="C1378">
            <v>1.5616000000000001</v>
          </cell>
          <cell r="AT1378">
            <v>2001</v>
          </cell>
          <cell r="AU1378">
            <v>10</v>
          </cell>
        </row>
        <row r="1379">
          <cell r="C1379">
            <v>1.5637000000000001</v>
          </cell>
          <cell r="AT1379">
            <v>2001</v>
          </cell>
          <cell r="AU1379">
            <v>10</v>
          </cell>
        </row>
        <row r="1380">
          <cell r="C1380">
            <v>1.5679000000000001</v>
          </cell>
          <cell r="AT1380">
            <v>2001</v>
          </cell>
          <cell r="AU1380">
            <v>10</v>
          </cell>
        </row>
        <row r="1381">
          <cell r="C1381">
            <v>1.5684</v>
          </cell>
          <cell r="AT1381">
            <v>2001</v>
          </cell>
          <cell r="AU1381">
            <v>10</v>
          </cell>
        </row>
        <row r="1382">
          <cell r="C1382">
            <v>1.5657000000000001</v>
          </cell>
          <cell r="AT1382">
            <v>2001</v>
          </cell>
          <cell r="AU1382">
            <v>10</v>
          </cell>
        </row>
        <row r="1383">
          <cell r="C1383">
            <v>1.5657000000000001</v>
          </cell>
          <cell r="AT1383">
            <v>2001</v>
          </cell>
          <cell r="AU1383">
            <v>10</v>
          </cell>
        </row>
        <row r="1384">
          <cell r="C1384">
            <v>1.5657000000000001</v>
          </cell>
          <cell r="AT1384">
            <v>2001</v>
          </cell>
          <cell r="AU1384">
            <v>10</v>
          </cell>
        </row>
        <row r="1385">
          <cell r="C1385">
            <v>1.5579000000000001</v>
          </cell>
          <cell r="AT1385">
            <v>2001</v>
          </cell>
          <cell r="AU1385">
            <v>10</v>
          </cell>
        </row>
        <row r="1386">
          <cell r="C1386">
            <v>1.5619000000000001</v>
          </cell>
          <cell r="AT1386">
            <v>2001</v>
          </cell>
          <cell r="AU1386">
            <v>10</v>
          </cell>
        </row>
        <row r="1387">
          <cell r="C1387">
            <v>1.5685</v>
          </cell>
          <cell r="AT1387">
            <v>2001</v>
          </cell>
          <cell r="AU1387">
            <v>10</v>
          </cell>
        </row>
        <row r="1388">
          <cell r="C1388">
            <v>1.5760000000000001</v>
          </cell>
          <cell r="AT1388">
            <v>2001</v>
          </cell>
          <cell r="AU1388">
            <v>10</v>
          </cell>
        </row>
        <row r="1389">
          <cell r="C1389">
            <v>1.5758000000000001</v>
          </cell>
          <cell r="AT1389">
            <v>2001</v>
          </cell>
          <cell r="AU1389">
            <v>10</v>
          </cell>
        </row>
        <row r="1390">
          <cell r="C1390">
            <v>1.5758000000000001</v>
          </cell>
          <cell r="AT1390">
            <v>2001</v>
          </cell>
          <cell r="AU1390">
            <v>10</v>
          </cell>
        </row>
        <row r="1391">
          <cell r="C1391">
            <v>1.5758000000000001</v>
          </cell>
          <cell r="AT1391">
            <v>2001</v>
          </cell>
          <cell r="AU1391">
            <v>10</v>
          </cell>
        </row>
        <row r="1392">
          <cell r="C1392">
            <v>1.5783</v>
          </cell>
          <cell r="AT1392">
            <v>2001</v>
          </cell>
          <cell r="AU1392">
            <v>10</v>
          </cell>
        </row>
        <row r="1393">
          <cell r="C1393">
            <v>1.5720000000000001</v>
          </cell>
          <cell r="AT1393">
            <v>2001</v>
          </cell>
          <cell r="AU1393">
            <v>10</v>
          </cell>
        </row>
        <row r="1394">
          <cell r="C1394">
            <v>1.5745</v>
          </cell>
          <cell r="AT1394">
            <v>2001</v>
          </cell>
          <cell r="AU1394">
            <v>10</v>
          </cell>
        </row>
        <row r="1395">
          <cell r="C1395">
            <v>1.5768</v>
          </cell>
          <cell r="AT1395">
            <v>2001</v>
          </cell>
          <cell r="AU1395">
            <v>10</v>
          </cell>
        </row>
        <row r="1396">
          <cell r="C1396">
            <v>1.5751999999999999</v>
          </cell>
          <cell r="AT1396">
            <v>2001</v>
          </cell>
          <cell r="AU1396">
            <v>10</v>
          </cell>
        </row>
        <row r="1397">
          <cell r="C1397">
            <v>1.5751999999999999</v>
          </cell>
          <cell r="AT1397">
            <v>2001</v>
          </cell>
          <cell r="AU1397">
            <v>10</v>
          </cell>
        </row>
        <row r="1398">
          <cell r="C1398">
            <v>1.5751999999999999</v>
          </cell>
          <cell r="AT1398">
            <v>2001</v>
          </cell>
          <cell r="AU1398">
            <v>10</v>
          </cell>
        </row>
        <row r="1399">
          <cell r="C1399">
            <v>1.5746</v>
          </cell>
          <cell r="AT1399">
            <v>2001</v>
          </cell>
          <cell r="AU1399">
            <v>10</v>
          </cell>
        </row>
        <row r="1400">
          <cell r="C1400">
            <v>1.5783</v>
          </cell>
          <cell r="AT1400">
            <v>2001</v>
          </cell>
          <cell r="AU1400">
            <v>10</v>
          </cell>
        </row>
        <row r="1401">
          <cell r="C1401">
            <v>1.5867</v>
          </cell>
          <cell r="AT1401">
            <v>2001</v>
          </cell>
          <cell r="AU1401">
            <v>11</v>
          </cell>
        </row>
        <row r="1402">
          <cell r="C1402">
            <v>1.591</v>
          </cell>
          <cell r="AT1402">
            <v>2001</v>
          </cell>
          <cell r="AU1402">
            <v>11</v>
          </cell>
        </row>
        <row r="1403">
          <cell r="C1403">
            <v>1.5922000000000001</v>
          </cell>
          <cell r="AT1403">
            <v>2001</v>
          </cell>
          <cell r="AU1403">
            <v>11</v>
          </cell>
        </row>
        <row r="1404">
          <cell r="C1404">
            <v>1.5922000000000001</v>
          </cell>
          <cell r="AT1404">
            <v>2001</v>
          </cell>
          <cell r="AU1404">
            <v>11</v>
          </cell>
        </row>
        <row r="1405">
          <cell r="C1405">
            <v>1.5922000000000001</v>
          </cell>
          <cell r="AT1405">
            <v>2001</v>
          </cell>
          <cell r="AU1405">
            <v>11</v>
          </cell>
        </row>
        <row r="1406">
          <cell r="C1406">
            <v>1.5955999999999999</v>
          </cell>
          <cell r="AT1406">
            <v>2001</v>
          </cell>
          <cell r="AU1406">
            <v>11</v>
          </cell>
        </row>
        <row r="1407">
          <cell r="C1407">
            <v>1.5935999999999999</v>
          </cell>
          <cell r="AT1407">
            <v>2001</v>
          </cell>
          <cell r="AU1407">
            <v>11</v>
          </cell>
        </row>
        <row r="1408">
          <cell r="C1408">
            <v>1.5935999999999999</v>
          </cell>
          <cell r="AT1408">
            <v>2001</v>
          </cell>
          <cell r="AU1408">
            <v>11</v>
          </cell>
        </row>
        <row r="1409">
          <cell r="C1409">
            <v>1.5981000000000001</v>
          </cell>
          <cell r="AT1409">
            <v>2001</v>
          </cell>
          <cell r="AU1409">
            <v>11</v>
          </cell>
        </row>
        <row r="1410">
          <cell r="C1410">
            <v>1.6021000000000001</v>
          </cell>
          <cell r="AT1410">
            <v>2001</v>
          </cell>
          <cell r="AU1410">
            <v>11</v>
          </cell>
        </row>
        <row r="1411">
          <cell r="C1411">
            <v>1.6021000000000001</v>
          </cell>
          <cell r="AT1411">
            <v>2001</v>
          </cell>
          <cell r="AU1411">
            <v>11</v>
          </cell>
        </row>
        <row r="1412">
          <cell r="C1412">
            <v>1.6021000000000001</v>
          </cell>
          <cell r="AT1412">
            <v>2001</v>
          </cell>
          <cell r="AU1412">
            <v>11</v>
          </cell>
        </row>
        <row r="1413">
          <cell r="C1413">
            <v>1.6021000000000001</v>
          </cell>
          <cell r="AT1413">
            <v>2001</v>
          </cell>
          <cell r="AU1413">
            <v>11</v>
          </cell>
        </row>
        <row r="1414">
          <cell r="C1414">
            <v>1.5981000000000001</v>
          </cell>
          <cell r="AT1414">
            <v>2001</v>
          </cell>
          <cell r="AU1414">
            <v>11</v>
          </cell>
        </row>
        <row r="1415">
          <cell r="C1415">
            <v>1.5915999999999999</v>
          </cell>
          <cell r="AT1415">
            <v>2001</v>
          </cell>
          <cell r="AU1415">
            <v>11</v>
          </cell>
        </row>
        <row r="1416">
          <cell r="C1416">
            <v>1.5868</v>
          </cell>
          <cell r="AT1416">
            <v>2001</v>
          </cell>
          <cell r="AU1416">
            <v>11</v>
          </cell>
        </row>
        <row r="1417">
          <cell r="C1417">
            <v>1.5874999999999999</v>
          </cell>
          <cell r="AT1417">
            <v>2001</v>
          </cell>
          <cell r="AU1417">
            <v>11</v>
          </cell>
        </row>
        <row r="1418">
          <cell r="C1418">
            <v>1.5874999999999999</v>
          </cell>
          <cell r="AT1418">
            <v>2001</v>
          </cell>
          <cell r="AU1418">
            <v>11</v>
          </cell>
        </row>
        <row r="1419">
          <cell r="C1419">
            <v>1.5874999999999999</v>
          </cell>
          <cell r="AT1419">
            <v>2001</v>
          </cell>
          <cell r="AU1419">
            <v>11</v>
          </cell>
        </row>
        <row r="1420">
          <cell r="C1420">
            <v>1.5845</v>
          </cell>
          <cell r="AT1420">
            <v>2001</v>
          </cell>
          <cell r="AU1420">
            <v>11</v>
          </cell>
        </row>
        <row r="1421">
          <cell r="C1421">
            <v>1.5932999999999999</v>
          </cell>
          <cell r="AT1421">
            <v>2001</v>
          </cell>
          <cell r="AU1421">
            <v>11</v>
          </cell>
        </row>
        <row r="1422">
          <cell r="C1422">
            <v>1.6013999999999999</v>
          </cell>
          <cell r="AT1422">
            <v>2001</v>
          </cell>
          <cell r="AU1422">
            <v>11</v>
          </cell>
        </row>
        <row r="1423">
          <cell r="C1423">
            <v>1.5994999999999999</v>
          </cell>
          <cell r="AT1423">
            <v>2001</v>
          </cell>
          <cell r="AU1423">
            <v>11</v>
          </cell>
        </row>
        <row r="1424">
          <cell r="C1424">
            <v>1.5981000000000001</v>
          </cell>
          <cell r="AT1424">
            <v>2001</v>
          </cell>
          <cell r="AU1424">
            <v>11</v>
          </cell>
        </row>
        <row r="1425">
          <cell r="C1425">
            <v>1.5981000000000001</v>
          </cell>
          <cell r="AT1425">
            <v>2001</v>
          </cell>
          <cell r="AU1425">
            <v>11</v>
          </cell>
        </row>
        <row r="1426">
          <cell r="C1426">
            <v>1.5981000000000001</v>
          </cell>
          <cell r="AT1426">
            <v>2001</v>
          </cell>
          <cell r="AU1426">
            <v>11</v>
          </cell>
        </row>
        <row r="1427">
          <cell r="C1427">
            <v>1.6</v>
          </cell>
          <cell r="AT1427">
            <v>2001</v>
          </cell>
          <cell r="AU1427">
            <v>11</v>
          </cell>
        </row>
        <row r="1428">
          <cell r="C1428">
            <v>1.5948</v>
          </cell>
          <cell r="AT1428">
            <v>2001</v>
          </cell>
          <cell r="AU1428">
            <v>11</v>
          </cell>
        </row>
        <row r="1429">
          <cell r="C1429">
            <v>1.5847</v>
          </cell>
          <cell r="AT1429">
            <v>2001</v>
          </cell>
          <cell r="AU1429">
            <v>11</v>
          </cell>
        </row>
        <row r="1430">
          <cell r="C1430">
            <v>1.5826</v>
          </cell>
          <cell r="AT1430">
            <v>2001</v>
          </cell>
          <cell r="AU1430">
            <v>11</v>
          </cell>
        </row>
        <row r="1431">
          <cell r="C1431">
            <v>1.5718000000000001</v>
          </cell>
          <cell r="AT1431">
            <v>2001</v>
          </cell>
          <cell r="AU1431">
            <v>12</v>
          </cell>
        </row>
        <row r="1432">
          <cell r="C1432">
            <v>1.5718000000000001</v>
          </cell>
          <cell r="AT1432">
            <v>2001</v>
          </cell>
          <cell r="AU1432">
            <v>12</v>
          </cell>
        </row>
        <row r="1433">
          <cell r="C1433">
            <v>1.5718000000000001</v>
          </cell>
          <cell r="AT1433">
            <v>2001</v>
          </cell>
          <cell r="AU1433">
            <v>12</v>
          </cell>
        </row>
        <row r="1434">
          <cell r="C1434">
            <v>1.5760000000000001</v>
          </cell>
          <cell r="AT1434">
            <v>2001</v>
          </cell>
          <cell r="AU1434">
            <v>12</v>
          </cell>
        </row>
        <row r="1435">
          <cell r="C1435">
            <v>1.5723</v>
          </cell>
          <cell r="AT1435">
            <v>2001</v>
          </cell>
          <cell r="AU1435">
            <v>12</v>
          </cell>
        </row>
        <row r="1436">
          <cell r="C1436">
            <v>1.5713999999999999</v>
          </cell>
          <cell r="AT1436">
            <v>2001</v>
          </cell>
          <cell r="AU1436">
            <v>12</v>
          </cell>
        </row>
        <row r="1437">
          <cell r="C1437">
            <v>1.5767</v>
          </cell>
          <cell r="AT1437">
            <v>2001</v>
          </cell>
          <cell r="AU1437">
            <v>12</v>
          </cell>
        </row>
        <row r="1438">
          <cell r="C1438">
            <v>1.5724</v>
          </cell>
          <cell r="AT1438">
            <v>2001</v>
          </cell>
          <cell r="AU1438">
            <v>12</v>
          </cell>
        </row>
        <row r="1439">
          <cell r="C1439">
            <v>1.5724</v>
          </cell>
          <cell r="AT1439">
            <v>2001</v>
          </cell>
          <cell r="AU1439">
            <v>12</v>
          </cell>
        </row>
        <row r="1440">
          <cell r="C1440">
            <v>1.5724</v>
          </cell>
          <cell r="AT1440">
            <v>2001</v>
          </cell>
          <cell r="AU1440">
            <v>12</v>
          </cell>
        </row>
        <row r="1441">
          <cell r="C1441">
            <v>1.5783</v>
          </cell>
          <cell r="AT1441">
            <v>2001</v>
          </cell>
          <cell r="AU1441">
            <v>12</v>
          </cell>
        </row>
        <row r="1442">
          <cell r="C1442">
            <v>1.5778000000000001</v>
          </cell>
          <cell r="AT1442">
            <v>2001</v>
          </cell>
          <cell r="AU1442">
            <v>12</v>
          </cell>
        </row>
        <row r="1443">
          <cell r="C1443">
            <v>1.5653999999999999</v>
          </cell>
          <cell r="AT1443">
            <v>2001</v>
          </cell>
          <cell r="AU1443">
            <v>12</v>
          </cell>
        </row>
        <row r="1444">
          <cell r="C1444">
            <v>1.5677000000000001</v>
          </cell>
          <cell r="AT1444">
            <v>2001</v>
          </cell>
          <cell r="AU1444">
            <v>12</v>
          </cell>
        </row>
        <row r="1445">
          <cell r="C1445">
            <v>1.5632999999999999</v>
          </cell>
          <cell r="AT1445">
            <v>2001</v>
          </cell>
          <cell r="AU1445">
            <v>12</v>
          </cell>
        </row>
        <row r="1446">
          <cell r="C1446">
            <v>1.5632999999999999</v>
          </cell>
          <cell r="AT1446">
            <v>2001</v>
          </cell>
          <cell r="AU1446">
            <v>12</v>
          </cell>
        </row>
        <row r="1447">
          <cell r="C1447">
            <v>1.5632999999999999</v>
          </cell>
          <cell r="AT1447">
            <v>2001</v>
          </cell>
          <cell r="AU1447">
            <v>12</v>
          </cell>
        </row>
        <row r="1448">
          <cell r="C1448">
            <v>1.5646</v>
          </cell>
          <cell r="AT1448">
            <v>2001</v>
          </cell>
          <cell r="AU1448">
            <v>12</v>
          </cell>
        </row>
        <row r="1449">
          <cell r="C1449">
            <v>1.573</v>
          </cell>
          <cell r="AT1449">
            <v>2001</v>
          </cell>
          <cell r="AU1449">
            <v>12</v>
          </cell>
        </row>
        <row r="1450">
          <cell r="C1450">
            <v>1.5742</v>
          </cell>
          <cell r="AT1450">
            <v>2001</v>
          </cell>
          <cell r="AU1450">
            <v>12</v>
          </cell>
        </row>
        <row r="1451">
          <cell r="C1451">
            <v>1.5774999999999999</v>
          </cell>
          <cell r="AT1451">
            <v>2001</v>
          </cell>
          <cell r="AU1451">
            <v>12</v>
          </cell>
        </row>
        <row r="1452">
          <cell r="C1452">
            <v>1.5846</v>
          </cell>
          <cell r="AT1452">
            <v>2001</v>
          </cell>
          <cell r="AU1452">
            <v>12</v>
          </cell>
        </row>
        <row r="1453">
          <cell r="C1453">
            <v>1.5846</v>
          </cell>
          <cell r="AT1453">
            <v>2001</v>
          </cell>
          <cell r="AU1453">
            <v>12</v>
          </cell>
        </row>
        <row r="1454">
          <cell r="C1454">
            <v>1.5846</v>
          </cell>
          <cell r="AT1454">
            <v>2001</v>
          </cell>
          <cell r="AU1454">
            <v>12</v>
          </cell>
        </row>
        <row r="1455">
          <cell r="C1455">
            <v>1.5934999999999999</v>
          </cell>
          <cell r="AT1455">
            <v>2001</v>
          </cell>
          <cell r="AU1455">
            <v>12</v>
          </cell>
        </row>
        <row r="1456">
          <cell r="C1456">
            <v>1.5934999999999999</v>
          </cell>
          <cell r="AT1456">
            <v>2001</v>
          </cell>
          <cell r="AU1456">
            <v>12</v>
          </cell>
        </row>
        <row r="1457">
          <cell r="C1457">
            <v>1.5934999999999999</v>
          </cell>
          <cell r="AT1457">
            <v>2001</v>
          </cell>
          <cell r="AU1457">
            <v>12</v>
          </cell>
        </row>
        <row r="1458">
          <cell r="C1458">
            <v>1.595</v>
          </cell>
          <cell r="AT1458">
            <v>2001</v>
          </cell>
          <cell r="AU1458">
            <v>12</v>
          </cell>
        </row>
        <row r="1459">
          <cell r="C1459">
            <v>1.5955999999999999</v>
          </cell>
          <cell r="AT1459">
            <v>2001</v>
          </cell>
          <cell r="AU1459">
            <v>12</v>
          </cell>
        </row>
        <row r="1460">
          <cell r="C1460">
            <v>1.5955999999999999</v>
          </cell>
          <cell r="AT1460">
            <v>2001</v>
          </cell>
          <cell r="AU1460">
            <v>12</v>
          </cell>
        </row>
        <row r="1461">
          <cell r="C1461">
            <v>1.5955999999999999</v>
          </cell>
          <cell r="AT1461">
            <v>2001</v>
          </cell>
          <cell r="AU1461">
            <v>12</v>
          </cell>
        </row>
        <row r="1462">
          <cell r="C1462">
            <v>1.5926</v>
          </cell>
          <cell r="AT1462">
            <v>2002</v>
          </cell>
          <cell r="AU1462">
            <v>1</v>
          </cell>
        </row>
        <row r="1463">
          <cell r="C1463">
            <v>1.5926</v>
          </cell>
          <cell r="AT1463">
            <v>2002</v>
          </cell>
          <cell r="AU1463">
            <v>1</v>
          </cell>
        </row>
        <row r="1464">
          <cell r="C1464">
            <v>1.5979000000000001</v>
          </cell>
          <cell r="AT1464">
            <v>2002</v>
          </cell>
          <cell r="AU1464">
            <v>1</v>
          </cell>
        </row>
        <row r="1465">
          <cell r="C1465">
            <v>1.5968</v>
          </cell>
          <cell r="AT1465">
            <v>2002</v>
          </cell>
          <cell r="AU1465">
            <v>1</v>
          </cell>
        </row>
        <row r="1466">
          <cell r="C1466">
            <v>1.5974999999999999</v>
          </cell>
          <cell r="AT1466">
            <v>2002</v>
          </cell>
          <cell r="AU1466">
            <v>1</v>
          </cell>
        </row>
        <row r="1467">
          <cell r="C1467">
            <v>1.5974999999999999</v>
          </cell>
          <cell r="AT1467">
            <v>2002</v>
          </cell>
          <cell r="AU1467">
            <v>1</v>
          </cell>
        </row>
        <row r="1468">
          <cell r="C1468">
            <v>1.5974999999999999</v>
          </cell>
          <cell r="AT1468">
            <v>2002</v>
          </cell>
          <cell r="AU1468">
            <v>1</v>
          </cell>
        </row>
        <row r="1469">
          <cell r="C1469">
            <v>1.5979000000000001</v>
          </cell>
          <cell r="AT1469">
            <v>2002</v>
          </cell>
          <cell r="AU1469">
            <v>1</v>
          </cell>
        </row>
        <row r="1470">
          <cell r="C1470">
            <v>1.595</v>
          </cell>
          <cell r="AT1470">
            <v>2002</v>
          </cell>
          <cell r="AU1470">
            <v>1</v>
          </cell>
        </row>
        <row r="1471">
          <cell r="C1471">
            <v>1.5962000000000001</v>
          </cell>
          <cell r="AT1471">
            <v>2002</v>
          </cell>
          <cell r="AU1471">
            <v>1</v>
          </cell>
        </row>
        <row r="1472">
          <cell r="C1472">
            <v>1.6011</v>
          </cell>
          <cell r="AT1472">
            <v>2002</v>
          </cell>
          <cell r="AU1472">
            <v>1</v>
          </cell>
        </row>
        <row r="1473">
          <cell r="C1473">
            <v>1.5972</v>
          </cell>
          <cell r="AT1473">
            <v>2002</v>
          </cell>
          <cell r="AU1473">
            <v>1</v>
          </cell>
        </row>
        <row r="1474">
          <cell r="C1474">
            <v>1.5972</v>
          </cell>
          <cell r="AT1474">
            <v>2002</v>
          </cell>
          <cell r="AU1474">
            <v>1</v>
          </cell>
        </row>
        <row r="1475">
          <cell r="C1475">
            <v>1.5972</v>
          </cell>
          <cell r="AT1475">
            <v>2002</v>
          </cell>
          <cell r="AU1475">
            <v>1</v>
          </cell>
        </row>
        <row r="1476">
          <cell r="C1476">
            <v>1.5971</v>
          </cell>
          <cell r="AT1476">
            <v>2002</v>
          </cell>
          <cell r="AU1476">
            <v>1</v>
          </cell>
        </row>
        <row r="1477">
          <cell r="C1477">
            <v>1.5896999999999999</v>
          </cell>
          <cell r="AT1477">
            <v>2002</v>
          </cell>
          <cell r="AU1477">
            <v>1</v>
          </cell>
        </row>
        <row r="1478">
          <cell r="C1478">
            <v>1.5947</v>
          </cell>
          <cell r="AT1478">
            <v>2002</v>
          </cell>
          <cell r="AU1478">
            <v>1</v>
          </cell>
        </row>
        <row r="1479">
          <cell r="C1479">
            <v>1.6107</v>
          </cell>
          <cell r="AT1479">
            <v>2002</v>
          </cell>
          <cell r="AU1479">
            <v>1</v>
          </cell>
        </row>
        <row r="1480">
          <cell r="C1480">
            <v>1.6132</v>
          </cell>
          <cell r="AT1480">
            <v>2002</v>
          </cell>
          <cell r="AU1480">
            <v>1</v>
          </cell>
        </row>
        <row r="1481">
          <cell r="C1481">
            <v>1.6132</v>
          </cell>
          <cell r="AT1481">
            <v>2002</v>
          </cell>
          <cell r="AU1481">
            <v>1</v>
          </cell>
        </row>
        <row r="1482">
          <cell r="C1482">
            <v>1.6132</v>
          </cell>
          <cell r="AT1482">
            <v>2002</v>
          </cell>
          <cell r="AU1482">
            <v>1</v>
          </cell>
        </row>
        <row r="1483">
          <cell r="C1483">
            <v>1.6128</v>
          </cell>
          <cell r="AT1483">
            <v>2002</v>
          </cell>
          <cell r="AU1483">
            <v>1</v>
          </cell>
        </row>
        <row r="1484">
          <cell r="C1484">
            <v>1.6083000000000001</v>
          </cell>
          <cell r="AT1484">
            <v>2002</v>
          </cell>
          <cell r="AU1484">
            <v>1</v>
          </cell>
        </row>
        <row r="1485">
          <cell r="C1485">
            <v>1.6039000000000001</v>
          </cell>
          <cell r="AT1485">
            <v>2002</v>
          </cell>
          <cell r="AU1485">
            <v>1</v>
          </cell>
        </row>
        <row r="1486">
          <cell r="C1486">
            <v>1.6020000000000001</v>
          </cell>
          <cell r="AT1486">
            <v>2002</v>
          </cell>
          <cell r="AU1486">
            <v>1</v>
          </cell>
        </row>
        <row r="1487">
          <cell r="C1487">
            <v>1.6079000000000001</v>
          </cell>
          <cell r="AT1487">
            <v>2002</v>
          </cell>
          <cell r="AU1487">
            <v>1</v>
          </cell>
        </row>
        <row r="1488">
          <cell r="C1488">
            <v>1.6079000000000001</v>
          </cell>
          <cell r="AT1488">
            <v>2002</v>
          </cell>
          <cell r="AU1488">
            <v>1</v>
          </cell>
        </row>
        <row r="1489">
          <cell r="C1489">
            <v>1.6079000000000001</v>
          </cell>
          <cell r="AT1489">
            <v>2002</v>
          </cell>
          <cell r="AU1489">
            <v>1</v>
          </cell>
        </row>
        <row r="1490">
          <cell r="C1490">
            <v>1.6125</v>
          </cell>
          <cell r="AT1490">
            <v>2002</v>
          </cell>
          <cell r="AU1490">
            <v>1</v>
          </cell>
        </row>
        <row r="1491">
          <cell r="C1491">
            <v>1.5904</v>
          </cell>
          <cell r="AT1491">
            <v>2002</v>
          </cell>
          <cell r="AU1491">
            <v>1</v>
          </cell>
        </row>
        <row r="1492">
          <cell r="C1492">
            <v>1.5911999999999999</v>
          </cell>
          <cell r="AT1492">
            <v>2002</v>
          </cell>
          <cell r="AU1492">
            <v>1</v>
          </cell>
        </row>
        <row r="1493">
          <cell r="C1493">
            <v>1.5923</v>
          </cell>
          <cell r="AT1493">
            <v>2002</v>
          </cell>
          <cell r="AU1493">
            <v>2</v>
          </cell>
        </row>
        <row r="1494">
          <cell r="C1494">
            <v>1.5907</v>
          </cell>
          <cell r="AT1494">
            <v>2002</v>
          </cell>
          <cell r="AU1494">
            <v>2</v>
          </cell>
        </row>
        <row r="1495">
          <cell r="C1495">
            <v>1.5907</v>
          </cell>
          <cell r="AT1495">
            <v>2002</v>
          </cell>
          <cell r="AU1495">
            <v>2</v>
          </cell>
        </row>
        <row r="1496">
          <cell r="C1496">
            <v>1.5907</v>
          </cell>
          <cell r="AT1496">
            <v>2002</v>
          </cell>
          <cell r="AU1496">
            <v>2</v>
          </cell>
        </row>
        <row r="1497">
          <cell r="C1497">
            <v>1.5914999999999999</v>
          </cell>
          <cell r="AT1497">
            <v>2002</v>
          </cell>
          <cell r="AU1497">
            <v>2</v>
          </cell>
        </row>
        <row r="1498">
          <cell r="C1498">
            <v>1.5978000000000001</v>
          </cell>
          <cell r="AT1498">
            <v>2002</v>
          </cell>
          <cell r="AU1498">
            <v>2</v>
          </cell>
        </row>
        <row r="1499">
          <cell r="C1499">
            <v>1.6040000000000001</v>
          </cell>
          <cell r="AT1499">
            <v>2002</v>
          </cell>
          <cell r="AU1499">
            <v>2</v>
          </cell>
        </row>
        <row r="1500">
          <cell r="C1500">
            <v>1.5988</v>
          </cell>
          <cell r="AT1500">
            <v>2002</v>
          </cell>
          <cell r="AU1500">
            <v>2</v>
          </cell>
        </row>
        <row r="1501">
          <cell r="C1501">
            <v>1.5973999999999999</v>
          </cell>
          <cell r="AT1501">
            <v>2002</v>
          </cell>
          <cell r="AU1501">
            <v>2</v>
          </cell>
        </row>
        <row r="1502">
          <cell r="C1502">
            <v>1.5973999999999999</v>
          </cell>
          <cell r="AT1502">
            <v>2002</v>
          </cell>
          <cell r="AU1502">
            <v>2</v>
          </cell>
        </row>
        <row r="1503">
          <cell r="C1503">
            <v>1.5973999999999999</v>
          </cell>
          <cell r="AT1503">
            <v>2002</v>
          </cell>
          <cell r="AU1503">
            <v>2</v>
          </cell>
        </row>
        <row r="1504">
          <cell r="C1504">
            <v>1.5898000000000001</v>
          </cell>
          <cell r="AT1504">
            <v>2002</v>
          </cell>
          <cell r="AU1504">
            <v>2</v>
          </cell>
        </row>
        <row r="1505">
          <cell r="C1505">
            <v>1.5918000000000001</v>
          </cell>
          <cell r="AT1505">
            <v>2002</v>
          </cell>
          <cell r="AU1505">
            <v>2</v>
          </cell>
        </row>
        <row r="1506">
          <cell r="C1506">
            <v>1.5906</v>
          </cell>
          <cell r="AT1506">
            <v>2002</v>
          </cell>
          <cell r="AU1506">
            <v>2</v>
          </cell>
        </row>
        <row r="1507">
          <cell r="C1507">
            <v>1.5920000000000001</v>
          </cell>
          <cell r="AT1507">
            <v>2002</v>
          </cell>
          <cell r="AU1507">
            <v>2</v>
          </cell>
        </row>
        <row r="1508">
          <cell r="C1508">
            <v>1.5911999999999999</v>
          </cell>
          <cell r="AT1508">
            <v>2002</v>
          </cell>
          <cell r="AU1508">
            <v>2</v>
          </cell>
        </row>
        <row r="1509">
          <cell r="C1509">
            <v>1.5911999999999999</v>
          </cell>
          <cell r="AT1509">
            <v>2002</v>
          </cell>
          <cell r="AU1509">
            <v>2</v>
          </cell>
        </row>
        <row r="1510">
          <cell r="C1510">
            <v>1.5911999999999999</v>
          </cell>
          <cell r="AT1510">
            <v>2002</v>
          </cell>
          <cell r="AU1510">
            <v>2</v>
          </cell>
        </row>
        <row r="1511">
          <cell r="C1511">
            <v>1.5911</v>
          </cell>
          <cell r="AT1511">
            <v>2002</v>
          </cell>
          <cell r="AU1511">
            <v>2</v>
          </cell>
        </row>
        <row r="1512">
          <cell r="C1512">
            <v>1.5885</v>
          </cell>
          <cell r="AT1512">
            <v>2002</v>
          </cell>
          <cell r="AU1512">
            <v>2</v>
          </cell>
        </row>
        <row r="1513">
          <cell r="C1513">
            <v>1.5905</v>
          </cell>
          <cell r="AT1513">
            <v>2002</v>
          </cell>
          <cell r="AU1513">
            <v>2</v>
          </cell>
        </row>
        <row r="1514">
          <cell r="C1514">
            <v>1.5912999999999999</v>
          </cell>
          <cell r="AT1514">
            <v>2002</v>
          </cell>
          <cell r="AU1514">
            <v>2</v>
          </cell>
        </row>
        <row r="1515">
          <cell r="C1515">
            <v>1.5943000000000001</v>
          </cell>
          <cell r="AT1515">
            <v>2002</v>
          </cell>
          <cell r="AU1515">
            <v>2</v>
          </cell>
        </row>
        <row r="1516">
          <cell r="C1516">
            <v>1.5943000000000001</v>
          </cell>
          <cell r="AT1516">
            <v>2002</v>
          </cell>
          <cell r="AU1516">
            <v>2</v>
          </cell>
        </row>
        <row r="1517">
          <cell r="C1517">
            <v>1.5943000000000001</v>
          </cell>
          <cell r="AT1517">
            <v>2002</v>
          </cell>
          <cell r="AU1517">
            <v>2</v>
          </cell>
        </row>
        <row r="1518">
          <cell r="C1518">
            <v>1.6015999999999999</v>
          </cell>
          <cell r="AT1518">
            <v>2002</v>
          </cell>
          <cell r="AU1518">
            <v>2</v>
          </cell>
        </row>
        <row r="1519">
          <cell r="C1519">
            <v>1.611</v>
          </cell>
          <cell r="AT1519">
            <v>2002</v>
          </cell>
          <cell r="AU1519">
            <v>2</v>
          </cell>
        </row>
        <row r="1520">
          <cell r="C1520">
            <v>1.6083000000000001</v>
          </cell>
          <cell r="AT1520">
            <v>2002</v>
          </cell>
          <cell r="AU1520">
            <v>2</v>
          </cell>
        </row>
        <row r="1521">
          <cell r="C1521">
            <v>1.6047</v>
          </cell>
          <cell r="AT1521">
            <v>2002</v>
          </cell>
          <cell r="AU1521">
            <v>3</v>
          </cell>
        </row>
        <row r="1522">
          <cell r="C1522">
            <v>1.5952</v>
          </cell>
          <cell r="AT1522">
            <v>2002</v>
          </cell>
          <cell r="AU1522">
            <v>3</v>
          </cell>
        </row>
        <row r="1523">
          <cell r="C1523">
            <v>1.5952</v>
          </cell>
          <cell r="AT1523">
            <v>2002</v>
          </cell>
          <cell r="AU1523">
            <v>3</v>
          </cell>
        </row>
        <row r="1524">
          <cell r="C1524">
            <v>1.5952</v>
          </cell>
          <cell r="AT1524">
            <v>2002</v>
          </cell>
          <cell r="AU1524">
            <v>3</v>
          </cell>
        </row>
        <row r="1525">
          <cell r="C1525">
            <v>1.5894999999999999</v>
          </cell>
          <cell r="AT1525">
            <v>2002</v>
          </cell>
          <cell r="AU1525">
            <v>3</v>
          </cell>
        </row>
        <row r="1526">
          <cell r="C1526">
            <v>1.5902000000000001</v>
          </cell>
          <cell r="AT1526">
            <v>2002</v>
          </cell>
          <cell r="AU1526">
            <v>3</v>
          </cell>
        </row>
        <row r="1527">
          <cell r="C1527">
            <v>1.5831999999999999</v>
          </cell>
          <cell r="AT1527">
            <v>2002</v>
          </cell>
          <cell r="AU1527">
            <v>3</v>
          </cell>
        </row>
        <row r="1528">
          <cell r="C1528">
            <v>1.5823</v>
          </cell>
          <cell r="AT1528">
            <v>2002</v>
          </cell>
          <cell r="AU1528">
            <v>3</v>
          </cell>
        </row>
        <row r="1529">
          <cell r="C1529">
            <v>1.5855999999999999</v>
          </cell>
          <cell r="AT1529">
            <v>2002</v>
          </cell>
          <cell r="AU1529">
            <v>3</v>
          </cell>
        </row>
        <row r="1530">
          <cell r="C1530">
            <v>1.5855999999999999</v>
          </cell>
          <cell r="AT1530">
            <v>2002</v>
          </cell>
          <cell r="AU1530">
            <v>3</v>
          </cell>
        </row>
        <row r="1531">
          <cell r="C1531">
            <v>1.5855999999999999</v>
          </cell>
          <cell r="AT1531">
            <v>2002</v>
          </cell>
          <cell r="AU1531">
            <v>3</v>
          </cell>
        </row>
        <row r="1532">
          <cell r="C1532">
            <v>1.5842000000000001</v>
          </cell>
          <cell r="AT1532">
            <v>2002</v>
          </cell>
          <cell r="AU1532">
            <v>3</v>
          </cell>
        </row>
        <row r="1533">
          <cell r="C1533">
            <v>1.5854999999999999</v>
          </cell>
          <cell r="AT1533">
            <v>2002</v>
          </cell>
          <cell r="AU1533">
            <v>3</v>
          </cell>
        </row>
        <row r="1534">
          <cell r="C1534">
            <v>1.5931999999999999</v>
          </cell>
          <cell r="AT1534">
            <v>2002</v>
          </cell>
          <cell r="AU1534">
            <v>3</v>
          </cell>
        </row>
        <row r="1535">
          <cell r="C1535">
            <v>1.5934999999999999</v>
          </cell>
          <cell r="AT1535">
            <v>2002</v>
          </cell>
          <cell r="AU1535">
            <v>3</v>
          </cell>
        </row>
        <row r="1536">
          <cell r="C1536">
            <v>1.5858000000000001</v>
          </cell>
          <cell r="AT1536">
            <v>2002</v>
          </cell>
          <cell r="AU1536">
            <v>3</v>
          </cell>
        </row>
        <row r="1537">
          <cell r="C1537">
            <v>1.5858000000000001</v>
          </cell>
          <cell r="AT1537">
            <v>2002</v>
          </cell>
          <cell r="AU1537">
            <v>3</v>
          </cell>
        </row>
        <row r="1538">
          <cell r="C1538">
            <v>1.5858000000000001</v>
          </cell>
          <cell r="AT1538">
            <v>2002</v>
          </cell>
          <cell r="AU1538">
            <v>3</v>
          </cell>
        </row>
        <row r="1539">
          <cell r="C1539">
            <v>1.5878000000000001</v>
          </cell>
          <cell r="AT1539">
            <v>2002</v>
          </cell>
          <cell r="AU1539">
            <v>3</v>
          </cell>
        </row>
        <row r="1540">
          <cell r="C1540">
            <v>1.5839000000000001</v>
          </cell>
          <cell r="AT1540">
            <v>2002</v>
          </cell>
          <cell r="AU1540">
            <v>3</v>
          </cell>
        </row>
        <row r="1541">
          <cell r="C1541">
            <v>1.5790999999999999</v>
          </cell>
          <cell r="AT1541">
            <v>2002</v>
          </cell>
          <cell r="AU1541">
            <v>3</v>
          </cell>
        </row>
        <row r="1542">
          <cell r="C1542">
            <v>1.5807</v>
          </cell>
          <cell r="AT1542">
            <v>2002</v>
          </cell>
          <cell r="AU1542">
            <v>3</v>
          </cell>
        </row>
        <row r="1543">
          <cell r="C1543">
            <v>1.5767</v>
          </cell>
          <cell r="AT1543">
            <v>2002</v>
          </cell>
          <cell r="AU1543">
            <v>3</v>
          </cell>
        </row>
        <row r="1544">
          <cell r="C1544">
            <v>1.5767</v>
          </cell>
          <cell r="AT1544">
            <v>2002</v>
          </cell>
          <cell r="AU1544">
            <v>3</v>
          </cell>
        </row>
        <row r="1545">
          <cell r="C1545">
            <v>1.5767</v>
          </cell>
          <cell r="AT1545">
            <v>2002</v>
          </cell>
          <cell r="AU1545">
            <v>3</v>
          </cell>
        </row>
        <row r="1546">
          <cell r="C1546">
            <v>1.5851999999999999</v>
          </cell>
          <cell r="AT1546">
            <v>2002</v>
          </cell>
          <cell r="AU1546">
            <v>3</v>
          </cell>
        </row>
        <row r="1547">
          <cell r="C1547">
            <v>1.5921000000000001</v>
          </cell>
          <cell r="AT1547">
            <v>2002</v>
          </cell>
          <cell r="AU1547">
            <v>3</v>
          </cell>
        </row>
        <row r="1548">
          <cell r="C1548">
            <v>1.5932999999999999</v>
          </cell>
          <cell r="AT1548">
            <v>2002</v>
          </cell>
          <cell r="AU1548">
            <v>3</v>
          </cell>
        </row>
        <row r="1549">
          <cell r="C1549">
            <v>1.5934999999999999</v>
          </cell>
          <cell r="AT1549">
            <v>2002</v>
          </cell>
          <cell r="AU1549">
            <v>3</v>
          </cell>
        </row>
        <row r="1550">
          <cell r="C1550">
            <v>1.5934999999999999</v>
          </cell>
          <cell r="AT1550">
            <v>2002</v>
          </cell>
          <cell r="AU1550">
            <v>3</v>
          </cell>
        </row>
        <row r="1551">
          <cell r="C1551">
            <v>1.5934999999999999</v>
          </cell>
          <cell r="AT1551">
            <v>2002</v>
          </cell>
          <cell r="AU1551">
            <v>3</v>
          </cell>
        </row>
        <row r="1552">
          <cell r="C1552">
            <v>1.5934999999999999</v>
          </cell>
          <cell r="AT1552">
            <v>2002</v>
          </cell>
          <cell r="AU1552">
            <v>4</v>
          </cell>
        </row>
        <row r="1553">
          <cell r="C1553">
            <v>1.5993999999999999</v>
          </cell>
          <cell r="AT1553">
            <v>2002</v>
          </cell>
          <cell r="AU1553">
            <v>4</v>
          </cell>
        </row>
        <row r="1554">
          <cell r="C1554">
            <v>1.5928</v>
          </cell>
          <cell r="AT1554">
            <v>2002</v>
          </cell>
          <cell r="AU1554">
            <v>4</v>
          </cell>
        </row>
        <row r="1555">
          <cell r="C1555">
            <v>1.5889</v>
          </cell>
          <cell r="AT1555">
            <v>2002</v>
          </cell>
          <cell r="AU1555">
            <v>4</v>
          </cell>
        </row>
        <row r="1556">
          <cell r="C1556">
            <v>1.5926</v>
          </cell>
          <cell r="AT1556">
            <v>2002</v>
          </cell>
          <cell r="AU1556">
            <v>4</v>
          </cell>
        </row>
        <row r="1557">
          <cell r="C1557">
            <v>1.5901000000000001</v>
          </cell>
          <cell r="AT1557">
            <v>2002</v>
          </cell>
          <cell r="AU1557">
            <v>4</v>
          </cell>
        </row>
        <row r="1558">
          <cell r="C1558">
            <v>1.5901000000000001</v>
          </cell>
          <cell r="AT1558">
            <v>2002</v>
          </cell>
          <cell r="AU1558">
            <v>4</v>
          </cell>
        </row>
        <row r="1559">
          <cell r="C1559">
            <v>1.5901000000000001</v>
          </cell>
          <cell r="AT1559">
            <v>2002</v>
          </cell>
          <cell r="AU1559">
            <v>4</v>
          </cell>
        </row>
        <row r="1560">
          <cell r="C1560">
            <v>1.5941000000000001</v>
          </cell>
          <cell r="AT1560">
            <v>2002</v>
          </cell>
          <cell r="AU1560">
            <v>4</v>
          </cell>
        </row>
        <row r="1561">
          <cell r="C1561">
            <v>1.5968</v>
          </cell>
          <cell r="AT1561">
            <v>2002</v>
          </cell>
          <cell r="AU1561">
            <v>4</v>
          </cell>
        </row>
        <row r="1562">
          <cell r="C1562">
            <v>1.5932999999999999</v>
          </cell>
          <cell r="AT1562">
            <v>2002</v>
          </cell>
          <cell r="AU1562">
            <v>4</v>
          </cell>
        </row>
        <row r="1563">
          <cell r="C1563">
            <v>1.5874999999999999</v>
          </cell>
          <cell r="AT1563">
            <v>2002</v>
          </cell>
          <cell r="AU1563">
            <v>4</v>
          </cell>
        </row>
        <row r="1564">
          <cell r="C1564">
            <v>1.5878000000000001</v>
          </cell>
          <cell r="AT1564">
            <v>2002</v>
          </cell>
          <cell r="AU1564">
            <v>4</v>
          </cell>
        </row>
        <row r="1565">
          <cell r="C1565">
            <v>1.5878000000000001</v>
          </cell>
          <cell r="AT1565">
            <v>2002</v>
          </cell>
          <cell r="AU1565">
            <v>4</v>
          </cell>
        </row>
        <row r="1566">
          <cell r="C1566">
            <v>1.5878000000000001</v>
          </cell>
          <cell r="AT1566">
            <v>2002</v>
          </cell>
          <cell r="AU1566">
            <v>4</v>
          </cell>
        </row>
        <row r="1567">
          <cell r="C1567">
            <v>1.5891999999999999</v>
          </cell>
          <cell r="AT1567">
            <v>2002</v>
          </cell>
          <cell r="AU1567">
            <v>4</v>
          </cell>
        </row>
        <row r="1568">
          <cell r="C1568">
            <v>1.5798000000000001</v>
          </cell>
          <cell r="AT1568">
            <v>2002</v>
          </cell>
          <cell r="AU1568">
            <v>4</v>
          </cell>
        </row>
        <row r="1569">
          <cell r="C1569">
            <v>1.5743</v>
          </cell>
          <cell r="AT1569">
            <v>2002</v>
          </cell>
          <cell r="AU1569">
            <v>4</v>
          </cell>
        </row>
        <row r="1570">
          <cell r="C1570">
            <v>1.5746</v>
          </cell>
          <cell r="AT1570">
            <v>2002</v>
          </cell>
          <cell r="AU1570">
            <v>4</v>
          </cell>
        </row>
        <row r="1571">
          <cell r="C1571">
            <v>1.5719000000000001</v>
          </cell>
          <cell r="AT1571">
            <v>2002</v>
          </cell>
          <cell r="AU1571">
            <v>4</v>
          </cell>
        </row>
        <row r="1572">
          <cell r="C1572">
            <v>1.5719000000000001</v>
          </cell>
          <cell r="AT1572">
            <v>2002</v>
          </cell>
          <cell r="AU1572">
            <v>4</v>
          </cell>
        </row>
        <row r="1573">
          <cell r="C1573">
            <v>1.5719000000000001</v>
          </cell>
          <cell r="AT1573">
            <v>2002</v>
          </cell>
          <cell r="AU1573">
            <v>4</v>
          </cell>
        </row>
        <row r="1574">
          <cell r="C1574">
            <v>1.5728</v>
          </cell>
          <cell r="AT1574">
            <v>2002</v>
          </cell>
          <cell r="AU1574">
            <v>4</v>
          </cell>
        </row>
        <row r="1575">
          <cell r="C1575">
            <v>1.5751999999999999</v>
          </cell>
          <cell r="AT1575">
            <v>2002</v>
          </cell>
          <cell r="AU1575">
            <v>4</v>
          </cell>
        </row>
        <row r="1576">
          <cell r="C1576">
            <v>1.5682</v>
          </cell>
          <cell r="AT1576">
            <v>2002</v>
          </cell>
          <cell r="AU1576">
            <v>4</v>
          </cell>
        </row>
        <row r="1577">
          <cell r="C1577">
            <v>1.5633999999999999</v>
          </cell>
          <cell r="AT1577">
            <v>2002</v>
          </cell>
          <cell r="AU1577">
            <v>4</v>
          </cell>
        </row>
        <row r="1578">
          <cell r="C1578">
            <v>1.5631999999999999</v>
          </cell>
          <cell r="AT1578">
            <v>2002</v>
          </cell>
          <cell r="AU1578">
            <v>4</v>
          </cell>
        </row>
        <row r="1579">
          <cell r="C1579">
            <v>1.5631999999999999</v>
          </cell>
          <cell r="AT1579">
            <v>2002</v>
          </cell>
          <cell r="AU1579">
            <v>4</v>
          </cell>
        </row>
        <row r="1580">
          <cell r="C1580">
            <v>1.5631999999999999</v>
          </cell>
          <cell r="AT1580">
            <v>2002</v>
          </cell>
          <cell r="AU1580">
            <v>4</v>
          </cell>
        </row>
        <row r="1581">
          <cell r="C1581">
            <v>1.5662</v>
          </cell>
          <cell r="AT1581">
            <v>2002</v>
          </cell>
          <cell r="AU1581">
            <v>4</v>
          </cell>
        </row>
        <row r="1582">
          <cell r="C1582">
            <v>1.5678000000000001</v>
          </cell>
          <cell r="AT1582">
            <v>2002</v>
          </cell>
          <cell r="AU1582">
            <v>5</v>
          </cell>
        </row>
        <row r="1583">
          <cell r="C1583">
            <v>1.5579000000000001</v>
          </cell>
          <cell r="AT1583">
            <v>2002</v>
          </cell>
          <cell r="AU1583">
            <v>5</v>
          </cell>
        </row>
        <row r="1584">
          <cell r="C1584">
            <v>1.5618000000000001</v>
          </cell>
          <cell r="AT1584">
            <v>2002</v>
          </cell>
          <cell r="AU1584">
            <v>5</v>
          </cell>
        </row>
        <row r="1585">
          <cell r="C1585">
            <v>1.5648</v>
          </cell>
          <cell r="AT1585">
            <v>2002</v>
          </cell>
          <cell r="AU1585">
            <v>5</v>
          </cell>
        </row>
        <row r="1586">
          <cell r="C1586">
            <v>1.5648</v>
          </cell>
          <cell r="AT1586">
            <v>2002</v>
          </cell>
          <cell r="AU1586">
            <v>5</v>
          </cell>
        </row>
        <row r="1587">
          <cell r="C1587">
            <v>1.5648</v>
          </cell>
          <cell r="AT1587">
            <v>2002</v>
          </cell>
          <cell r="AU1587">
            <v>5</v>
          </cell>
        </row>
        <row r="1588">
          <cell r="C1588">
            <v>1.5683</v>
          </cell>
          <cell r="AT1588">
            <v>2002</v>
          </cell>
          <cell r="AU1588">
            <v>5</v>
          </cell>
        </row>
        <row r="1589">
          <cell r="C1589">
            <v>1.57</v>
          </cell>
          <cell r="AT1589">
            <v>2002</v>
          </cell>
          <cell r="AU1589">
            <v>5</v>
          </cell>
        </row>
        <row r="1590">
          <cell r="C1590">
            <v>1.5705</v>
          </cell>
          <cell r="AT1590">
            <v>2002</v>
          </cell>
          <cell r="AU1590">
            <v>5</v>
          </cell>
        </row>
        <row r="1591">
          <cell r="C1591">
            <v>1.5685</v>
          </cell>
          <cell r="AT1591">
            <v>2002</v>
          </cell>
          <cell r="AU1591">
            <v>5</v>
          </cell>
        </row>
        <row r="1592">
          <cell r="C1592">
            <v>1.5576000000000001</v>
          </cell>
          <cell r="AT1592">
            <v>2002</v>
          </cell>
          <cell r="AU1592">
            <v>5</v>
          </cell>
        </row>
        <row r="1593">
          <cell r="C1593">
            <v>1.5576000000000001</v>
          </cell>
          <cell r="AT1593">
            <v>2002</v>
          </cell>
          <cell r="AU1593">
            <v>5</v>
          </cell>
        </row>
        <row r="1594">
          <cell r="C1594">
            <v>1.5576000000000001</v>
          </cell>
          <cell r="AT1594">
            <v>2002</v>
          </cell>
          <cell r="AU1594">
            <v>5</v>
          </cell>
        </row>
        <row r="1595">
          <cell r="C1595">
            <v>1.5583</v>
          </cell>
          <cell r="AT1595">
            <v>2002</v>
          </cell>
          <cell r="AU1595">
            <v>5</v>
          </cell>
        </row>
        <row r="1596">
          <cell r="C1596">
            <v>1.5586</v>
          </cell>
          <cell r="AT1596">
            <v>2002</v>
          </cell>
          <cell r="AU1596">
            <v>5</v>
          </cell>
        </row>
        <row r="1597">
          <cell r="C1597">
            <v>1.5559000000000001</v>
          </cell>
          <cell r="AT1597">
            <v>2002</v>
          </cell>
          <cell r="AU1597">
            <v>5</v>
          </cell>
        </row>
        <row r="1598">
          <cell r="C1598">
            <v>1.5546</v>
          </cell>
          <cell r="AT1598">
            <v>2002</v>
          </cell>
          <cell r="AU1598">
            <v>5</v>
          </cell>
        </row>
        <row r="1599">
          <cell r="C1599">
            <v>1.5424</v>
          </cell>
          <cell r="AT1599">
            <v>2002</v>
          </cell>
          <cell r="AU1599">
            <v>5</v>
          </cell>
        </row>
        <row r="1600">
          <cell r="C1600">
            <v>1.5424</v>
          </cell>
          <cell r="AT1600">
            <v>2002</v>
          </cell>
          <cell r="AU1600">
            <v>5</v>
          </cell>
        </row>
        <row r="1601">
          <cell r="C1601">
            <v>1.5424</v>
          </cell>
          <cell r="AT1601">
            <v>2002</v>
          </cell>
          <cell r="AU1601">
            <v>5</v>
          </cell>
        </row>
        <row r="1602">
          <cell r="C1602">
            <v>1.5424</v>
          </cell>
          <cell r="AT1602">
            <v>2002</v>
          </cell>
          <cell r="AU1602">
            <v>5</v>
          </cell>
        </row>
        <row r="1603">
          <cell r="C1603">
            <v>1.5382</v>
          </cell>
          <cell r="AT1603">
            <v>2002</v>
          </cell>
          <cell r="AU1603">
            <v>5</v>
          </cell>
        </row>
        <row r="1604">
          <cell r="C1604">
            <v>1.536</v>
          </cell>
          <cell r="AT1604">
            <v>2002</v>
          </cell>
          <cell r="AU1604">
            <v>5</v>
          </cell>
        </row>
        <row r="1605">
          <cell r="C1605">
            <v>1.5335000000000001</v>
          </cell>
          <cell r="AT1605">
            <v>2002</v>
          </cell>
          <cell r="AU1605">
            <v>5</v>
          </cell>
        </row>
        <row r="1606">
          <cell r="C1606">
            <v>1.5347999999999999</v>
          </cell>
          <cell r="AT1606">
            <v>2002</v>
          </cell>
          <cell r="AU1606">
            <v>5</v>
          </cell>
        </row>
        <row r="1607">
          <cell r="C1607">
            <v>1.5347999999999999</v>
          </cell>
          <cell r="AT1607">
            <v>2002</v>
          </cell>
          <cell r="AU1607">
            <v>5</v>
          </cell>
        </row>
        <row r="1608">
          <cell r="C1608">
            <v>1.5347999999999999</v>
          </cell>
          <cell r="AT1608">
            <v>2002</v>
          </cell>
          <cell r="AU1608">
            <v>5</v>
          </cell>
        </row>
        <row r="1609">
          <cell r="C1609">
            <v>1.5345</v>
          </cell>
          <cell r="AT1609">
            <v>2002</v>
          </cell>
          <cell r="AU1609">
            <v>5</v>
          </cell>
        </row>
        <row r="1610">
          <cell r="C1610">
            <v>1.5302</v>
          </cell>
          <cell r="AT1610">
            <v>2002</v>
          </cell>
          <cell r="AU1610">
            <v>5</v>
          </cell>
        </row>
        <row r="1611">
          <cell r="C1611">
            <v>1.5346</v>
          </cell>
          <cell r="AT1611">
            <v>2002</v>
          </cell>
          <cell r="AU1611">
            <v>5</v>
          </cell>
        </row>
        <row r="1612">
          <cell r="C1612">
            <v>1.5339</v>
          </cell>
          <cell r="AT1612">
            <v>2002</v>
          </cell>
          <cell r="AU1612">
            <v>5</v>
          </cell>
        </row>
        <row r="1613">
          <cell r="C1613">
            <v>1.5275000000000001</v>
          </cell>
          <cell r="AT1613">
            <v>2002</v>
          </cell>
          <cell r="AU1613">
            <v>6</v>
          </cell>
        </row>
        <row r="1614">
          <cell r="C1614">
            <v>1.5275000000000001</v>
          </cell>
          <cell r="AT1614">
            <v>2002</v>
          </cell>
          <cell r="AU1614">
            <v>6</v>
          </cell>
        </row>
        <row r="1615">
          <cell r="C1615">
            <v>1.5275000000000001</v>
          </cell>
          <cell r="AT1615">
            <v>2002</v>
          </cell>
          <cell r="AU1615">
            <v>6</v>
          </cell>
        </row>
        <row r="1616">
          <cell r="C1616">
            <v>1.528</v>
          </cell>
          <cell r="AT1616">
            <v>2002</v>
          </cell>
          <cell r="AU1616">
            <v>6</v>
          </cell>
        </row>
        <row r="1617">
          <cell r="C1617">
            <v>1.5279</v>
          </cell>
          <cell r="AT1617">
            <v>2002</v>
          </cell>
          <cell r="AU1617">
            <v>6</v>
          </cell>
        </row>
        <row r="1618">
          <cell r="C1618">
            <v>1.5350999999999999</v>
          </cell>
          <cell r="AT1618">
            <v>2002</v>
          </cell>
          <cell r="AU1618">
            <v>6</v>
          </cell>
        </row>
        <row r="1619">
          <cell r="C1619">
            <v>1.5325</v>
          </cell>
          <cell r="AT1619">
            <v>2002</v>
          </cell>
          <cell r="AU1619">
            <v>6</v>
          </cell>
        </row>
        <row r="1620">
          <cell r="C1620">
            <v>1.5323</v>
          </cell>
          <cell r="AT1620">
            <v>2002</v>
          </cell>
          <cell r="AU1620">
            <v>6</v>
          </cell>
        </row>
        <row r="1621">
          <cell r="C1621">
            <v>1.5323</v>
          </cell>
          <cell r="AT1621">
            <v>2002</v>
          </cell>
          <cell r="AU1621">
            <v>6</v>
          </cell>
        </row>
        <row r="1622">
          <cell r="C1622">
            <v>1.5323</v>
          </cell>
          <cell r="AT1622">
            <v>2002</v>
          </cell>
          <cell r="AU1622">
            <v>6</v>
          </cell>
        </row>
        <row r="1623">
          <cell r="C1623">
            <v>1.538</v>
          </cell>
          <cell r="AT1623">
            <v>2002</v>
          </cell>
          <cell r="AU1623">
            <v>6</v>
          </cell>
        </row>
        <row r="1624">
          <cell r="C1624">
            <v>1.5382</v>
          </cell>
          <cell r="AT1624">
            <v>2002</v>
          </cell>
          <cell r="AU1624">
            <v>6</v>
          </cell>
        </row>
        <row r="1625">
          <cell r="C1625">
            <v>1.5362</v>
          </cell>
          <cell r="AT1625">
            <v>2002</v>
          </cell>
          <cell r="AU1625">
            <v>6</v>
          </cell>
        </row>
        <row r="1626">
          <cell r="C1626">
            <v>1.5394000000000001</v>
          </cell>
          <cell r="AT1626">
            <v>2002</v>
          </cell>
          <cell r="AU1626">
            <v>6</v>
          </cell>
        </row>
        <row r="1627">
          <cell r="C1627">
            <v>1.55</v>
          </cell>
          <cell r="AT1627">
            <v>2002</v>
          </cell>
          <cell r="AU1627">
            <v>6</v>
          </cell>
        </row>
        <row r="1628">
          <cell r="C1628">
            <v>1.55</v>
          </cell>
          <cell r="AT1628">
            <v>2002</v>
          </cell>
          <cell r="AU1628">
            <v>6</v>
          </cell>
        </row>
        <row r="1629">
          <cell r="C1629">
            <v>1.55</v>
          </cell>
          <cell r="AT1629">
            <v>2002</v>
          </cell>
          <cell r="AU1629">
            <v>6</v>
          </cell>
        </row>
        <row r="1630">
          <cell r="C1630">
            <v>1.5472999999999999</v>
          </cell>
          <cell r="AT1630">
            <v>2002</v>
          </cell>
          <cell r="AU1630">
            <v>6</v>
          </cell>
        </row>
        <row r="1631">
          <cell r="C1631">
            <v>1.5441</v>
          </cell>
          <cell r="AT1631">
            <v>2002</v>
          </cell>
          <cell r="AU1631">
            <v>6</v>
          </cell>
        </row>
        <row r="1632">
          <cell r="C1632">
            <v>1.5414000000000001</v>
          </cell>
          <cell r="AT1632">
            <v>2002</v>
          </cell>
          <cell r="AU1632">
            <v>6</v>
          </cell>
        </row>
        <row r="1633">
          <cell r="C1633">
            <v>1.5314000000000001</v>
          </cell>
          <cell r="AT1633">
            <v>2002</v>
          </cell>
          <cell r="AU1633">
            <v>6</v>
          </cell>
        </row>
        <row r="1634">
          <cell r="C1634">
            <v>1.5229999999999999</v>
          </cell>
          <cell r="AT1634">
            <v>2002</v>
          </cell>
          <cell r="AU1634">
            <v>6</v>
          </cell>
        </row>
        <row r="1635">
          <cell r="C1635">
            <v>1.5229999999999999</v>
          </cell>
          <cell r="AT1635">
            <v>2002</v>
          </cell>
          <cell r="AU1635">
            <v>6</v>
          </cell>
        </row>
        <row r="1636">
          <cell r="C1636">
            <v>1.5229999999999999</v>
          </cell>
          <cell r="AT1636">
            <v>2002</v>
          </cell>
          <cell r="AU1636">
            <v>6</v>
          </cell>
        </row>
        <row r="1637">
          <cell r="C1637">
            <v>1.5167999999999999</v>
          </cell>
          <cell r="AT1637">
            <v>2002</v>
          </cell>
          <cell r="AU1637">
            <v>6</v>
          </cell>
        </row>
        <row r="1638">
          <cell r="C1638">
            <v>1.5217000000000001</v>
          </cell>
          <cell r="AT1638">
            <v>2002</v>
          </cell>
          <cell r="AU1638">
            <v>6</v>
          </cell>
        </row>
        <row r="1639">
          <cell r="C1639">
            <v>1.5206999999999999</v>
          </cell>
          <cell r="AT1639">
            <v>2002</v>
          </cell>
          <cell r="AU1639">
            <v>6</v>
          </cell>
        </row>
        <row r="1640">
          <cell r="C1640">
            <v>1.5109999999999999</v>
          </cell>
          <cell r="AT1640">
            <v>2002</v>
          </cell>
          <cell r="AU1640">
            <v>6</v>
          </cell>
        </row>
        <row r="1641">
          <cell r="C1641">
            <v>1.5186999999999999</v>
          </cell>
          <cell r="AT1641">
            <v>2002</v>
          </cell>
          <cell r="AU1641">
            <v>6</v>
          </cell>
        </row>
        <row r="1642">
          <cell r="C1642">
            <v>1.5186999999999999</v>
          </cell>
          <cell r="AT1642">
            <v>2002</v>
          </cell>
          <cell r="AU1642">
            <v>6</v>
          </cell>
        </row>
        <row r="1643">
          <cell r="C1643">
            <v>1.5186999999999999</v>
          </cell>
          <cell r="AT1643">
            <v>2002</v>
          </cell>
          <cell r="AU1643">
            <v>7</v>
          </cell>
        </row>
        <row r="1644">
          <cell r="C1644">
            <v>1.5186999999999999</v>
          </cell>
          <cell r="AT1644">
            <v>2002</v>
          </cell>
          <cell r="AU1644">
            <v>7</v>
          </cell>
        </row>
        <row r="1645">
          <cell r="C1645">
            <v>1.526</v>
          </cell>
          <cell r="AT1645">
            <v>2002</v>
          </cell>
          <cell r="AU1645">
            <v>7</v>
          </cell>
        </row>
        <row r="1646">
          <cell r="C1646">
            <v>1.5289999999999999</v>
          </cell>
          <cell r="AT1646">
            <v>2002</v>
          </cell>
          <cell r="AU1646">
            <v>7</v>
          </cell>
        </row>
        <row r="1647">
          <cell r="C1647">
            <v>1.5321</v>
          </cell>
          <cell r="AT1647">
            <v>2002</v>
          </cell>
          <cell r="AU1647">
            <v>7</v>
          </cell>
        </row>
        <row r="1648">
          <cell r="C1648">
            <v>1.5239</v>
          </cell>
          <cell r="AT1648">
            <v>2002</v>
          </cell>
          <cell r="AU1648">
            <v>7</v>
          </cell>
        </row>
        <row r="1649">
          <cell r="C1649">
            <v>1.5239</v>
          </cell>
          <cell r="AT1649">
            <v>2002</v>
          </cell>
          <cell r="AU1649">
            <v>7</v>
          </cell>
        </row>
        <row r="1650">
          <cell r="C1650">
            <v>1.5239</v>
          </cell>
          <cell r="AT1650">
            <v>2002</v>
          </cell>
          <cell r="AU1650">
            <v>7</v>
          </cell>
        </row>
        <row r="1651">
          <cell r="C1651">
            <v>1.5207999999999999</v>
          </cell>
          <cell r="AT1651">
            <v>2002</v>
          </cell>
          <cell r="AU1651">
            <v>7</v>
          </cell>
        </row>
        <row r="1652">
          <cell r="C1652">
            <v>1.5144</v>
          </cell>
          <cell r="AT1652">
            <v>2002</v>
          </cell>
          <cell r="AU1652">
            <v>7</v>
          </cell>
        </row>
        <row r="1653">
          <cell r="C1653">
            <v>1.5199</v>
          </cell>
          <cell r="AT1653">
            <v>2002</v>
          </cell>
          <cell r="AU1653">
            <v>7</v>
          </cell>
        </row>
        <row r="1654">
          <cell r="C1654">
            <v>1.522</v>
          </cell>
          <cell r="AT1654">
            <v>2002</v>
          </cell>
          <cell r="AU1654">
            <v>7</v>
          </cell>
        </row>
        <row r="1655">
          <cell r="C1655">
            <v>1.5302</v>
          </cell>
          <cell r="AT1655">
            <v>2002</v>
          </cell>
          <cell r="AU1655">
            <v>7</v>
          </cell>
        </row>
        <row r="1656">
          <cell r="C1656">
            <v>1.5302</v>
          </cell>
          <cell r="AT1656">
            <v>2002</v>
          </cell>
          <cell r="AU1656">
            <v>7</v>
          </cell>
        </row>
        <row r="1657">
          <cell r="C1657">
            <v>1.5302</v>
          </cell>
          <cell r="AT1657">
            <v>2002</v>
          </cell>
          <cell r="AU1657">
            <v>7</v>
          </cell>
        </row>
        <row r="1658">
          <cell r="C1658">
            <v>1.5366</v>
          </cell>
          <cell r="AT1658">
            <v>2002</v>
          </cell>
          <cell r="AU1658">
            <v>7</v>
          </cell>
        </row>
        <row r="1659">
          <cell r="C1659">
            <v>1.5347999999999999</v>
          </cell>
          <cell r="AT1659">
            <v>2002</v>
          </cell>
          <cell r="AU1659">
            <v>7</v>
          </cell>
        </row>
        <row r="1660">
          <cell r="C1660">
            <v>1.5390999999999999</v>
          </cell>
          <cell r="AT1660">
            <v>2002</v>
          </cell>
          <cell r="AU1660">
            <v>7</v>
          </cell>
        </row>
        <row r="1661">
          <cell r="C1661">
            <v>1.5441</v>
          </cell>
          <cell r="AT1661">
            <v>2002</v>
          </cell>
          <cell r="AU1661">
            <v>7</v>
          </cell>
        </row>
        <row r="1662">
          <cell r="C1662">
            <v>1.5385</v>
          </cell>
          <cell r="AT1662">
            <v>2002</v>
          </cell>
          <cell r="AU1662">
            <v>7</v>
          </cell>
        </row>
        <row r="1663">
          <cell r="C1663">
            <v>1.5385</v>
          </cell>
          <cell r="AT1663">
            <v>2002</v>
          </cell>
          <cell r="AU1663">
            <v>7</v>
          </cell>
        </row>
        <row r="1664">
          <cell r="C1664">
            <v>1.5385</v>
          </cell>
          <cell r="AT1664">
            <v>2002</v>
          </cell>
          <cell r="AU1664">
            <v>7</v>
          </cell>
        </row>
        <row r="1665">
          <cell r="C1665">
            <v>1.556</v>
          </cell>
          <cell r="AT1665">
            <v>2002</v>
          </cell>
          <cell r="AU1665">
            <v>7</v>
          </cell>
        </row>
        <row r="1666">
          <cell r="C1666">
            <v>1.5785</v>
          </cell>
          <cell r="AT1666">
            <v>2002</v>
          </cell>
          <cell r="AU1666">
            <v>7</v>
          </cell>
        </row>
        <row r="1667">
          <cell r="C1667">
            <v>1.5760000000000001</v>
          </cell>
          <cell r="AT1667">
            <v>2002</v>
          </cell>
          <cell r="AU1667">
            <v>7</v>
          </cell>
        </row>
        <row r="1668">
          <cell r="C1668">
            <v>1.5726</v>
          </cell>
          <cell r="AT1668">
            <v>2002</v>
          </cell>
          <cell r="AU1668">
            <v>7</v>
          </cell>
        </row>
        <row r="1669">
          <cell r="C1669">
            <v>1.5865</v>
          </cell>
          <cell r="AT1669">
            <v>2002</v>
          </cell>
          <cell r="AU1669">
            <v>7</v>
          </cell>
        </row>
        <row r="1670">
          <cell r="C1670">
            <v>1.5865</v>
          </cell>
          <cell r="AT1670">
            <v>2002</v>
          </cell>
          <cell r="AU1670">
            <v>7</v>
          </cell>
        </row>
        <row r="1671">
          <cell r="C1671">
            <v>1.5865</v>
          </cell>
          <cell r="AT1671">
            <v>2002</v>
          </cell>
          <cell r="AU1671">
            <v>7</v>
          </cell>
        </row>
        <row r="1672">
          <cell r="C1672">
            <v>1.5722</v>
          </cell>
          <cell r="AT1672">
            <v>2002</v>
          </cell>
          <cell r="AU1672">
            <v>7</v>
          </cell>
        </row>
        <row r="1673">
          <cell r="C1673">
            <v>1.5730999999999999</v>
          </cell>
          <cell r="AT1673">
            <v>2002</v>
          </cell>
          <cell r="AU1673">
            <v>7</v>
          </cell>
        </row>
        <row r="1674">
          <cell r="C1674">
            <v>1.5843</v>
          </cell>
          <cell r="AT1674">
            <v>2002</v>
          </cell>
          <cell r="AU1674">
            <v>8</v>
          </cell>
        </row>
        <row r="1675">
          <cell r="C1675">
            <v>1.5869</v>
          </cell>
          <cell r="AT1675">
            <v>2002</v>
          </cell>
          <cell r="AU1675">
            <v>8</v>
          </cell>
        </row>
        <row r="1676">
          <cell r="C1676">
            <v>1.5882000000000001</v>
          </cell>
          <cell r="AT1676">
            <v>2002</v>
          </cell>
          <cell r="AU1676">
            <v>8</v>
          </cell>
        </row>
        <row r="1677">
          <cell r="C1677">
            <v>1.5882000000000001</v>
          </cell>
          <cell r="AT1677">
            <v>2002</v>
          </cell>
          <cell r="AU1677">
            <v>8</v>
          </cell>
        </row>
        <row r="1678">
          <cell r="C1678">
            <v>1.5882000000000001</v>
          </cell>
          <cell r="AT1678">
            <v>2002</v>
          </cell>
          <cell r="AU1678">
            <v>8</v>
          </cell>
        </row>
        <row r="1679">
          <cell r="C1679">
            <v>1.5882000000000001</v>
          </cell>
          <cell r="AT1679">
            <v>2002</v>
          </cell>
          <cell r="AU1679">
            <v>8</v>
          </cell>
        </row>
        <row r="1680">
          <cell r="C1680">
            <v>1.5932999999999999</v>
          </cell>
          <cell r="AT1680">
            <v>2002</v>
          </cell>
          <cell r="AU1680">
            <v>8</v>
          </cell>
        </row>
        <row r="1681">
          <cell r="C1681">
            <v>1.5808</v>
          </cell>
          <cell r="AT1681">
            <v>2002</v>
          </cell>
          <cell r="AU1681">
            <v>8</v>
          </cell>
        </row>
        <row r="1682">
          <cell r="C1682">
            <v>1.5813999999999999</v>
          </cell>
          <cell r="AT1682">
            <v>2002</v>
          </cell>
          <cell r="AU1682">
            <v>8</v>
          </cell>
        </row>
        <row r="1683">
          <cell r="C1683">
            <v>1.5723</v>
          </cell>
          <cell r="AT1683">
            <v>2002</v>
          </cell>
          <cell r="AU1683">
            <v>8</v>
          </cell>
        </row>
        <row r="1684">
          <cell r="C1684">
            <v>1.5723</v>
          </cell>
          <cell r="AT1684">
            <v>2002</v>
          </cell>
          <cell r="AU1684">
            <v>8</v>
          </cell>
        </row>
        <row r="1685">
          <cell r="C1685">
            <v>1.5723</v>
          </cell>
          <cell r="AT1685">
            <v>2002</v>
          </cell>
          <cell r="AU1685">
            <v>8</v>
          </cell>
        </row>
        <row r="1686">
          <cell r="C1686">
            <v>1.5740000000000001</v>
          </cell>
          <cell r="AT1686">
            <v>2002</v>
          </cell>
          <cell r="AU1686">
            <v>8</v>
          </cell>
        </row>
        <row r="1687">
          <cell r="C1687">
            <v>1.5658000000000001</v>
          </cell>
          <cell r="AT1687">
            <v>2002</v>
          </cell>
          <cell r="AU1687">
            <v>8</v>
          </cell>
        </row>
        <row r="1688">
          <cell r="C1688">
            <v>1.5649</v>
          </cell>
          <cell r="AT1688">
            <v>2002</v>
          </cell>
          <cell r="AU1688">
            <v>8</v>
          </cell>
        </row>
        <row r="1689">
          <cell r="C1689">
            <v>1.5582</v>
          </cell>
          <cell r="AT1689">
            <v>2002</v>
          </cell>
          <cell r="AU1689">
            <v>8</v>
          </cell>
        </row>
        <row r="1690">
          <cell r="C1690">
            <v>1.5601</v>
          </cell>
          <cell r="AT1690">
            <v>2002</v>
          </cell>
          <cell r="AU1690">
            <v>8</v>
          </cell>
        </row>
        <row r="1691">
          <cell r="C1691">
            <v>1.5601</v>
          </cell>
          <cell r="AT1691">
            <v>2002</v>
          </cell>
          <cell r="AU1691">
            <v>8</v>
          </cell>
        </row>
        <row r="1692">
          <cell r="C1692">
            <v>1.5601</v>
          </cell>
          <cell r="AT1692">
            <v>2002</v>
          </cell>
          <cell r="AU1692">
            <v>8</v>
          </cell>
        </row>
        <row r="1693">
          <cell r="C1693">
            <v>1.571</v>
          </cell>
          <cell r="AT1693">
            <v>2002</v>
          </cell>
          <cell r="AU1693">
            <v>8</v>
          </cell>
        </row>
        <row r="1694">
          <cell r="C1694">
            <v>1.5714999999999999</v>
          </cell>
          <cell r="AT1694">
            <v>2002</v>
          </cell>
          <cell r="AU1694">
            <v>8</v>
          </cell>
        </row>
        <row r="1695">
          <cell r="C1695">
            <v>1.5587</v>
          </cell>
          <cell r="AT1695">
            <v>2002</v>
          </cell>
          <cell r="AU1695">
            <v>8</v>
          </cell>
        </row>
        <row r="1696">
          <cell r="C1696">
            <v>1.5566</v>
          </cell>
          <cell r="AT1696">
            <v>2002</v>
          </cell>
          <cell r="AU1696">
            <v>8</v>
          </cell>
        </row>
        <row r="1697">
          <cell r="C1697">
            <v>1.5558000000000001</v>
          </cell>
          <cell r="AT1697">
            <v>2002</v>
          </cell>
          <cell r="AU1697">
            <v>8</v>
          </cell>
        </row>
        <row r="1698">
          <cell r="C1698">
            <v>1.5558000000000001</v>
          </cell>
          <cell r="AT1698">
            <v>2002</v>
          </cell>
          <cell r="AU1698">
            <v>8</v>
          </cell>
        </row>
        <row r="1699">
          <cell r="C1699">
            <v>1.5558000000000001</v>
          </cell>
          <cell r="AT1699">
            <v>2002</v>
          </cell>
          <cell r="AU1699">
            <v>8</v>
          </cell>
        </row>
        <row r="1700">
          <cell r="C1700">
            <v>1.5570999999999999</v>
          </cell>
          <cell r="AT1700">
            <v>2002</v>
          </cell>
          <cell r="AU1700">
            <v>8</v>
          </cell>
        </row>
        <row r="1701">
          <cell r="C1701">
            <v>1.552</v>
          </cell>
          <cell r="AT1701">
            <v>2002</v>
          </cell>
          <cell r="AU1701">
            <v>8</v>
          </cell>
        </row>
        <row r="1702">
          <cell r="C1702">
            <v>1.5597000000000001</v>
          </cell>
          <cell r="AT1702">
            <v>2002</v>
          </cell>
          <cell r="AU1702">
            <v>8</v>
          </cell>
        </row>
        <row r="1703">
          <cell r="C1703">
            <v>1.5595000000000001</v>
          </cell>
          <cell r="AT1703">
            <v>2002</v>
          </cell>
          <cell r="AU1703">
            <v>8</v>
          </cell>
        </row>
        <row r="1704">
          <cell r="C1704">
            <v>1.5589</v>
          </cell>
          <cell r="AT1704">
            <v>2002</v>
          </cell>
          <cell r="AU1704">
            <v>8</v>
          </cell>
        </row>
        <row r="1705">
          <cell r="C1705">
            <v>1.5589</v>
          </cell>
          <cell r="AT1705">
            <v>2002</v>
          </cell>
          <cell r="AU1705">
            <v>9</v>
          </cell>
        </row>
        <row r="1706">
          <cell r="C1706">
            <v>1.5589</v>
          </cell>
          <cell r="AT1706">
            <v>2002</v>
          </cell>
          <cell r="AU1706">
            <v>9</v>
          </cell>
        </row>
        <row r="1707">
          <cell r="C1707">
            <v>1.5589</v>
          </cell>
          <cell r="AT1707">
            <v>2002</v>
          </cell>
          <cell r="AU1707">
            <v>9</v>
          </cell>
        </row>
        <row r="1708">
          <cell r="C1708">
            <v>1.5543</v>
          </cell>
          <cell r="AT1708">
            <v>2002</v>
          </cell>
          <cell r="AU1708">
            <v>9</v>
          </cell>
        </row>
        <row r="1709">
          <cell r="C1709">
            <v>1.5663</v>
          </cell>
          <cell r="AT1709">
            <v>2002</v>
          </cell>
          <cell r="AU1709">
            <v>9</v>
          </cell>
        </row>
        <row r="1710">
          <cell r="C1710">
            <v>1.5671999999999999</v>
          </cell>
          <cell r="AT1710">
            <v>2002</v>
          </cell>
          <cell r="AU1710">
            <v>9</v>
          </cell>
        </row>
        <row r="1711">
          <cell r="C1711">
            <v>1.5633999999999999</v>
          </cell>
          <cell r="AT1711">
            <v>2002</v>
          </cell>
          <cell r="AU1711">
            <v>9</v>
          </cell>
        </row>
        <row r="1712">
          <cell r="C1712">
            <v>1.5633999999999999</v>
          </cell>
          <cell r="AT1712">
            <v>2002</v>
          </cell>
          <cell r="AU1712">
            <v>9</v>
          </cell>
        </row>
        <row r="1713">
          <cell r="C1713">
            <v>1.5633999999999999</v>
          </cell>
          <cell r="AT1713">
            <v>2002</v>
          </cell>
          <cell r="AU1713">
            <v>9</v>
          </cell>
        </row>
        <row r="1714">
          <cell r="C1714">
            <v>1.5656000000000001</v>
          </cell>
          <cell r="AT1714">
            <v>2002</v>
          </cell>
          <cell r="AU1714">
            <v>9</v>
          </cell>
        </row>
        <row r="1715">
          <cell r="C1715">
            <v>1.5720000000000001</v>
          </cell>
          <cell r="AT1715">
            <v>2002</v>
          </cell>
          <cell r="AU1715">
            <v>9</v>
          </cell>
        </row>
        <row r="1716">
          <cell r="C1716">
            <v>1.5754999999999999</v>
          </cell>
          <cell r="AT1716">
            <v>2002</v>
          </cell>
          <cell r="AU1716">
            <v>9</v>
          </cell>
        </row>
        <row r="1717">
          <cell r="C1717">
            <v>1.5849</v>
          </cell>
          <cell r="AT1717">
            <v>2002</v>
          </cell>
          <cell r="AU1717">
            <v>9</v>
          </cell>
        </row>
        <row r="1718">
          <cell r="C1718">
            <v>1.5857000000000001</v>
          </cell>
          <cell r="AT1718">
            <v>2002</v>
          </cell>
          <cell r="AU1718">
            <v>9</v>
          </cell>
        </row>
        <row r="1719">
          <cell r="C1719">
            <v>1.5857000000000001</v>
          </cell>
          <cell r="AT1719">
            <v>2002</v>
          </cell>
          <cell r="AU1719">
            <v>9</v>
          </cell>
        </row>
        <row r="1720">
          <cell r="C1720">
            <v>1.5857000000000001</v>
          </cell>
          <cell r="AT1720">
            <v>2002</v>
          </cell>
          <cell r="AU1720">
            <v>9</v>
          </cell>
        </row>
        <row r="1721">
          <cell r="C1721">
            <v>1.5825</v>
          </cell>
          <cell r="AT1721">
            <v>2002</v>
          </cell>
          <cell r="AU1721">
            <v>9</v>
          </cell>
        </row>
        <row r="1722">
          <cell r="C1722">
            <v>1.5791999999999999</v>
          </cell>
          <cell r="AT1722">
            <v>2002</v>
          </cell>
          <cell r="AU1722">
            <v>9</v>
          </cell>
        </row>
        <row r="1723">
          <cell r="C1723">
            <v>1.5832999999999999</v>
          </cell>
          <cell r="AT1723">
            <v>2002</v>
          </cell>
          <cell r="AU1723">
            <v>9</v>
          </cell>
        </row>
        <row r="1724">
          <cell r="C1724">
            <v>1.5725</v>
          </cell>
          <cell r="AT1724">
            <v>2002</v>
          </cell>
          <cell r="AU1724">
            <v>9</v>
          </cell>
        </row>
        <row r="1725">
          <cell r="C1725">
            <v>1.573</v>
          </cell>
          <cell r="AT1725">
            <v>2002</v>
          </cell>
          <cell r="AU1725">
            <v>9</v>
          </cell>
        </row>
        <row r="1726">
          <cell r="C1726">
            <v>1.573</v>
          </cell>
          <cell r="AT1726">
            <v>2002</v>
          </cell>
          <cell r="AU1726">
            <v>9</v>
          </cell>
        </row>
        <row r="1727">
          <cell r="C1727">
            <v>1.573</v>
          </cell>
          <cell r="AT1727">
            <v>2002</v>
          </cell>
          <cell r="AU1727">
            <v>9</v>
          </cell>
        </row>
        <row r="1728">
          <cell r="C1728">
            <v>1.5845</v>
          </cell>
          <cell r="AT1728">
            <v>2002</v>
          </cell>
          <cell r="AU1728">
            <v>9</v>
          </cell>
        </row>
        <row r="1729">
          <cell r="C1729">
            <v>1.5854999999999999</v>
          </cell>
          <cell r="AT1729">
            <v>2002</v>
          </cell>
          <cell r="AU1729">
            <v>9</v>
          </cell>
        </row>
        <row r="1730">
          <cell r="C1730">
            <v>1.581</v>
          </cell>
          <cell r="AT1730">
            <v>2002</v>
          </cell>
          <cell r="AU1730">
            <v>9</v>
          </cell>
        </row>
        <row r="1731">
          <cell r="C1731">
            <v>1.577</v>
          </cell>
          <cell r="AT1731">
            <v>2002</v>
          </cell>
          <cell r="AU1731">
            <v>9</v>
          </cell>
        </row>
        <row r="1732">
          <cell r="C1732">
            <v>1.5777000000000001</v>
          </cell>
          <cell r="AT1732">
            <v>2002</v>
          </cell>
          <cell r="AU1732">
            <v>9</v>
          </cell>
        </row>
        <row r="1733">
          <cell r="C1733">
            <v>1.5777000000000001</v>
          </cell>
          <cell r="AT1733">
            <v>2002</v>
          </cell>
          <cell r="AU1733">
            <v>9</v>
          </cell>
        </row>
        <row r="1734">
          <cell r="C1734">
            <v>1.5777000000000001</v>
          </cell>
          <cell r="AT1734">
            <v>2002</v>
          </cell>
          <cell r="AU1734">
            <v>9</v>
          </cell>
        </row>
        <row r="1735">
          <cell r="C1735">
            <v>1.5858000000000001</v>
          </cell>
          <cell r="AT1735">
            <v>2002</v>
          </cell>
          <cell r="AU1735">
            <v>10</v>
          </cell>
        </row>
        <row r="1736">
          <cell r="C1736">
            <v>1.5860000000000001</v>
          </cell>
          <cell r="AT1736">
            <v>2002</v>
          </cell>
          <cell r="AU1736">
            <v>10</v>
          </cell>
        </row>
        <row r="1737">
          <cell r="C1737">
            <v>1.5854999999999999</v>
          </cell>
          <cell r="AT1737">
            <v>2002</v>
          </cell>
          <cell r="AU1737">
            <v>10</v>
          </cell>
        </row>
        <row r="1738">
          <cell r="C1738">
            <v>1.5902000000000001</v>
          </cell>
          <cell r="AT1738">
            <v>2002</v>
          </cell>
          <cell r="AU1738">
            <v>10</v>
          </cell>
        </row>
        <row r="1739">
          <cell r="C1739">
            <v>1.5942000000000001</v>
          </cell>
          <cell r="AT1739">
            <v>2002</v>
          </cell>
          <cell r="AU1739">
            <v>10</v>
          </cell>
        </row>
        <row r="1740">
          <cell r="C1740">
            <v>1.5942000000000001</v>
          </cell>
          <cell r="AT1740">
            <v>2002</v>
          </cell>
          <cell r="AU1740">
            <v>10</v>
          </cell>
        </row>
        <row r="1741">
          <cell r="C1741">
            <v>1.5942000000000001</v>
          </cell>
          <cell r="AT1741">
            <v>2002</v>
          </cell>
          <cell r="AU1741">
            <v>10</v>
          </cell>
        </row>
        <row r="1742">
          <cell r="C1742">
            <v>1.5920000000000001</v>
          </cell>
          <cell r="AT1742">
            <v>2002</v>
          </cell>
          <cell r="AU1742">
            <v>10</v>
          </cell>
        </row>
        <row r="1743">
          <cell r="C1743">
            <v>1.5929</v>
          </cell>
          <cell r="AT1743">
            <v>2002</v>
          </cell>
          <cell r="AU1743">
            <v>10</v>
          </cell>
        </row>
        <row r="1744">
          <cell r="C1744">
            <v>1.5931</v>
          </cell>
          <cell r="AT1744">
            <v>2002</v>
          </cell>
          <cell r="AU1744">
            <v>10</v>
          </cell>
        </row>
        <row r="1745">
          <cell r="C1745">
            <v>1.5914999999999999</v>
          </cell>
          <cell r="AT1745">
            <v>2002</v>
          </cell>
          <cell r="AU1745">
            <v>10</v>
          </cell>
        </row>
        <row r="1746">
          <cell r="C1746">
            <v>1.5888</v>
          </cell>
          <cell r="AT1746">
            <v>2002</v>
          </cell>
          <cell r="AU1746">
            <v>10</v>
          </cell>
        </row>
        <row r="1747">
          <cell r="C1747">
            <v>1.5888</v>
          </cell>
          <cell r="AT1747">
            <v>2002</v>
          </cell>
          <cell r="AU1747">
            <v>10</v>
          </cell>
        </row>
        <row r="1748">
          <cell r="C1748">
            <v>1.5888</v>
          </cell>
          <cell r="AT1748">
            <v>2002</v>
          </cell>
          <cell r="AU1748">
            <v>10</v>
          </cell>
        </row>
        <row r="1749">
          <cell r="C1749">
            <v>1.5888</v>
          </cell>
          <cell r="AT1749">
            <v>2002</v>
          </cell>
          <cell r="AU1749">
            <v>10</v>
          </cell>
        </row>
        <row r="1750">
          <cell r="C1750">
            <v>1.5854999999999999</v>
          </cell>
          <cell r="AT1750">
            <v>2002</v>
          </cell>
          <cell r="AU1750">
            <v>10</v>
          </cell>
        </row>
        <row r="1751">
          <cell r="C1751">
            <v>1.5840000000000001</v>
          </cell>
          <cell r="AT1751">
            <v>2002</v>
          </cell>
          <cell r="AU1751">
            <v>10</v>
          </cell>
        </row>
        <row r="1752">
          <cell r="C1752">
            <v>1.5723</v>
          </cell>
          <cell r="AT1752">
            <v>2002</v>
          </cell>
          <cell r="AU1752">
            <v>10</v>
          </cell>
        </row>
        <row r="1753">
          <cell r="C1753">
            <v>1.5721000000000001</v>
          </cell>
          <cell r="AT1753">
            <v>2002</v>
          </cell>
          <cell r="AU1753">
            <v>10</v>
          </cell>
        </row>
        <row r="1754">
          <cell r="C1754">
            <v>1.5721000000000001</v>
          </cell>
          <cell r="AT1754">
            <v>2002</v>
          </cell>
          <cell r="AU1754">
            <v>10</v>
          </cell>
        </row>
        <row r="1755">
          <cell r="C1755">
            <v>1.5721000000000001</v>
          </cell>
          <cell r="AT1755">
            <v>2002</v>
          </cell>
          <cell r="AU1755">
            <v>10</v>
          </cell>
        </row>
        <row r="1756">
          <cell r="C1756">
            <v>1.5673999999999999</v>
          </cell>
          <cell r="AT1756">
            <v>2002</v>
          </cell>
          <cell r="AU1756">
            <v>10</v>
          </cell>
        </row>
        <row r="1757">
          <cell r="C1757">
            <v>1.5679000000000001</v>
          </cell>
          <cell r="AT1757">
            <v>2002</v>
          </cell>
          <cell r="AU1757">
            <v>10</v>
          </cell>
        </row>
        <row r="1758">
          <cell r="C1758">
            <v>1.5687</v>
          </cell>
          <cell r="AT1758">
            <v>2002</v>
          </cell>
          <cell r="AU1758">
            <v>10</v>
          </cell>
        </row>
        <row r="1759">
          <cell r="C1759">
            <v>1.5609999999999999</v>
          </cell>
          <cell r="AT1759">
            <v>2002</v>
          </cell>
          <cell r="AU1759">
            <v>10</v>
          </cell>
        </row>
        <row r="1760">
          <cell r="C1760">
            <v>1.5672999999999999</v>
          </cell>
          <cell r="AT1760">
            <v>2002</v>
          </cell>
          <cell r="AU1760">
            <v>10</v>
          </cell>
        </row>
        <row r="1761">
          <cell r="C1761">
            <v>1.5672999999999999</v>
          </cell>
          <cell r="AT1761">
            <v>2002</v>
          </cell>
          <cell r="AU1761">
            <v>10</v>
          </cell>
        </row>
        <row r="1762">
          <cell r="C1762">
            <v>1.5672999999999999</v>
          </cell>
          <cell r="AT1762">
            <v>2002</v>
          </cell>
          <cell r="AU1762">
            <v>10</v>
          </cell>
        </row>
        <row r="1763">
          <cell r="C1763">
            <v>1.5605</v>
          </cell>
          <cell r="AT1763">
            <v>2002</v>
          </cell>
          <cell r="AU1763">
            <v>10</v>
          </cell>
        </row>
        <row r="1764">
          <cell r="C1764">
            <v>1.5630999999999999</v>
          </cell>
          <cell r="AT1764">
            <v>2002</v>
          </cell>
          <cell r="AU1764">
            <v>10</v>
          </cell>
        </row>
        <row r="1765">
          <cell r="C1765">
            <v>1.5676000000000001</v>
          </cell>
          <cell r="AT1765">
            <v>2002</v>
          </cell>
          <cell r="AU1765">
            <v>10</v>
          </cell>
        </row>
        <row r="1766">
          <cell r="C1766">
            <v>1.5603</v>
          </cell>
          <cell r="AT1766">
            <v>2002</v>
          </cell>
          <cell r="AU1766">
            <v>11</v>
          </cell>
        </row>
        <row r="1767">
          <cell r="C1767">
            <v>1.5576000000000001</v>
          </cell>
          <cell r="AT1767">
            <v>2002</v>
          </cell>
          <cell r="AU1767">
            <v>11</v>
          </cell>
        </row>
        <row r="1768">
          <cell r="C1768">
            <v>1.5576000000000001</v>
          </cell>
          <cell r="AT1768">
            <v>2002</v>
          </cell>
          <cell r="AU1768">
            <v>11</v>
          </cell>
        </row>
        <row r="1769">
          <cell r="C1769">
            <v>1.5576000000000001</v>
          </cell>
          <cell r="AT1769">
            <v>2002</v>
          </cell>
          <cell r="AU1769">
            <v>11</v>
          </cell>
        </row>
        <row r="1770">
          <cell r="C1770">
            <v>1.5549999999999999</v>
          </cell>
          <cell r="AT1770">
            <v>2002</v>
          </cell>
          <cell r="AU1770">
            <v>11</v>
          </cell>
        </row>
        <row r="1771">
          <cell r="C1771">
            <v>1.5562</v>
          </cell>
          <cell r="AT1771">
            <v>2002</v>
          </cell>
          <cell r="AU1771">
            <v>11</v>
          </cell>
        </row>
        <row r="1772">
          <cell r="C1772">
            <v>1.5582</v>
          </cell>
          <cell r="AT1772">
            <v>2002</v>
          </cell>
          <cell r="AU1772">
            <v>11</v>
          </cell>
        </row>
        <row r="1773">
          <cell r="C1773">
            <v>1.5529999999999999</v>
          </cell>
          <cell r="AT1773">
            <v>2002</v>
          </cell>
          <cell r="AU1773">
            <v>11</v>
          </cell>
        </row>
        <row r="1774">
          <cell r="C1774">
            <v>1.5644</v>
          </cell>
          <cell r="AT1774">
            <v>2002</v>
          </cell>
          <cell r="AU1774">
            <v>11</v>
          </cell>
        </row>
        <row r="1775">
          <cell r="C1775">
            <v>1.5644</v>
          </cell>
          <cell r="AT1775">
            <v>2002</v>
          </cell>
          <cell r="AU1775">
            <v>11</v>
          </cell>
        </row>
        <row r="1776">
          <cell r="C1776">
            <v>1.5644</v>
          </cell>
          <cell r="AT1776">
            <v>2002</v>
          </cell>
          <cell r="AU1776">
            <v>11</v>
          </cell>
        </row>
        <row r="1777">
          <cell r="C1777">
            <v>1.5644</v>
          </cell>
          <cell r="AT1777">
            <v>2002</v>
          </cell>
          <cell r="AU1777">
            <v>11</v>
          </cell>
        </row>
        <row r="1778">
          <cell r="C1778">
            <v>1.5742</v>
          </cell>
          <cell r="AT1778">
            <v>2002</v>
          </cell>
          <cell r="AU1778">
            <v>11</v>
          </cell>
        </row>
        <row r="1779">
          <cell r="C1779">
            <v>1.5764</v>
          </cell>
          <cell r="AT1779">
            <v>2002</v>
          </cell>
          <cell r="AU1779">
            <v>11</v>
          </cell>
        </row>
        <row r="1780">
          <cell r="C1780">
            <v>1.5747</v>
          </cell>
          <cell r="AT1780">
            <v>2002</v>
          </cell>
          <cell r="AU1780">
            <v>11</v>
          </cell>
        </row>
        <row r="1781">
          <cell r="C1781">
            <v>1.5812999999999999</v>
          </cell>
          <cell r="AT1781">
            <v>2002</v>
          </cell>
          <cell r="AU1781">
            <v>11</v>
          </cell>
        </row>
        <row r="1782">
          <cell r="C1782">
            <v>1.5812999999999999</v>
          </cell>
          <cell r="AT1782">
            <v>2002</v>
          </cell>
          <cell r="AU1782">
            <v>11</v>
          </cell>
        </row>
        <row r="1783">
          <cell r="C1783">
            <v>1.5812999999999999</v>
          </cell>
          <cell r="AT1783">
            <v>2002</v>
          </cell>
          <cell r="AU1783">
            <v>11</v>
          </cell>
        </row>
        <row r="1784">
          <cell r="C1784">
            <v>1.5902000000000001</v>
          </cell>
          <cell r="AT1784">
            <v>2002</v>
          </cell>
          <cell r="AU1784">
            <v>11</v>
          </cell>
        </row>
        <row r="1785">
          <cell r="C1785">
            <v>1.5851999999999999</v>
          </cell>
          <cell r="AT1785">
            <v>2002</v>
          </cell>
          <cell r="AU1785">
            <v>11</v>
          </cell>
        </row>
        <row r="1786">
          <cell r="C1786">
            <v>1.5839000000000001</v>
          </cell>
          <cell r="AT1786">
            <v>2002</v>
          </cell>
          <cell r="AU1786">
            <v>11</v>
          </cell>
        </row>
        <row r="1787">
          <cell r="C1787">
            <v>1.5786</v>
          </cell>
          <cell r="AT1787">
            <v>2002</v>
          </cell>
          <cell r="AU1787">
            <v>11</v>
          </cell>
        </row>
        <row r="1788">
          <cell r="C1788">
            <v>1.5802</v>
          </cell>
          <cell r="AT1788">
            <v>2002</v>
          </cell>
          <cell r="AU1788">
            <v>11</v>
          </cell>
        </row>
        <row r="1789">
          <cell r="C1789">
            <v>1.5802</v>
          </cell>
          <cell r="AT1789">
            <v>2002</v>
          </cell>
          <cell r="AU1789">
            <v>11</v>
          </cell>
        </row>
        <row r="1790">
          <cell r="C1790">
            <v>1.5802</v>
          </cell>
          <cell r="AT1790">
            <v>2002</v>
          </cell>
          <cell r="AU1790">
            <v>11</v>
          </cell>
        </row>
        <row r="1791">
          <cell r="C1791">
            <v>1.5732999999999999</v>
          </cell>
          <cell r="AT1791">
            <v>2002</v>
          </cell>
          <cell r="AU1791">
            <v>11</v>
          </cell>
        </row>
        <row r="1792">
          <cell r="C1792">
            <v>1.5718000000000001</v>
          </cell>
          <cell r="AT1792">
            <v>2002</v>
          </cell>
          <cell r="AU1792">
            <v>11</v>
          </cell>
        </row>
        <row r="1793">
          <cell r="C1793">
            <v>1.5747</v>
          </cell>
          <cell r="AT1793">
            <v>2002</v>
          </cell>
          <cell r="AU1793">
            <v>11</v>
          </cell>
        </row>
        <row r="1794">
          <cell r="C1794">
            <v>1.5739000000000001</v>
          </cell>
          <cell r="AT1794">
            <v>2002</v>
          </cell>
          <cell r="AU1794">
            <v>11</v>
          </cell>
        </row>
        <row r="1795">
          <cell r="C1795">
            <v>1.5653999999999999</v>
          </cell>
          <cell r="AT1795">
            <v>2002</v>
          </cell>
          <cell r="AU1795">
            <v>11</v>
          </cell>
        </row>
        <row r="1796">
          <cell r="C1796">
            <v>1.5653999999999999</v>
          </cell>
          <cell r="AT1796">
            <v>2002</v>
          </cell>
          <cell r="AU1796">
            <v>12</v>
          </cell>
        </row>
        <row r="1797">
          <cell r="C1797">
            <v>1.5653999999999999</v>
          </cell>
          <cell r="AT1797">
            <v>2002</v>
          </cell>
          <cell r="AU1797">
            <v>12</v>
          </cell>
        </row>
        <row r="1798">
          <cell r="C1798">
            <v>1.5593999999999999</v>
          </cell>
          <cell r="AT1798">
            <v>2002</v>
          </cell>
          <cell r="AU1798">
            <v>12</v>
          </cell>
        </row>
        <row r="1799">
          <cell r="C1799">
            <v>1.5569999999999999</v>
          </cell>
          <cell r="AT1799">
            <v>2002</v>
          </cell>
          <cell r="AU1799">
            <v>12</v>
          </cell>
        </row>
        <row r="1800">
          <cell r="C1800">
            <v>1.5573999999999999</v>
          </cell>
          <cell r="AT1800">
            <v>2002</v>
          </cell>
          <cell r="AU1800">
            <v>12</v>
          </cell>
        </row>
        <row r="1801">
          <cell r="C1801">
            <v>1.5610999999999999</v>
          </cell>
          <cell r="AT1801">
            <v>2002</v>
          </cell>
          <cell r="AU1801">
            <v>12</v>
          </cell>
        </row>
        <row r="1802">
          <cell r="C1802">
            <v>1.5657000000000001</v>
          </cell>
          <cell r="AT1802">
            <v>2002</v>
          </cell>
          <cell r="AU1802">
            <v>12</v>
          </cell>
        </row>
        <row r="1803">
          <cell r="C1803">
            <v>1.5657000000000001</v>
          </cell>
          <cell r="AT1803">
            <v>2002</v>
          </cell>
          <cell r="AU1803">
            <v>12</v>
          </cell>
        </row>
        <row r="1804">
          <cell r="C1804">
            <v>1.5657000000000001</v>
          </cell>
          <cell r="AT1804">
            <v>2002</v>
          </cell>
          <cell r="AU1804">
            <v>12</v>
          </cell>
        </row>
        <row r="1805">
          <cell r="C1805">
            <v>1.5615000000000001</v>
          </cell>
          <cell r="AT1805">
            <v>2002</v>
          </cell>
          <cell r="AU1805">
            <v>12</v>
          </cell>
        </row>
        <row r="1806">
          <cell r="C1806">
            <v>1.5610999999999999</v>
          </cell>
          <cell r="AT1806">
            <v>2002</v>
          </cell>
          <cell r="AU1806">
            <v>12</v>
          </cell>
        </row>
        <row r="1807">
          <cell r="C1807">
            <v>1.5558000000000001</v>
          </cell>
          <cell r="AT1807">
            <v>2002</v>
          </cell>
          <cell r="AU1807">
            <v>12</v>
          </cell>
        </row>
        <row r="1808">
          <cell r="C1808">
            <v>1.5548</v>
          </cell>
          <cell r="AT1808">
            <v>2002</v>
          </cell>
          <cell r="AU1808">
            <v>12</v>
          </cell>
        </row>
        <row r="1809">
          <cell r="C1809">
            <v>1.5602</v>
          </cell>
          <cell r="AT1809">
            <v>2002</v>
          </cell>
          <cell r="AU1809">
            <v>12</v>
          </cell>
        </row>
        <row r="1810">
          <cell r="C1810">
            <v>1.5602</v>
          </cell>
          <cell r="AT1810">
            <v>2002</v>
          </cell>
          <cell r="AU1810">
            <v>12</v>
          </cell>
        </row>
        <row r="1811">
          <cell r="C1811">
            <v>1.5602</v>
          </cell>
          <cell r="AT1811">
            <v>2002</v>
          </cell>
          <cell r="AU1811">
            <v>12</v>
          </cell>
        </row>
        <row r="1812">
          <cell r="C1812">
            <v>1.5625</v>
          </cell>
          <cell r="AT1812">
            <v>2002</v>
          </cell>
          <cell r="AU1812">
            <v>12</v>
          </cell>
        </row>
        <row r="1813">
          <cell r="C1813">
            <v>1.5508999999999999</v>
          </cell>
          <cell r="AT1813">
            <v>2002</v>
          </cell>
          <cell r="AU1813">
            <v>12</v>
          </cell>
        </row>
        <row r="1814">
          <cell r="C1814">
            <v>1.5537000000000001</v>
          </cell>
          <cell r="AT1814">
            <v>2002</v>
          </cell>
          <cell r="AU1814">
            <v>12</v>
          </cell>
        </row>
        <row r="1815">
          <cell r="C1815">
            <v>1.5475000000000001</v>
          </cell>
          <cell r="AT1815">
            <v>2002</v>
          </cell>
          <cell r="AU1815">
            <v>12</v>
          </cell>
        </row>
        <row r="1816">
          <cell r="C1816">
            <v>1.5524</v>
          </cell>
          <cell r="AT1816">
            <v>2002</v>
          </cell>
          <cell r="AU1816">
            <v>12</v>
          </cell>
        </row>
        <row r="1817">
          <cell r="C1817">
            <v>1.5524</v>
          </cell>
          <cell r="AT1817">
            <v>2002</v>
          </cell>
          <cell r="AU1817">
            <v>12</v>
          </cell>
        </row>
        <row r="1818">
          <cell r="C1818">
            <v>1.5524</v>
          </cell>
          <cell r="AT1818">
            <v>2002</v>
          </cell>
          <cell r="AU1818">
            <v>12</v>
          </cell>
        </row>
        <row r="1819">
          <cell r="C1819">
            <v>1.5504</v>
          </cell>
          <cell r="AT1819">
            <v>2002</v>
          </cell>
          <cell r="AU1819">
            <v>12</v>
          </cell>
        </row>
        <row r="1820">
          <cell r="C1820">
            <v>1.548</v>
          </cell>
          <cell r="AT1820">
            <v>2002</v>
          </cell>
          <cell r="AU1820">
            <v>12</v>
          </cell>
        </row>
        <row r="1821">
          <cell r="C1821">
            <v>1.548</v>
          </cell>
          <cell r="AT1821">
            <v>2002</v>
          </cell>
          <cell r="AU1821">
            <v>12</v>
          </cell>
        </row>
        <row r="1822">
          <cell r="C1822">
            <v>1.548</v>
          </cell>
          <cell r="AT1822">
            <v>2002</v>
          </cell>
          <cell r="AU1822">
            <v>12</v>
          </cell>
        </row>
        <row r="1823">
          <cell r="C1823">
            <v>1.5684</v>
          </cell>
          <cell r="AT1823">
            <v>2002</v>
          </cell>
          <cell r="AU1823">
            <v>12</v>
          </cell>
        </row>
        <row r="1824">
          <cell r="C1824">
            <v>1.5684</v>
          </cell>
          <cell r="AT1824">
            <v>2002</v>
          </cell>
          <cell r="AU1824">
            <v>12</v>
          </cell>
        </row>
        <row r="1825">
          <cell r="C1825">
            <v>1.5684</v>
          </cell>
          <cell r="AT1825">
            <v>2002</v>
          </cell>
          <cell r="AU1825">
            <v>12</v>
          </cell>
        </row>
        <row r="1826">
          <cell r="C1826">
            <v>1.5789</v>
          </cell>
          <cell r="AT1826">
            <v>2002</v>
          </cell>
          <cell r="AU1826">
            <v>12</v>
          </cell>
        </row>
        <row r="1827">
          <cell r="C1827">
            <v>1.5795999999999999</v>
          </cell>
          <cell r="AT1827">
            <v>2003</v>
          </cell>
          <cell r="AU1827">
            <v>1</v>
          </cell>
        </row>
        <row r="1828">
          <cell r="C1828">
            <v>1.5795999999999999</v>
          </cell>
          <cell r="AT1828">
            <v>2003</v>
          </cell>
          <cell r="AU1828">
            <v>1</v>
          </cell>
        </row>
        <row r="1829">
          <cell r="C1829">
            <v>1.5747</v>
          </cell>
          <cell r="AT1829">
            <v>2003</v>
          </cell>
          <cell r="AU1829">
            <v>1</v>
          </cell>
        </row>
        <row r="1830">
          <cell r="C1830">
            <v>1.5665</v>
          </cell>
          <cell r="AT1830">
            <v>2003</v>
          </cell>
          <cell r="AU1830">
            <v>1</v>
          </cell>
        </row>
        <row r="1831">
          <cell r="C1831">
            <v>1.5665</v>
          </cell>
          <cell r="AT1831">
            <v>2003</v>
          </cell>
          <cell r="AU1831">
            <v>1</v>
          </cell>
        </row>
        <row r="1832">
          <cell r="C1832">
            <v>1.5665</v>
          </cell>
          <cell r="AT1832">
            <v>2003</v>
          </cell>
          <cell r="AU1832">
            <v>1</v>
          </cell>
        </row>
        <row r="1833">
          <cell r="C1833">
            <v>1.5596000000000001</v>
          </cell>
          <cell r="AT1833">
            <v>2003</v>
          </cell>
          <cell r="AU1833">
            <v>1</v>
          </cell>
        </row>
        <row r="1834">
          <cell r="C1834">
            <v>1.5591999999999999</v>
          </cell>
          <cell r="AT1834">
            <v>2003</v>
          </cell>
          <cell r="AU1834">
            <v>1</v>
          </cell>
        </row>
        <row r="1835">
          <cell r="C1835">
            <v>1.5612999999999999</v>
          </cell>
          <cell r="AT1835">
            <v>2003</v>
          </cell>
          <cell r="AU1835">
            <v>1</v>
          </cell>
        </row>
        <row r="1836">
          <cell r="C1836">
            <v>1.5537000000000001</v>
          </cell>
          <cell r="AT1836">
            <v>2003</v>
          </cell>
          <cell r="AU1836">
            <v>1</v>
          </cell>
        </row>
        <row r="1837">
          <cell r="C1837">
            <v>1.55</v>
          </cell>
          <cell r="AT1837">
            <v>2003</v>
          </cell>
          <cell r="AU1837">
            <v>1</v>
          </cell>
        </row>
        <row r="1838">
          <cell r="C1838">
            <v>1.55</v>
          </cell>
          <cell r="AT1838">
            <v>2003</v>
          </cell>
          <cell r="AU1838">
            <v>1</v>
          </cell>
        </row>
        <row r="1839">
          <cell r="C1839">
            <v>1.55</v>
          </cell>
          <cell r="AT1839">
            <v>2003</v>
          </cell>
          <cell r="AU1839">
            <v>1</v>
          </cell>
        </row>
        <row r="1840">
          <cell r="C1840">
            <v>1.5418000000000001</v>
          </cell>
          <cell r="AT1840">
            <v>2003</v>
          </cell>
          <cell r="AU1840">
            <v>1</v>
          </cell>
        </row>
        <row r="1841">
          <cell r="C1841">
            <v>1.5397000000000001</v>
          </cell>
          <cell r="AT1841">
            <v>2003</v>
          </cell>
          <cell r="AU1841">
            <v>1</v>
          </cell>
        </row>
        <row r="1842">
          <cell r="C1842">
            <v>1.5351999999999999</v>
          </cell>
          <cell r="AT1842">
            <v>2003</v>
          </cell>
          <cell r="AU1842">
            <v>1</v>
          </cell>
        </row>
        <row r="1843">
          <cell r="C1843">
            <v>1.5363</v>
          </cell>
          <cell r="AT1843">
            <v>2003</v>
          </cell>
          <cell r="AU1843">
            <v>1</v>
          </cell>
        </row>
        <row r="1844">
          <cell r="C1844">
            <v>1.5354000000000001</v>
          </cell>
          <cell r="AT1844">
            <v>2003</v>
          </cell>
          <cell r="AU1844">
            <v>1</v>
          </cell>
        </row>
        <row r="1845">
          <cell r="C1845">
            <v>1.5354000000000001</v>
          </cell>
          <cell r="AT1845">
            <v>2003</v>
          </cell>
          <cell r="AU1845">
            <v>1</v>
          </cell>
        </row>
        <row r="1846">
          <cell r="C1846">
            <v>1.5354000000000001</v>
          </cell>
          <cell r="AT1846">
            <v>2003</v>
          </cell>
          <cell r="AU1846">
            <v>1</v>
          </cell>
        </row>
        <row r="1847">
          <cell r="C1847">
            <v>1.5347</v>
          </cell>
          <cell r="AT1847">
            <v>2003</v>
          </cell>
          <cell r="AU1847">
            <v>1</v>
          </cell>
        </row>
        <row r="1848">
          <cell r="C1848">
            <v>1.5329999999999999</v>
          </cell>
          <cell r="AT1848">
            <v>2003</v>
          </cell>
          <cell r="AU1848">
            <v>1</v>
          </cell>
        </row>
        <row r="1849">
          <cell r="C1849">
            <v>1.532</v>
          </cell>
          <cell r="AT1849">
            <v>2003</v>
          </cell>
          <cell r="AU1849">
            <v>1</v>
          </cell>
        </row>
        <row r="1850">
          <cell r="C1850">
            <v>1.5238</v>
          </cell>
          <cell r="AT1850">
            <v>2003</v>
          </cell>
          <cell r="AU1850">
            <v>1</v>
          </cell>
        </row>
        <row r="1851">
          <cell r="C1851">
            <v>1.5221</v>
          </cell>
          <cell r="AT1851">
            <v>2003</v>
          </cell>
          <cell r="AU1851">
            <v>1</v>
          </cell>
        </row>
        <row r="1852">
          <cell r="C1852">
            <v>1.5221</v>
          </cell>
          <cell r="AT1852">
            <v>2003</v>
          </cell>
          <cell r="AU1852">
            <v>1</v>
          </cell>
        </row>
        <row r="1853">
          <cell r="C1853">
            <v>1.5221</v>
          </cell>
          <cell r="AT1853">
            <v>2003</v>
          </cell>
          <cell r="AU1853">
            <v>1</v>
          </cell>
        </row>
        <row r="1854">
          <cell r="C1854">
            <v>1.5247999999999999</v>
          </cell>
          <cell r="AT1854">
            <v>2003</v>
          </cell>
          <cell r="AU1854">
            <v>1</v>
          </cell>
        </row>
        <row r="1855">
          <cell r="C1855">
            <v>1.536</v>
          </cell>
          <cell r="AT1855">
            <v>2003</v>
          </cell>
          <cell r="AU1855">
            <v>1</v>
          </cell>
        </row>
        <row r="1856">
          <cell r="C1856">
            <v>1.5226999999999999</v>
          </cell>
          <cell r="AT1856">
            <v>2003</v>
          </cell>
          <cell r="AU1856">
            <v>1</v>
          </cell>
        </row>
        <row r="1857">
          <cell r="C1857">
            <v>1.5308999999999999</v>
          </cell>
          <cell r="AT1857">
            <v>2003</v>
          </cell>
          <cell r="AU1857">
            <v>1</v>
          </cell>
        </row>
        <row r="1858">
          <cell r="C1858">
            <v>1.5289999999999999</v>
          </cell>
          <cell r="AT1858">
            <v>2003</v>
          </cell>
          <cell r="AU1858">
            <v>2</v>
          </cell>
        </row>
        <row r="1859">
          <cell r="C1859">
            <v>1.5289999999999999</v>
          </cell>
          <cell r="AT1859">
            <v>2003</v>
          </cell>
          <cell r="AU1859">
            <v>2</v>
          </cell>
        </row>
        <row r="1860">
          <cell r="C1860">
            <v>1.5289999999999999</v>
          </cell>
          <cell r="AT1860">
            <v>2003</v>
          </cell>
          <cell r="AU1860">
            <v>2</v>
          </cell>
        </row>
        <row r="1861">
          <cell r="C1861">
            <v>1.5201</v>
          </cell>
          <cell r="AT1861">
            <v>2003</v>
          </cell>
          <cell r="AU1861">
            <v>2</v>
          </cell>
        </row>
        <row r="1862">
          <cell r="C1862">
            <v>1.5143</v>
          </cell>
          <cell r="AT1862">
            <v>2003</v>
          </cell>
          <cell r="AU1862">
            <v>2</v>
          </cell>
        </row>
        <row r="1863">
          <cell r="C1863">
            <v>1.5195000000000001</v>
          </cell>
          <cell r="AT1863">
            <v>2003</v>
          </cell>
          <cell r="AU1863">
            <v>2</v>
          </cell>
        </row>
        <row r="1864">
          <cell r="C1864">
            <v>1.5215000000000001</v>
          </cell>
          <cell r="AT1864">
            <v>2003</v>
          </cell>
          <cell r="AU1864">
            <v>2</v>
          </cell>
        </row>
        <row r="1865">
          <cell r="C1865">
            <v>1.5210999999999999</v>
          </cell>
          <cell r="AT1865">
            <v>2003</v>
          </cell>
          <cell r="AU1865">
            <v>2</v>
          </cell>
        </row>
        <row r="1866">
          <cell r="C1866">
            <v>1.5210999999999999</v>
          </cell>
          <cell r="AT1866">
            <v>2003</v>
          </cell>
          <cell r="AU1866">
            <v>2</v>
          </cell>
        </row>
        <row r="1867">
          <cell r="C1867">
            <v>1.5210999999999999</v>
          </cell>
          <cell r="AT1867">
            <v>2003</v>
          </cell>
          <cell r="AU1867">
            <v>2</v>
          </cell>
        </row>
        <row r="1868">
          <cell r="C1868">
            <v>1.5310999999999999</v>
          </cell>
          <cell r="AT1868">
            <v>2003</v>
          </cell>
          <cell r="AU1868">
            <v>2</v>
          </cell>
        </row>
        <row r="1869">
          <cell r="C1869">
            <v>1.5301</v>
          </cell>
          <cell r="AT1869">
            <v>2003</v>
          </cell>
          <cell r="AU1869">
            <v>2</v>
          </cell>
        </row>
        <row r="1870">
          <cell r="C1870">
            <v>1.5286999999999999</v>
          </cell>
          <cell r="AT1870">
            <v>2003</v>
          </cell>
          <cell r="AU1870">
            <v>2</v>
          </cell>
        </row>
        <row r="1871">
          <cell r="C1871">
            <v>1.5195000000000001</v>
          </cell>
          <cell r="AT1871">
            <v>2003</v>
          </cell>
          <cell r="AU1871">
            <v>2</v>
          </cell>
        </row>
        <row r="1872">
          <cell r="C1872">
            <v>1.5187999999999999</v>
          </cell>
          <cell r="AT1872">
            <v>2003</v>
          </cell>
          <cell r="AU1872">
            <v>2</v>
          </cell>
        </row>
        <row r="1873">
          <cell r="C1873">
            <v>1.5187999999999999</v>
          </cell>
          <cell r="AT1873">
            <v>2003</v>
          </cell>
          <cell r="AU1873">
            <v>2</v>
          </cell>
        </row>
        <row r="1874">
          <cell r="C1874">
            <v>1.5187999999999999</v>
          </cell>
          <cell r="AT1874">
            <v>2003</v>
          </cell>
          <cell r="AU1874">
            <v>2</v>
          </cell>
        </row>
        <row r="1875">
          <cell r="C1875">
            <v>1.5208999999999999</v>
          </cell>
          <cell r="AT1875">
            <v>2003</v>
          </cell>
          <cell r="AU1875">
            <v>2</v>
          </cell>
        </row>
        <row r="1876">
          <cell r="C1876">
            <v>1.5147999999999999</v>
          </cell>
          <cell r="AT1876">
            <v>2003</v>
          </cell>
          <cell r="AU1876">
            <v>2</v>
          </cell>
        </row>
        <row r="1877">
          <cell r="C1877">
            <v>1.5142</v>
          </cell>
          <cell r="AT1877">
            <v>2003</v>
          </cell>
          <cell r="AU1877">
            <v>2</v>
          </cell>
        </row>
        <row r="1878">
          <cell r="C1878">
            <v>1.5043</v>
          </cell>
          <cell r="AT1878">
            <v>2003</v>
          </cell>
          <cell r="AU1878">
            <v>2</v>
          </cell>
        </row>
        <row r="1879">
          <cell r="C1879">
            <v>1.5054000000000001</v>
          </cell>
          <cell r="AT1879">
            <v>2003</v>
          </cell>
          <cell r="AU1879">
            <v>2</v>
          </cell>
        </row>
        <row r="1880">
          <cell r="C1880">
            <v>1.5054000000000001</v>
          </cell>
          <cell r="AT1880">
            <v>2003</v>
          </cell>
          <cell r="AU1880">
            <v>2</v>
          </cell>
        </row>
        <row r="1881">
          <cell r="C1881">
            <v>1.5054000000000001</v>
          </cell>
          <cell r="AT1881">
            <v>2003</v>
          </cell>
          <cell r="AU1881">
            <v>2</v>
          </cell>
        </row>
        <row r="1882">
          <cell r="C1882">
            <v>1.4943</v>
          </cell>
          <cell r="AT1882">
            <v>2003</v>
          </cell>
          <cell r="AU1882">
            <v>2</v>
          </cell>
        </row>
        <row r="1883">
          <cell r="C1883">
            <v>1.4925999999999999</v>
          </cell>
          <cell r="AT1883">
            <v>2003</v>
          </cell>
          <cell r="AU1883">
            <v>2</v>
          </cell>
        </row>
        <row r="1884">
          <cell r="C1884">
            <v>1.4935</v>
          </cell>
          <cell r="AT1884">
            <v>2003</v>
          </cell>
          <cell r="AU1884">
            <v>2</v>
          </cell>
        </row>
        <row r="1885">
          <cell r="C1885">
            <v>1.4952000000000001</v>
          </cell>
          <cell r="AT1885">
            <v>2003</v>
          </cell>
          <cell r="AU1885">
            <v>2</v>
          </cell>
        </row>
        <row r="1886">
          <cell r="C1886">
            <v>1.4871000000000001</v>
          </cell>
          <cell r="AT1886">
            <v>2003</v>
          </cell>
          <cell r="AU1886">
            <v>3</v>
          </cell>
        </row>
        <row r="1887">
          <cell r="C1887">
            <v>1.4871000000000001</v>
          </cell>
          <cell r="AT1887">
            <v>2003</v>
          </cell>
          <cell r="AU1887">
            <v>3</v>
          </cell>
        </row>
        <row r="1888">
          <cell r="C1888">
            <v>1.4871000000000001</v>
          </cell>
          <cell r="AT1888">
            <v>2003</v>
          </cell>
          <cell r="AU1888">
            <v>3</v>
          </cell>
        </row>
        <row r="1889">
          <cell r="C1889">
            <v>1.4845999999999999</v>
          </cell>
          <cell r="AT1889">
            <v>2003</v>
          </cell>
          <cell r="AU1889">
            <v>3</v>
          </cell>
        </row>
        <row r="1890">
          <cell r="C1890">
            <v>1.4772000000000001</v>
          </cell>
          <cell r="AT1890">
            <v>2003</v>
          </cell>
          <cell r="AU1890">
            <v>3</v>
          </cell>
        </row>
        <row r="1891">
          <cell r="C1891">
            <v>1.4722999999999999</v>
          </cell>
          <cell r="AT1891">
            <v>2003</v>
          </cell>
          <cell r="AU1891">
            <v>3</v>
          </cell>
        </row>
        <row r="1892">
          <cell r="C1892">
            <v>1.4711000000000001</v>
          </cell>
          <cell r="AT1892">
            <v>2003</v>
          </cell>
          <cell r="AU1892">
            <v>3</v>
          </cell>
        </row>
        <row r="1893">
          <cell r="C1893">
            <v>1.4661999999999999</v>
          </cell>
          <cell r="AT1893">
            <v>2003</v>
          </cell>
          <cell r="AU1893">
            <v>3</v>
          </cell>
        </row>
        <row r="1894">
          <cell r="C1894">
            <v>1.4661999999999999</v>
          </cell>
          <cell r="AT1894">
            <v>2003</v>
          </cell>
          <cell r="AU1894">
            <v>3</v>
          </cell>
        </row>
        <row r="1895">
          <cell r="C1895">
            <v>1.4661999999999999</v>
          </cell>
          <cell r="AT1895">
            <v>2003</v>
          </cell>
          <cell r="AU1895">
            <v>3</v>
          </cell>
        </row>
        <row r="1896">
          <cell r="C1896">
            <v>1.4656</v>
          </cell>
          <cell r="AT1896">
            <v>2003</v>
          </cell>
          <cell r="AU1896">
            <v>3</v>
          </cell>
        </row>
        <row r="1897">
          <cell r="C1897">
            <v>1.4721</v>
          </cell>
          <cell r="AT1897">
            <v>2003</v>
          </cell>
          <cell r="AU1897">
            <v>3</v>
          </cell>
        </row>
        <row r="1898">
          <cell r="C1898">
            <v>1.4722999999999999</v>
          </cell>
          <cell r="AT1898">
            <v>2003</v>
          </cell>
          <cell r="AU1898">
            <v>3</v>
          </cell>
        </row>
        <row r="1899">
          <cell r="C1899">
            <v>1.4850000000000001</v>
          </cell>
          <cell r="AT1899">
            <v>2003</v>
          </cell>
          <cell r="AU1899">
            <v>3</v>
          </cell>
        </row>
        <row r="1900">
          <cell r="C1900">
            <v>1.4822</v>
          </cell>
          <cell r="AT1900">
            <v>2003</v>
          </cell>
          <cell r="AU1900">
            <v>3</v>
          </cell>
        </row>
        <row r="1901">
          <cell r="C1901">
            <v>1.4822</v>
          </cell>
          <cell r="AT1901">
            <v>2003</v>
          </cell>
          <cell r="AU1901">
            <v>3</v>
          </cell>
        </row>
        <row r="1902">
          <cell r="C1902">
            <v>1.4822</v>
          </cell>
          <cell r="AT1902">
            <v>2003</v>
          </cell>
          <cell r="AU1902">
            <v>3</v>
          </cell>
        </row>
        <row r="1903">
          <cell r="C1903">
            <v>1.4835</v>
          </cell>
          <cell r="AT1903">
            <v>2003</v>
          </cell>
          <cell r="AU1903">
            <v>3</v>
          </cell>
        </row>
        <row r="1904">
          <cell r="C1904">
            <v>1.4785999999999999</v>
          </cell>
          <cell r="AT1904">
            <v>2003</v>
          </cell>
          <cell r="AU1904">
            <v>3</v>
          </cell>
        </row>
        <row r="1905">
          <cell r="C1905">
            <v>1.4803999999999999</v>
          </cell>
          <cell r="AT1905">
            <v>2003</v>
          </cell>
          <cell r="AU1905">
            <v>3</v>
          </cell>
        </row>
        <row r="1906">
          <cell r="C1906">
            <v>1.4783999999999999</v>
          </cell>
          <cell r="AT1906">
            <v>2003</v>
          </cell>
          <cell r="AU1906">
            <v>3</v>
          </cell>
        </row>
        <row r="1907">
          <cell r="C1907">
            <v>1.4906999999999999</v>
          </cell>
          <cell r="AT1907">
            <v>2003</v>
          </cell>
          <cell r="AU1907">
            <v>3</v>
          </cell>
        </row>
        <row r="1908">
          <cell r="C1908">
            <v>1.4906999999999999</v>
          </cell>
          <cell r="AT1908">
            <v>2003</v>
          </cell>
          <cell r="AU1908">
            <v>3</v>
          </cell>
        </row>
        <row r="1909">
          <cell r="C1909">
            <v>1.4906999999999999</v>
          </cell>
          <cell r="AT1909">
            <v>2003</v>
          </cell>
          <cell r="AU1909">
            <v>3</v>
          </cell>
        </row>
        <row r="1910">
          <cell r="C1910">
            <v>1.4801</v>
          </cell>
          <cell r="AT1910">
            <v>2003</v>
          </cell>
          <cell r="AU1910">
            <v>3</v>
          </cell>
        </row>
        <row r="1911">
          <cell r="C1911">
            <v>1.4775</v>
          </cell>
          <cell r="AT1911">
            <v>2003</v>
          </cell>
          <cell r="AU1911">
            <v>3</v>
          </cell>
        </row>
        <row r="1912">
          <cell r="C1912">
            <v>1.4710000000000001</v>
          </cell>
          <cell r="AT1912">
            <v>2003</v>
          </cell>
          <cell r="AU1912">
            <v>3</v>
          </cell>
        </row>
        <row r="1913">
          <cell r="C1913">
            <v>1.4681999999999999</v>
          </cell>
          <cell r="AT1913">
            <v>2003</v>
          </cell>
          <cell r="AU1913">
            <v>3</v>
          </cell>
        </row>
        <row r="1914">
          <cell r="C1914">
            <v>1.4678</v>
          </cell>
          <cell r="AT1914">
            <v>2003</v>
          </cell>
          <cell r="AU1914">
            <v>3</v>
          </cell>
        </row>
        <row r="1915">
          <cell r="C1915">
            <v>1.4678</v>
          </cell>
          <cell r="AT1915">
            <v>2003</v>
          </cell>
          <cell r="AU1915">
            <v>3</v>
          </cell>
        </row>
        <row r="1916">
          <cell r="C1916">
            <v>1.4678</v>
          </cell>
          <cell r="AT1916">
            <v>2003</v>
          </cell>
          <cell r="AU1916">
            <v>3</v>
          </cell>
        </row>
        <row r="1917">
          <cell r="C1917">
            <v>1.4693000000000001</v>
          </cell>
          <cell r="AT1917">
            <v>2003</v>
          </cell>
          <cell r="AU1917">
            <v>4</v>
          </cell>
        </row>
        <row r="1918">
          <cell r="C1918">
            <v>1.4725999999999999</v>
          </cell>
          <cell r="AT1918">
            <v>2003</v>
          </cell>
          <cell r="AU1918">
            <v>4</v>
          </cell>
        </row>
        <row r="1919">
          <cell r="C1919">
            <v>1.4761</v>
          </cell>
          <cell r="AT1919">
            <v>2003</v>
          </cell>
          <cell r="AU1919">
            <v>4</v>
          </cell>
        </row>
        <row r="1920">
          <cell r="C1920">
            <v>1.4752000000000001</v>
          </cell>
          <cell r="AT1920">
            <v>2003</v>
          </cell>
          <cell r="AU1920">
            <v>4</v>
          </cell>
        </row>
        <row r="1921">
          <cell r="C1921">
            <v>1.4719</v>
          </cell>
          <cell r="AT1921">
            <v>2003</v>
          </cell>
          <cell r="AU1921">
            <v>4</v>
          </cell>
        </row>
        <row r="1922">
          <cell r="C1922">
            <v>1.4719</v>
          </cell>
          <cell r="AT1922">
            <v>2003</v>
          </cell>
          <cell r="AU1922">
            <v>4</v>
          </cell>
        </row>
        <row r="1923">
          <cell r="C1923">
            <v>1.4719</v>
          </cell>
          <cell r="AT1923">
            <v>2003</v>
          </cell>
          <cell r="AU1923">
            <v>4</v>
          </cell>
        </row>
        <row r="1924">
          <cell r="C1924">
            <v>1.4845999999999999</v>
          </cell>
          <cell r="AT1924">
            <v>2003</v>
          </cell>
          <cell r="AU1924">
            <v>4</v>
          </cell>
        </row>
        <row r="1925">
          <cell r="C1925">
            <v>1.4679</v>
          </cell>
          <cell r="AT1925">
            <v>2003</v>
          </cell>
          <cell r="AU1925">
            <v>4</v>
          </cell>
        </row>
        <row r="1926">
          <cell r="C1926">
            <v>1.4678</v>
          </cell>
          <cell r="AT1926">
            <v>2003</v>
          </cell>
          <cell r="AU1926">
            <v>4</v>
          </cell>
        </row>
        <row r="1927">
          <cell r="C1927">
            <v>1.4570000000000001</v>
          </cell>
          <cell r="AT1927">
            <v>2003</v>
          </cell>
          <cell r="AU1927">
            <v>4</v>
          </cell>
        </row>
        <row r="1928">
          <cell r="C1928">
            <v>1.4516</v>
          </cell>
          <cell r="AT1928">
            <v>2003</v>
          </cell>
          <cell r="AU1928">
            <v>4</v>
          </cell>
        </row>
        <row r="1929">
          <cell r="C1929">
            <v>1.4516</v>
          </cell>
          <cell r="AT1929">
            <v>2003</v>
          </cell>
          <cell r="AU1929">
            <v>4</v>
          </cell>
        </row>
        <row r="1930">
          <cell r="C1930">
            <v>1.4516</v>
          </cell>
          <cell r="AT1930">
            <v>2003</v>
          </cell>
          <cell r="AU1930">
            <v>4</v>
          </cell>
        </row>
        <row r="1931">
          <cell r="C1931">
            <v>1.4532</v>
          </cell>
          <cell r="AT1931">
            <v>2003</v>
          </cell>
          <cell r="AU1931">
            <v>4</v>
          </cell>
        </row>
        <row r="1932">
          <cell r="C1932">
            <v>1.4515</v>
          </cell>
          <cell r="AT1932">
            <v>2003</v>
          </cell>
          <cell r="AU1932">
            <v>4</v>
          </cell>
        </row>
        <row r="1933">
          <cell r="C1933">
            <v>1.4561999999999999</v>
          </cell>
          <cell r="AT1933">
            <v>2003</v>
          </cell>
          <cell r="AU1933">
            <v>4</v>
          </cell>
        </row>
        <row r="1934">
          <cell r="C1934">
            <v>1.4496</v>
          </cell>
          <cell r="AT1934">
            <v>2003</v>
          </cell>
          <cell r="AU1934">
            <v>4</v>
          </cell>
        </row>
        <row r="1935">
          <cell r="C1935">
            <v>1.4496</v>
          </cell>
          <cell r="AT1935">
            <v>2003</v>
          </cell>
          <cell r="AU1935">
            <v>4</v>
          </cell>
        </row>
        <row r="1936">
          <cell r="C1936">
            <v>1.4496</v>
          </cell>
          <cell r="AT1936">
            <v>2003</v>
          </cell>
          <cell r="AU1936">
            <v>4</v>
          </cell>
        </row>
        <row r="1937">
          <cell r="C1937">
            <v>1.4496</v>
          </cell>
          <cell r="AT1937">
            <v>2003</v>
          </cell>
          <cell r="AU1937">
            <v>4</v>
          </cell>
        </row>
        <row r="1938">
          <cell r="C1938">
            <v>1.4543999999999999</v>
          </cell>
          <cell r="AT1938">
            <v>2003</v>
          </cell>
          <cell r="AU1938">
            <v>4</v>
          </cell>
        </row>
        <row r="1939">
          <cell r="C1939">
            <v>1.4471000000000001</v>
          </cell>
          <cell r="AT1939">
            <v>2003</v>
          </cell>
          <cell r="AU1939">
            <v>4</v>
          </cell>
        </row>
        <row r="1940">
          <cell r="C1940">
            <v>1.4510000000000001</v>
          </cell>
          <cell r="AT1940">
            <v>2003</v>
          </cell>
          <cell r="AU1940">
            <v>4</v>
          </cell>
        </row>
        <row r="1941">
          <cell r="C1941">
            <v>1.4579</v>
          </cell>
          <cell r="AT1941">
            <v>2003</v>
          </cell>
          <cell r="AU1941">
            <v>4</v>
          </cell>
        </row>
        <row r="1942">
          <cell r="C1942">
            <v>1.4532</v>
          </cell>
          <cell r="AT1942">
            <v>2003</v>
          </cell>
          <cell r="AU1942">
            <v>4</v>
          </cell>
        </row>
        <row r="1943">
          <cell r="C1943">
            <v>1.4532</v>
          </cell>
          <cell r="AT1943">
            <v>2003</v>
          </cell>
          <cell r="AU1943">
            <v>4</v>
          </cell>
        </row>
        <row r="1944">
          <cell r="C1944">
            <v>1.4532</v>
          </cell>
          <cell r="AT1944">
            <v>2003</v>
          </cell>
          <cell r="AU1944">
            <v>4</v>
          </cell>
        </row>
        <row r="1945">
          <cell r="C1945">
            <v>1.4500999999999999</v>
          </cell>
          <cell r="AT1945">
            <v>2003</v>
          </cell>
          <cell r="AU1945">
            <v>4</v>
          </cell>
        </row>
        <row r="1946">
          <cell r="C1946">
            <v>1.4457</v>
          </cell>
          <cell r="AT1946">
            <v>2003</v>
          </cell>
          <cell r="AU1946">
            <v>4</v>
          </cell>
        </row>
        <row r="1947">
          <cell r="C1947">
            <v>1.4335</v>
          </cell>
          <cell r="AT1947">
            <v>2003</v>
          </cell>
          <cell r="AU1947">
            <v>5</v>
          </cell>
        </row>
        <row r="1948">
          <cell r="C1948">
            <v>1.4188000000000001</v>
          </cell>
          <cell r="AT1948">
            <v>2003</v>
          </cell>
          <cell r="AU1948">
            <v>5</v>
          </cell>
        </row>
        <row r="1949">
          <cell r="C1949">
            <v>1.4222999999999999</v>
          </cell>
          <cell r="AT1949">
            <v>2003</v>
          </cell>
          <cell r="AU1949">
            <v>5</v>
          </cell>
        </row>
        <row r="1950">
          <cell r="C1950">
            <v>1.4222999999999999</v>
          </cell>
          <cell r="AT1950">
            <v>2003</v>
          </cell>
          <cell r="AU1950">
            <v>5</v>
          </cell>
        </row>
        <row r="1951">
          <cell r="C1951">
            <v>1.4222999999999999</v>
          </cell>
          <cell r="AT1951">
            <v>2003</v>
          </cell>
          <cell r="AU1951">
            <v>5</v>
          </cell>
        </row>
        <row r="1952">
          <cell r="C1952">
            <v>1.4132</v>
          </cell>
          <cell r="AT1952">
            <v>2003</v>
          </cell>
          <cell r="AU1952">
            <v>5</v>
          </cell>
        </row>
        <row r="1953">
          <cell r="C1953">
            <v>1.4081999999999999</v>
          </cell>
          <cell r="AT1953">
            <v>2003</v>
          </cell>
          <cell r="AU1953">
            <v>5</v>
          </cell>
        </row>
        <row r="1954">
          <cell r="C1954">
            <v>1.4009</v>
          </cell>
          <cell r="AT1954">
            <v>2003</v>
          </cell>
          <cell r="AU1954">
            <v>5</v>
          </cell>
        </row>
        <row r="1955">
          <cell r="C1955">
            <v>1.3952</v>
          </cell>
          <cell r="AT1955">
            <v>2003</v>
          </cell>
          <cell r="AU1955">
            <v>5</v>
          </cell>
        </row>
        <row r="1956">
          <cell r="C1956">
            <v>1.3927</v>
          </cell>
          <cell r="AT1956">
            <v>2003</v>
          </cell>
          <cell r="AU1956">
            <v>5</v>
          </cell>
        </row>
        <row r="1957">
          <cell r="C1957">
            <v>1.3927</v>
          </cell>
          <cell r="AT1957">
            <v>2003</v>
          </cell>
          <cell r="AU1957">
            <v>5</v>
          </cell>
        </row>
        <row r="1958">
          <cell r="C1958">
            <v>1.3927</v>
          </cell>
          <cell r="AT1958">
            <v>2003</v>
          </cell>
          <cell r="AU1958">
            <v>5</v>
          </cell>
        </row>
        <row r="1959">
          <cell r="C1959">
            <v>1.3887</v>
          </cell>
          <cell r="AT1959">
            <v>2003</v>
          </cell>
          <cell r="AU1959">
            <v>5</v>
          </cell>
        </row>
        <row r="1960">
          <cell r="C1960">
            <v>1.3897999999999999</v>
          </cell>
          <cell r="AT1960">
            <v>2003</v>
          </cell>
          <cell r="AU1960">
            <v>5</v>
          </cell>
        </row>
        <row r="1961">
          <cell r="C1961">
            <v>1.3787</v>
          </cell>
          <cell r="AT1961">
            <v>2003</v>
          </cell>
          <cell r="AU1961">
            <v>5</v>
          </cell>
        </row>
        <row r="1962">
          <cell r="C1962">
            <v>1.3761000000000001</v>
          </cell>
          <cell r="AT1962">
            <v>2003</v>
          </cell>
          <cell r="AU1962">
            <v>5</v>
          </cell>
        </row>
        <row r="1963">
          <cell r="C1963">
            <v>1.3667</v>
          </cell>
          <cell r="AT1963">
            <v>2003</v>
          </cell>
          <cell r="AU1963">
            <v>5</v>
          </cell>
        </row>
        <row r="1964">
          <cell r="C1964">
            <v>1.3667</v>
          </cell>
          <cell r="AT1964">
            <v>2003</v>
          </cell>
          <cell r="AU1964">
            <v>5</v>
          </cell>
        </row>
        <row r="1965">
          <cell r="C1965">
            <v>1.3667</v>
          </cell>
          <cell r="AT1965">
            <v>2003</v>
          </cell>
          <cell r="AU1965">
            <v>5</v>
          </cell>
        </row>
        <row r="1966">
          <cell r="C1966">
            <v>1.3667</v>
          </cell>
          <cell r="AT1966">
            <v>2003</v>
          </cell>
          <cell r="AU1966">
            <v>5</v>
          </cell>
        </row>
        <row r="1967">
          <cell r="C1967">
            <v>1.3446</v>
          </cell>
          <cell r="AT1967">
            <v>2003</v>
          </cell>
          <cell r="AU1967">
            <v>5</v>
          </cell>
        </row>
        <row r="1968">
          <cell r="C1968">
            <v>1.3494999999999999</v>
          </cell>
          <cell r="AT1968">
            <v>2003</v>
          </cell>
          <cell r="AU1968">
            <v>5</v>
          </cell>
        </row>
        <row r="1969">
          <cell r="C1969">
            <v>1.3682000000000001</v>
          </cell>
          <cell r="AT1969">
            <v>2003</v>
          </cell>
          <cell r="AU1969">
            <v>5</v>
          </cell>
        </row>
        <row r="1970">
          <cell r="C1970">
            <v>1.3774999999999999</v>
          </cell>
          <cell r="AT1970">
            <v>2003</v>
          </cell>
          <cell r="AU1970">
            <v>5</v>
          </cell>
        </row>
        <row r="1971">
          <cell r="C1971">
            <v>1.3774999999999999</v>
          </cell>
          <cell r="AT1971">
            <v>2003</v>
          </cell>
          <cell r="AU1971">
            <v>5</v>
          </cell>
        </row>
        <row r="1972">
          <cell r="C1972">
            <v>1.3774999999999999</v>
          </cell>
          <cell r="AT1972">
            <v>2003</v>
          </cell>
          <cell r="AU1972">
            <v>5</v>
          </cell>
        </row>
        <row r="1973">
          <cell r="C1973">
            <v>1.3744000000000001</v>
          </cell>
          <cell r="AT1973">
            <v>2003</v>
          </cell>
          <cell r="AU1973">
            <v>5</v>
          </cell>
        </row>
        <row r="1974">
          <cell r="C1974">
            <v>1.3746</v>
          </cell>
          <cell r="AT1974">
            <v>2003</v>
          </cell>
          <cell r="AU1974">
            <v>5</v>
          </cell>
        </row>
        <row r="1975">
          <cell r="C1975">
            <v>1.3866000000000001</v>
          </cell>
          <cell r="AT1975">
            <v>2003</v>
          </cell>
          <cell r="AU1975">
            <v>5</v>
          </cell>
        </row>
        <row r="1976">
          <cell r="C1976">
            <v>1.3769</v>
          </cell>
          <cell r="AT1976">
            <v>2003</v>
          </cell>
          <cell r="AU1976">
            <v>5</v>
          </cell>
        </row>
        <row r="1977">
          <cell r="C1977">
            <v>1.3708</v>
          </cell>
          <cell r="AT1977">
            <v>2003</v>
          </cell>
          <cell r="AU1977">
            <v>5</v>
          </cell>
        </row>
        <row r="1978">
          <cell r="C1978">
            <v>1.3708</v>
          </cell>
          <cell r="AT1978">
            <v>2003</v>
          </cell>
          <cell r="AU1978">
            <v>6</v>
          </cell>
        </row>
        <row r="1979">
          <cell r="C1979">
            <v>1.3708</v>
          </cell>
          <cell r="AT1979">
            <v>2003</v>
          </cell>
          <cell r="AU1979">
            <v>6</v>
          </cell>
        </row>
        <row r="1980">
          <cell r="C1980">
            <v>1.3694999999999999</v>
          </cell>
          <cell r="AT1980">
            <v>2003</v>
          </cell>
          <cell r="AU1980">
            <v>6</v>
          </cell>
        </row>
        <row r="1981">
          <cell r="C1981">
            <v>1.3757999999999999</v>
          </cell>
          <cell r="AT1981">
            <v>2003</v>
          </cell>
          <cell r="AU1981">
            <v>6</v>
          </cell>
        </row>
        <row r="1982">
          <cell r="C1982">
            <v>1.3573999999999999</v>
          </cell>
          <cell r="AT1982">
            <v>2003</v>
          </cell>
          <cell r="AU1982">
            <v>6</v>
          </cell>
        </row>
        <row r="1983">
          <cell r="C1983">
            <v>1.3401000000000001</v>
          </cell>
          <cell r="AT1983">
            <v>2003</v>
          </cell>
          <cell r="AU1983">
            <v>6</v>
          </cell>
        </row>
        <row r="1984">
          <cell r="C1984">
            <v>1.35</v>
          </cell>
          <cell r="AT1984">
            <v>2003</v>
          </cell>
          <cell r="AU1984">
            <v>6</v>
          </cell>
        </row>
        <row r="1985">
          <cell r="C1985">
            <v>1.35</v>
          </cell>
          <cell r="AT1985">
            <v>2003</v>
          </cell>
          <cell r="AU1985">
            <v>6</v>
          </cell>
        </row>
        <row r="1986">
          <cell r="C1986">
            <v>1.35</v>
          </cell>
          <cell r="AT1986">
            <v>2003</v>
          </cell>
          <cell r="AU1986">
            <v>6</v>
          </cell>
        </row>
        <row r="1987">
          <cell r="C1987">
            <v>1.3584000000000001</v>
          </cell>
          <cell r="AT1987">
            <v>2003</v>
          </cell>
          <cell r="AU1987">
            <v>6</v>
          </cell>
        </row>
        <row r="1988">
          <cell r="C1988">
            <v>1.3648</v>
          </cell>
          <cell r="AT1988">
            <v>2003</v>
          </cell>
          <cell r="AU1988">
            <v>6</v>
          </cell>
        </row>
        <row r="1989">
          <cell r="C1989">
            <v>1.3529</v>
          </cell>
          <cell r="AT1989">
            <v>2003</v>
          </cell>
          <cell r="AU1989">
            <v>6</v>
          </cell>
        </row>
        <row r="1990">
          <cell r="C1990">
            <v>1.3489</v>
          </cell>
          <cell r="AT1990">
            <v>2003</v>
          </cell>
          <cell r="AU1990">
            <v>6</v>
          </cell>
        </row>
        <row r="1991">
          <cell r="C1991">
            <v>1.3361000000000001</v>
          </cell>
          <cell r="AT1991">
            <v>2003</v>
          </cell>
          <cell r="AU1991">
            <v>6</v>
          </cell>
        </row>
        <row r="1992">
          <cell r="C1992">
            <v>1.3361000000000001</v>
          </cell>
          <cell r="AT1992">
            <v>2003</v>
          </cell>
          <cell r="AU1992">
            <v>6</v>
          </cell>
        </row>
        <row r="1993">
          <cell r="C1993">
            <v>1.3361000000000001</v>
          </cell>
          <cell r="AT1993">
            <v>2003</v>
          </cell>
          <cell r="AU1993">
            <v>6</v>
          </cell>
        </row>
        <row r="1994">
          <cell r="C1994">
            <v>1.3391999999999999</v>
          </cell>
          <cell r="AT1994">
            <v>2003</v>
          </cell>
          <cell r="AU1994">
            <v>6</v>
          </cell>
        </row>
        <row r="1995">
          <cell r="C1995">
            <v>1.3395999999999999</v>
          </cell>
          <cell r="AT1995">
            <v>2003</v>
          </cell>
          <cell r="AU1995">
            <v>6</v>
          </cell>
        </row>
        <row r="1996">
          <cell r="C1996">
            <v>1.3342000000000001</v>
          </cell>
          <cell r="AT1996">
            <v>2003</v>
          </cell>
          <cell r="AU1996">
            <v>6</v>
          </cell>
        </row>
        <row r="1997">
          <cell r="C1997">
            <v>1.3495999999999999</v>
          </cell>
          <cell r="AT1997">
            <v>2003</v>
          </cell>
          <cell r="AU1997">
            <v>6</v>
          </cell>
        </row>
        <row r="1998">
          <cell r="C1998">
            <v>1.3592</v>
          </cell>
          <cell r="AT1998">
            <v>2003</v>
          </cell>
          <cell r="AU1998">
            <v>6</v>
          </cell>
        </row>
        <row r="1999">
          <cell r="C1999">
            <v>1.3592</v>
          </cell>
          <cell r="AT1999">
            <v>2003</v>
          </cell>
          <cell r="AU1999">
            <v>6</v>
          </cell>
        </row>
        <row r="2000">
          <cell r="C2000">
            <v>1.3592</v>
          </cell>
          <cell r="AT2000">
            <v>2003</v>
          </cell>
          <cell r="AU2000">
            <v>6</v>
          </cell>
        </row>
        <row r="2001">
          <cell r="C2001">
            <v>1.3562000000000001</v>
          </cell>
          <cell r="AT2001">
            <v>2003</v>
          </cell>
          <cell r="AU2001">
            <v>6</v>
          </cell>
        </row>
        <row r="2002">
          <cell r="C2002">
            <v>1.361</v>
          </cell>
          <cell r="AT2002">
            <v>2003</v>
          </cell>
          <cell r="AU2002">
            <v>6</v>
          </cell>
        </row>
        <row r="2003">
          <cell r="C2003">
            <v>1.3427</v>
          </cell>
          <cell r="AT2003">
            <v>2003</v>
          </cell>
          <cell r="AU2003">
            <v>6</v>
          </cell>
        </row>
        <row r="2004">
          <cell r="C2004">
            <v>1.3539000000000001</v>
          </cell>
          <cell r="AT2004">
            <v>2003</v>
          </cell>
          <cell r="AU2004">
            <v>6</v>
          </cell>
        </row>
        <row r="2005">
          <cell r="C2005">
            <v>1.3489</v>
          </cell>
          <cell r="AT2005">
            <v>2003</v>
          </cell>
          <cell r="AU2005">
            <v>6</v>
          </cell>
        </row>
        <row r="2006">
          <cell r="C2006">
            <v>1.3489</v>
          </cell>
          <cell r="AT2006">
            <v>2003</v>
          </cell>
          <cell r="AU2006">
            <v>6</v>
          </cell>
        </row>
        <row r="2007">
          <cell r="C2007">
            <v>1.3489</v>
          </cell>
          <cell r="AT2007">
            <v>2003</v>
          </cell>
          <cell r="AU2007">
            <v>6</v>
          </cell>
        </row>
        <row r="2008">
          <cell r="C2008">
            <v>1.3552999999999999</v>
          </cell>
          <cell r="AT2008">
            <v>2003</v>
          </cell>
          <cell r="AU2008">
            <v>7</v>
          </cell>
        </row>
        <row r="2009">
          <cell r="C2009">
            <v>1.3552999999999999</v>
          </cell>
          <cell r="AT2009">
            <v>2003</v>
          </cell>
          <cell r="AU2009">
            <v>7</v>
          </cell>
        </row>
        <row r="2010">
          <cell r="C2010">
            <v>1.3363</v>
          </cell>
          <cell r="AT2010">
            <v>2003</v>
          </cell>
          <cell r="AU2010">
            <v>7</v>
          </cell>
        </row>
        <row r="2011">
          <cell r="C2011">
            <v>1.3409</v>
          </cell>
          <cell r="AT2011">
            <v>2003</v>
          </cell>
          <cell r="AU2011">
            <v>7</v>
          </cell>
        </row>
        <row r="2012">
          <cell r="C2012">
            <v>1.3409</v>
          </cell>
          <cell r="AT2012">
            <v>2003</v>
          </cell>
          <cell r="AU2012">
            <v>7</v>
          </cell>
        </row>
        <row r="2013">
          <cell r="C2013">
            <v>1.3409</v>
          </cell>
          <cell r="AT2013">
            <v>2003</v>
          </cell>
          <cell r="AU2013">
            <v>7</v>
          </cell>
        </row>
        <row r="2014">
          <cell r="C2014">
            <v>1.3409</v>
          </cell>
          <cell r="AT2014">
            <v>2003</v>
          </cell>
          <cell r="AU2014">
            <v>7</v>
          </cell>
        </row>
        <row r="2015">
          <cell r="C2015">
            <v>1.3484</v>
          </cell>
          <cell r="AT2015">
            <v>2003</v>
          </cell>
          <cell r="AU2015">
            <v>7</v>
          </cell>
        </row>
        <row r="2016">
          <cell r="C2016">
            <v>1.3691</v>
          </cell>
          <cell r="AT2016">
            <v>2003</v>
          </cell>
          <cell r="AU2016">
            <v>7</v>
          </cell>
        </row>
        <row r="2017">
          <cell r="C2017">
            <v>1.3749</v>
          </cell>
          <cell r="AT2017">
            <v>2003</v>
          </cell>
          <cell r="AU2017">
            <v>7</v>
          </cell>
        </row>
        <row r="2018">
          <cell r="C2018">
            <v>1.3821000000000001</v>
          </cell>
          <cell r="AT2018">
            <v>2003</v>
          </cell>
          <cell r="AU2018">
            <v>7</v>
          </cell>
        </row>
        <row r="2019">
          <cell r="C2019">
            <v>1.3761000000000001</v>
          </cell>
          <cell r="AT2019">
            <v>2003</v>
          </cell>
          <cell r="AU2019">
            <v>7</v>
          </cell>
        </row>
        <row r="2020">
          <cell r="C2020">
            <v>1.3761000000000001</v>
          </cell>
          <cell r="AT2020">
            <v>2003</v>
          </cell>
          <cell r="AU2020">
            <v>7</v>
          </cell>
        </row>
        <row r="2021">
          <cell r="C2021">
            <v>1.3761000000000001</v>
          </cell>
          <cell r="AT2021">
            <v>2003</v>
          </cell>
          <cell r="AU2021">
            <v>7</v>
          </cell>
        </row>
        <row r="2022">
          <cell r="C2022">
            <v>1.3738999999999999</v>
          </cell>
          <cell r="AT2022">
            <v>2003</v>
          </cell>
          <cell r="AU2022">
            <v>7</v>
          </cell>
        </row>
        <row r="2023">
          <cell r="C2023">
            <v>1.3929</v>
          </cell>
          <cell r="AT2023">
            <v>2003</v>
          </cell>
          <cell r="AU2023">
            <v>7</v>
          </cell>
        </row>
        <row r="2024">
          <cell r="C2024">
            <v>1.3861000000000001</v>
          </cell>
          <cell r="AT2024">
            <v>2003</v>
          </cell>
          <cell r="AU2024">
            <v>7</v>
          </cell>
        </row>
        <row r="2025">
          <cell r="C2025">
            <v>1.3971</v>
          </cell>
          <cell r="AT2025">
            <v>2003</v>
          </cell>
          <cell r="AU2025">
            <v>7</v>
          </cell>
        </row>
        <row r="2026">
          <cell r="C2026">
            <v>1.4114</v>
          </cell>
          <cell r="AT2026">
            <v>2003</v>
          </cell>
          <cell r="AU2026">
            <v>7</v>
          </cell>
        </row>
        <row r="2027">
          <cell r="C2027">
            <v>1.4114</v>
          </cell>
          <cell r="AT2027">
            <v>2003</v>
          </cell>
          <cell r="AU2027">
            <v>7</v>
          </cell>
        </row>
        <row r="2028">
          <cell r="C2028">
            <v>1.4114</v>
          </cell>
          <cell r="AT2028">
            <v>2003</v>
          </cell>
          <cell r="AU2028">
            <v>7</v>
          </cell>
        </row>
        <row r="2029">
          <cell r="C2029">
            <v>1.4052</v>
          </cell>
          <cell r="AT2029">
            <v>2003</v>
          </cell>
          <cell r="AU2029">
            <v>7</v>
          </cell>
        </row>
        <row r="2030">
          <cell r="C2030">
            <v>1.4116</v>
          </cell>
          <cell r="AT2030">
            <v>2003</v>
          </cell>
          <cell r="AU2030">
            <v>7</v>
          </cell>
        </row>
        <row r="2031">
          <cell r="C2031">
            <v>1.3991</v>
          </cell>
          <cell r="AT2031">
            <v>2003</v>
          </cell>
          <cell r="AU2031">
            <v>7</v>
          </cell>
        </row>
        <row r="2032">
          <cell r="C2032">
            <v>1.3962000000000001</v>
          </cell>
          <cell r="AT2032">
            <v>2003</v>
          </cell>
          <cell r="AU2032">
            <v>7</v>
          </cell>
        </row>
        <row r="2033">
          <cell r="C2033">
            <v>1.3812</v>
          </cell>
          <cell r="AT2033">
            <v>2003</v>
          </cell>
          <cell r="AU2033">
            <v>7</v>
          </cell>
        </row>
        <row r="2034">
          <cell r="C2034">
            <v>1.3812</v>
          </cell>
          <cell r="AT2034">
            <v>2003</v>
          </cell>
          <cell r="AU2034">
            <v>7</v>
          </cell>
        </row>
        <row r="2035">
          <cell r="C2035">
            <v>1.3812</v>
          </cell>
          <cell r="AT2035">
            <v>2003</v>
          </cell>
          <cell r="AU2035">
            <v>7</v>
          </cell>
        </row>
        <row r="2036">
          <cell r="C2036">
            <v>1.3818999999999999</v>
          </cell>
          <cell r="AT2036">
            <v>2003</v>
          </cell>
          <cell r="AU2036">
            <v>7</v>
          </cell>
        </row>
        <row r="2037">
          <cell r="C2037">
            <v>1.3855</v>
          </cell>
          <cell r="AT2037">
            <v>2003</v>
          </cell>
          <cell r="AU2037">
            <v>7</v>
          </cell>
        </row>
        <row r="2038">
          <cell r="C2038">
            <v>1.3996999999999999</v>
          </cell>
          <cell r="AT2038">
            <v>2003</v>
          </cell>
          <cell r="AU2038">
            <v>7</v>
          </cell>
        </row>
        <row r="2039">
          <cell r="C2039">
            <v>1.4073</v>
          </cell>
          <cell r="AT2039">
            <v>2003</v>
          </cell>
          <cell r="AU2039">
            <v>8</v>
          </cell>
        </row>
        <row r="2040">
          <cell r="C2040">
            <v>1.3964000000000001</v>
          </cell>
          <cell r="AT2040">
            <v>2003</v>
          </cell>
          <cell r="AU2040">
            <v>8</v>
          </cell>
        </row>
        <row r="2041">
          <cell r="C2041">
            <v>1.3964000000000001</v>
          </cell>
          <cell r="AT2041">
            <v>2003</v>
          </cell>
          <cell r="AU2041">
            <v>8</v>
          </cell>
        </row>
        <row r="2042">
          <cell r="C2042">
            <v>1.3964000000000001</v>
          </cell>
          <cell r="AT2042">
            <v>2003</v>
          </cell>
          <cell r="AU2042">
            <v>8</v>
          </cell>
        </row>
        <row r="2043">
          <cell r="C2043">
            <v>1.3964000000000001</v>
          </cell>
          <cell r="AT2043">
            <v>2003</v>
          </cell>
          <cell r="AU2043">
            <v>8</v>
          </cell>
        </row>
        <row r="2044">
          <cell r="C2044">
            <v>1.4043000000000001</v>
          </cell>
          <cell r="AT2044">
            <v>2003</v>
          </cell>
          <cell r="AU2044">
            <v>8</v>
          </cell>
        </row>
        <row r="2045">
          <cell r="C2045">
            <v>1.4057999999999999</v>
          </cell>
          <cell r="AT2045">
            <v>2003</v>
          </cell>
          <cell r="AU2045">
            <v>8</v>
          </cell>
        </row>
        <row r="2046">
          <cell r="C2046">
            <v>1.3932</v>
          </cell>
          <cell r="AT2046">
            <v>2003</v>
          </cell>
          <cell r="AU2046">
            <v>8</v>
          </cell>
        </row>
        <row r="2047">
          <cell r="C2047">
            <v>1.3935</v>
          </cell>
          <cell r="AT2047">
            <v>2003</v>
          </cell>
          <cell r="AU2047">
            <v>8</v>
          </cell>
        </row>
        <row r="2048">
          <cell r="C2048">
            <v>1.3935</v>
          </cell>
          <cell r="AT2048">
            <v>2003</v>
          </cell>
          <cell r="AU2048">
            <v>8</v>
          </cell>
        </row>
        <row r="2049">
          <cell r="C2049">
            <v>1.3935</v>
          </cell>
          <cell r="AT2049">
            <v>2003</v>
          </cell>
          <cell r="AU2049">
            <v>8</v>
          </cell>
        </row>
        <row r="2050">
          <cell r="C2050">
            <v>1.3835</v>
          </cell>
          <cell r="AT2050">
            <v>2003</v>
          </cell>
          <cell r="AU2050">
            <v>8</v>
          </cell>
        </row>
        <row r="2051">
          <cell r="C2051">
            <v>1.3835</v>
          </cell>
          <cell r="AT2051">
            <v>2003</v>
          </cell>
          <cell r="AU2051">
            <v>8</v>
          </cell>
        </row>
        <row r="2052">
          <cell r="C2052">
            <v>1.3852</v>
          </cell>
          <cell r="AT2052">
            <v>2003</v>
          </cell>
          <cell r="AU2052">
            <v>8</v>
          </cell>
        </row>
        <row r="2053">
          <cell r="C2053">
            <v>1.3836999999999999</v>
          </cell>
          <cell r="AT2053">
            <v>2003</v>
          </cell>
          <cell r="AU2053">
            <v>8</v>
          </cell>
        </row>
        <row r="2054">
          <cell r="C2054">
            <v>1.3872</v>
          </cell>
          <cell r="AT2054">
            <v>2003</v>
          </cell>
          <cell r="AU2054">
            <v>8</v>
          </cell>
        </row>
        <row r="2055">
          <cell r="C2055">
            <v>1.3872</v>
          </cell>
          <cell r="AT2055">
            <v>2003</v>
          </cell>
          <cell r="AU2055">
            <v>8</v>
          </cell>
        </row>
        <row r="2056">
          <cell r="C2056">
            <v>1.3872</v>
          </cell>
          <cell r="AT2056">
            <v>2003</v>
          </cell>
          <cell r="AU2056">
            <v>8</v>
          </cell>
        </row>
        <row r="2057">
          <cell r="C2057">
            <v>1.3909</v>
          </cell>
          <cell r="AT2057">
            <v>2003</v>
          </cell>
          <cell r="AU2057">
            <v>8</v>
          </cell>
        </row>
        <row r="2058">
          <cell r="C2058">
            <v>1.4009</v>
          </cell>
          <cell r="AT2058">
            <v>2003</v>
          </cell>
          <cell r="AU2058">
            <v>8</v>
          </cell>
        </row>
        <row r="2059">
          <cell r="C2059">
            <v>1.4024000000000001</v>
          </cell>
          <cell r="AT2059">
            <v>2003</v>
          </cell>
          <cell r="AU2059">
            <v>8</v>
          </cell>
        </row>
        <row r="2060">
          <cell r="C2060">
            <v>1.4074</v>
          </cell>
          <cell r="AT2060">
            <v>2003</v>
          </cell>
          <cell r="AU2060">
            <v>8</v>
          </cell>
        </row>
        <row r="2061">
          <cell r="C2061">
            <v>1.4098999999999999</v>
          </cell>
          <cell r="AT2061">
            <v>2003</v>
          </cell>
          <cell r="AU2061">
            <v>8</v>
          </cell>
        </row>
        <row r="2062">
          <cell r="C2062">
            <v>1.4098999999999999</v>
          </cell>
          <cell r="AT2062">
            <v>2003</v>
          </cell>
          <cell r="AU2062">
            <v>8</v>
          </cell>
        </row>
        <row r="2063">
          <cell r="C2063">
            <v>1.4098999999999999</v>
          </cell>
          <cell r="AT2063">
            <v>2003</v>
          </cell>
          <cell r="AU2063">
            <v>8</v>
          </cell>
        </row>
        <row r="2064">
          <cell r="C2064">
            <v>1.3978999999999999</v>
          </cell>
          <cell r="AT2064">
            <v>2003</v>
          </cell>
          <cell r="AU2064">
            <v>8</v>
          </cell>
        </row>
        <row r="2065">
          <cell r="C2065">
            <v>1.3932</v>
          </cell>
          <cell r="AT2065">
            <v>2003</v>
          </cell>
          <cell r="AU2065">
            <v>8</v>
          </cell>
        </row>
        <row r="2066">
          <cell r="C2066">
            <v>1.4020999999999999</v>
          </cell>
          <cell r="AT2066">
            <v>2003</v>
          </cell>
          <cell r="AU2066">
            <v>8</v>
          </cell>
        </row>
        <row r="2067">
          <cell r="C2067">
            <v>1.397</v>
          </cell>
          <cell r="AT2067">
            <v>2003</v>
          </cell>
          <cell r="AU2067">
            <v>8</v>
          </cell>
        </row>
        <row r="2068">
          <cell r="C2068">
            <v>1.3851</v>
          </cell>
          <cell r="AT2068">
            <v>2003</v>
          </cell>
          <cell r="AU2068">
            <v>8</v>
          </cell>
        </row>
        <row r="2069">
          <cell r="C2069">
            <v>1.3851</v>
          </cell>
          <cell r="AT2069">
            <v>2003</v>
          </cell>
          <cell r="AU2069">
            <v>8</v>
          </cell>
        </row>
        <row r="2070">
          <cell r="C2070">
            <v>1.3851</v>
          </cell>
          <cell r="AT2070">
            <v>2003</v>
          </cell>
          <cell r="AU2070">
            <v>9</v>
          </cell>
        </row>
        <row r="2071">
          <cell r="C2071">
            <v>1.3851</v>
          </cell>
          <cell r="AT2071">
            <v>2003</v>
          </cell>
          <cell r="AU2071">
            <v>9</v>
          </cell>
        </row>
        <row r="2072">
          <cell r="C2072">
            <v>1.3876999999999999</v>
          </cell>
          <cell r="AT2072">
            <v>2003</v>
          </cell>
          <cell r="AU2072">
            <v>9</v>
          </cell>
        </row>
        <row r="2073">
          <cell r="C2073">
            <v>1.3812</v>
          </cell>
          <cell r="AT2073">
            <v>2003</v>
          </cell>
          <cell r="AU2073">
            <v>9</v>
          </cell>
        </row>
        <row r="2074">
          <cell r="C2074">
            <v>1.3731</v>
          </cell>
          <cell r="AT2074">
            <v>2003</v>
          </cell>
          <cell r="AU2074">
            <v>9</v>
          </cell>
        </row>
        <row r="2075">
          <cell r="C2075">
            <v>1.3711</v>
          </cell>
          <cell r="AT2075">
            <v>2003</v>
          </cell>
          <cell r="AU2075">
            <v>9</v>
          </cell>
        </row>
        <row r="2076">
          <cell r="C2076">
            <v>1.3711</v>
          </cell>
          <cell r="AT2076">
            <v>2003</v>
          </cell>
          <cell r="AU2076">
            <v>9</v>
          </cell>
        </row>
        <row r="2077">
          <cell r="C2077">
            <v>1.3711</v>
          </cell>
          <cell r="AT2077">
            <v>2003</v>
          </cell>
          <cell r="AU2077">
            <v>9</v>
          </cell>
        </row>
        <row r="2078">
          <cell r="C2078">
            <v>1.3707</v>
          </cell>
          <cell r="AT2078">
            <v>2003</v>
          </cell>
          <cell r="AU2078">
            <v>9</v>
          </cell>
        </row>
        <row r="2079">
          <cell r="C2079">
            <v>1.3671</v>
          </cell>
          <cell r="AT2079">
            <v>2003</v>
          </cell>
          <cell r="AU2079">
            <v>9</v>
          </cell>
        </row>
        <row r="2080">
          <cell r="C2080">
            <v>1.3658999999999999</v>
          </cell>
          <cell r="AT2080">
            <v>2003</v>
          </cell>
          <cell r="AU2080">
            <v>9</v>
          </cell>
        </row>
        <row r="2081">
          <cell r="C2081">
            <v>1.371</v>
          </cell>
          <cell r="AT2081">
            <v>2003</v>
          </cell>
          <cell r="AU2081">
            <v>9</v>
          </cell>
        </row>
        <row r="2082">
          <cell r="C2082">
            <v>1.363</v>
          </cell>
          <cell r="AT2082">
            <v>2003</v>
          </cell>
          <cell r="AU2082">
            <v>9</v>
          </cell>
        </row>
        <row r="2083">
          <cell r="C2083">
            <v>1.363</v>
          </cell>
          <cell r="AT2083">
            <v>2003</v>
          </cell>
          <cell r="AU2083">
            <v>9</v>
          </cell>
        </row>
        <row r="2084">
          <cell r="C2084">
            <v>1.363</v>
          </cell>
          <cell r="AT2084">
            <v>2003</v>
          </cell>
          <cell r="AU2084">
            <v>9</v>
          </cell>
        </row>
        <row r="2085">
          <cell r="C2085">
            <v>1.3658999999999999</v>
          </cell>
          <cell r="AT2085">
            <v>2003</v>
          </cell>
          <cell r="AU2085">
            <v>9</v>
          </cell>
        </row>
        <row r="2086">
          <cell r="C2086">
            <v>1.369</v>
          </cell>
          <cell r="AT2086">
            <v>2003</v>
          </cell>
          <cell r="AU2086">
            <v>9</v>
          </cell>
        </row>
        <row r="2087">
          <cell r="C2087">
            <v>1.3661000000000001</v>
          </cell>
          <cell r="AT2087">
            <v>2003</v>
          </cell>
          <cell r="AU2087">
            <v>9</v>
          </cell>
        </row>
        <row r="2088">
          <cell r="C2088">
            <v>1.3641000000000001</v>
          </cell>
          <cell r="AT2088">
            <v>2003</v>
          </cell>
          <cell r="AU2088">
            <v>9</v>
          </cell>
        </row>
        <row r="2089">
          <cell r="C2089">
            <v>1.3472</v>
          </cell>
          <cell r="AT2089">
            <v>2003</v>
          </cell>
          <cell r="AU2089">
            <v>9</v>
          </cell>
        </row>
        <row r="2090">
          <cell r="C2090">
            <v>1.3472</v>
          </cell>
          <cell r="AT2090">
            <v>2003</v>
          </cell>
          <cell r="AU2090">
            <v>9</v>
          </cell>
        </row>
        <row r="2091">
          <cell r="C2091">
            <v>1.3472</v>
          </cell>
          <cell r="AT2091">
            <v>2003</v>
          </cell>
          <cell r="AU2091">
            <v>9</v>
          </cell>
        </row>
        <row r="2092">
          <cell r="C2092">
            <v>1.3471</v>
          </cell>
          <cell r="AT2092">
            <v>2003</v>
          </cell>
          <cell r="AU2092">
            <v>9</v>
          </cell>
        </row>
        <row r="2093">
          <cell r="C2093">
            <v>1.3564000000000001</v>
          </cell>
          <cell r="AT2093">
            <v>2003</v>
          </cell>
          <cell r="AU2093">
            <v>9</v>
          </cell>
        </row>
        <row r="2094">
          <cell r="C2094">
            <v>1.3543000000000001</v>
          </cell>
          <cell r="AT2094">
            <v>2003</v>
          </cell>
          <cell r="AU2094">
            <v>9</v>
          </cell>
        </row>
        <row r="2095">
          <cell r="C2095">
            <v>1.3472</v>
          </cell>
          <cell r="AT2095">
            <v>2003</v>
          </cell>
          <cell r="AU2095">
            <v>9</v>
          </cell>
        </row>
        <row r="2096">
          <cell r="C2096">
            <v>1.3546</v>
          </cell>
          <cell r="AT2096">
            <v>2003</v>
          </cell>
          <cell r="AU2096">
            <v>9</v>
          </cell>
        </row>
        <row r="2097">
          <cell r="C2097">
            <v>1.3546</v>
          </cell>
          <cell r="AT2097">
            <v>2003</v>
          </cell>
          <cell r="AU2097">
            <v>9</v>
          </cell>
        </row>
        <row r="2098">
          <cell r="C2098">
            <v>1.3546</v>
          </cell>
          <cell r="AT2098">
            <v>2003</v>
          </cell>
          <cell r="AU2098">
            <v>9</v>
          </cell>
        </row>
        <row r="2099">
          <cell r="C2099">
            <v>1.3546</v>
          </cell>
          <cell r="AT2099">
            <v>2003</v>
          </cell>
          <cell r="AU2099">
            <v>9</v>
          </cell>
        </row>
        <row r="2100">
          <cell r="C2100">
            <v>1.3504</v>
          </cell>
          <cell r="AT2100">
            <v>2003</v>
          </cell>
          <cell r="AU2100">
            <v>10</v>
          </cell>
        </row>
        <row r="2101">
          <cell r="C2101">
            <v>1.3480000000000001</v>
          </cell>
          <cell r="AT2101">
            <v>2003</v>
          </cell>
          <cell r="AU2101">
            <v>10</v>
          </cell>
        </row>
        <row r="2102">
          <cell r="C2102">
            <v>1.3382000000000001</v>
          </cell>
          <cell r="AT2102">
            <v>2003</v>
          </cell>
          <cell r="AU2102">
            <v>10</v>
          </cell>
        </row>
        <row r="2103">
          <cell r="C2103">
            <v>1.3418000000000001</v>
          </cell>
          <cell r="AT2103">
            <v>2003</v>
          </cell>
          <cell r="AU2103">
            <v>10</v>
          </cell>
        </row>
        <row r="2104">
          <cell r="C2104">
            <v>1.3418000000000001</v>
          </cell>
          <cell r="AT2104">
            <v>2003</v>
          </cell>
          <cell r="AU2104">
            <v>10</v>
          </cell>
        </row>
        <row r="2105">
          <cell r="C2105">
            <v>1.3418000000000001</v>
          </cell>
          <cell r="AT2105">
            <v>2003</v>
          </cell>
          <cell r="AU2105">
            <v>10</v>
          </cell>
        </row>
        <row r="2106">
          <cell r="C2106">
            <v>1.3411</v>
          </cell>
          <cell r="AT2106">
            <v>2003</v>
          </cell>
          <cell r="AU2106">
            <v>10</v>
          </cell>
        </row>
        <row r="2107">
          <cell r="C2107">
            <v>1.3293999999999999</v>
          </cell>
          <cell r="AT2107">
            <v>2003</v>
          </cell>
          <cell r="AU2107">
            <v>10</v>
          </cell>
        </row>
        <row r="2108">
          <cell r="C2108">
            <v>1.3335999999999999</v>
          </cell>
          <cell r="AT2108">
            <v>2003</v>
          </cell>
          <cell r="AU2108">
            <v>10</v>
          </cell>
        </row>
        <row r="2109">
          <cell r="C2109">
            <v>1.3399000000000001</v>
          </cell>
          <cell r="AT2109">
            <v>2003</v>
          </cell>
          <cell r="AU2109">
            <v>10</v>
          </cell>
        </row>
        <row r="2110">
          <cell r="C2110">
            <v>1.3205</v>
          </cell>
          <cell r="AT2110">
            <v>2003</v>
          </cell>
          <cell r="AU2110">
            <v>10</v>
          </cell>
        </row>
        <row r="2111">
          <cell r="C2111">
            <v>1.3205</v>
          </cell>
          <cell r="AT2111">
            <v>2003</v>
          </cell>
          <cell r="AU2111">
            <v>10</v>
          </cell>
        </row>
        <row r="2112">
          <cell r="C2112">
            <v>1.3205</v>
          </cell>
          <cell r="AT2112">
            <v>2003</v>
          </cell>
          <cell r="AU2112">
            <v>10</v>
          </cell>
        </row>
        <row r="2113">
          <cell r="C2113">
            <v>1.3205</v>
          </cell>
          <cell r="AT2113">
            <v>2003</v>
          </cell>
          <cell r="AU2113">
            <v>10</v>
          </cell>
        </row>
        <row r="2114">
          <cell r="C2114">
            <v>1.3232999999999999</v>
          </cell>
          <cell r="AT2114">
            <v>2003</v>
          </cell>
          <cell r="AU2114">
            <v>10</v>
          </cell>
        </row>
        <row r="2115">
          <cell r="C2115">
            <v>1.3242</v>
          </cell>
          <cell r="AT2115">
            <v>2003</v>
          </cell>
          <cell r="AU2115">
            <v>10</v>
          </cell>
        </row>
        <row r="2116">
          <cell r="C2116">
            <v>1.3131999999999999</v>
          </cell>
          <cell r="AT2116">
            <v>2003</v>
          </cell>
          <cell r="AU2116">
            <v>10</v>
          </cell>
        </row>
        <row r="2117">
          <cell r="C2117">
            <v>1.3131999999999999</v>
          </cell>
          <cell r="AT2117">
            <v>2003</v>
          </cell>
          <cell r="AU2117">
            <v>10</v>
          </cell>
        </row>
        <row r="2118">
          <cell r="C2118">
            <v>1.3131999999999999</v>
          </cell>
          <cell r="AT2118">
            <v>2003</v>
          </cell>
          <cell r="AU2118">
            <v>10</v>
          </cell>
        </row>
        <row r="2119">
          <cell r="C2119">
            <v>1.3131999999999999</v>
          </cell>
          <cell r="AT2119">
            <v>2003</v>
          </cell>
          <cell r="AU2119">
            <v>10</v>
          </cell>
        </row>
        <row r="2120">
          <cell r="C2120">
            <v>1.3197000000000001</v>
          </cell>
          <cell r="AT2120">
            <v>2003</v>
          </cell>
          <cell r="AU2120">
            <v>10</v>
          </cell>
        </row>
        <row r="2121">
          <cell r="C2121">
            <v>1.3156000000000001</v>
          </cell>
          <cell r="AT2121">
            <v>2003</v>
          </cell>
          <cell r="AU2121">
            <v>10</v>
          </cell>
        </row>
        <row r="2122">
          <cell r="C2122">
            <v>1.3038000000000001</v>
          </cell>
          <cell r="AT2122">
            <v>2003</v>
          </cell>
          <cell r="AU2122">
            <v>10</v>
          </cell>
        </row>
        <row r="2123">
          <cell r="C2123">
            <v>1.3086</v>
          </cell>
          <cell r="AT2123">
            <v>2003</v>
          </cell>
          <cell r="AU2123">
            <v>10</v>
          </cell>
        </row>
        <row r="2124">
          <cell r="C2124">
            <v>1.3069</v>
          </cell>
          <cell r="AT2124">
            <v>2003</v>
          </cell>
          <cell r="AU2124">
            <v>10</v>
          </cell>
        </row>
        <row r="2125">
          <cell r="C2125">
            <v>1.3069</v>
          </cell>
          <cell r="AT2125">
            <v>2003</v>
          </cell>
          <cell r="AU2125">
            <v>10</v>
          </cell>
        </row>
        <row r="2126">
          <cell r="C2126">
            <v>1.3069</v>
          </cell>
          <cell r="AT2126">
            <v>2003</v>
          </cell>
          <cell r="AU2126">
            <v>10</v>
          </cell>
        </row>
        <row r="2127">
          <cell r="C2127">
            <v>1.3102</v>
          </cell>
          <cell r="AT2127">
            <v>2003</v>
          </cell>
          <cell r="AU2127">
            <v>10</v>
          </cell>
        </row>
        <row r="2128">
          <cell r="C2128">
            <v>1.3107</v>
          </cell>
          <cell r="AT2128">
            <v>2003</v>
          </cell>
          <cell r="AU2128">
            <v>10</v>
          </cell>
        </row>
        <row r="2129">
          <cell r="C2129">
            <v>1.3097000000000001</v>
          </cell>
          <cell r="AT2129">
            <v>2003</v>
          </cell>
          <cell r="AU2129">
            <v>10</v>
          </cell>
        </row>
        <row r="2130">
          <cell r="C2130">
            <v>1.3071999999999999</v>
          </cell>
          <cell r="AT2130">
            <v>2003</v>
          </cell>
          <cell r="AU2130">
            <v>10</v>
          </cell>
        </row>
        <row r="2131">
          <cell r="C2131">
            <v>1.3197000000000001</v>
          </cell>
          <cell r="AT2131">
            <v>2003</v>
          </cell>
          <cell r="AU2131">
            <v>11</v>
          </cell>
        </row>
        <row r="2132">
          <cell r="C2132">
            <v>1.3197000000000001</v>
          </cell>
          <cell r="AT2132">
            <v>2003</v>
          </cell>
          <cell r="AU2132">
            <v>11</v>
          </cell>
        </row>
        <row r="2133">
          <cell r="C2133">
            <v>1.3197000000000001</v>
          </cell>
          <cell r="AT2133">
            <v>2003</v>
          </cell>
          <cell r="AU2133">
            <v>11</v>
          </cell>
        </row>
        <row r="2134">
          <cell r="C2134">
            <v>1.3323</v>
          </cell>
          <cell r="AT2134">
            <v>2003</v>
          </cell>
          <cell r="AU2134">
            <v>11</v>
          </cell>
        </row>
        <row r="2135">
          <cell r="C2135">
            <v>1.3320000000000001</v>
          </cell>
          <cell r="AT2135">
            <v>2003</v>
          </cell>
          <cell r="AU2135">
            <v>11</v>
          </cell>
        </row>
        <row r="2136">
          <cell r="C2136">
            <v>1.3312999999999999</v>
          </cell>
          <cell r="AT2136">
            <v>2003</v>
          </cell>
          <cell r="AU2136">
            <v>11</v>
          </cell>
        </row>
        <row r="2137">
          <cell r="C2137">
            <v>1.3359000000000001</v>
          </cell>
          <cell r="AT2137">
            <v>2003</v>
          </cell>
          <cell r="AU2137">
            <v>11</v>
          </cell>
        </row>
        <row r="2138">
          <cell r="C2138">
            <v>1.3237000000000001</v>
          </cell>
          <cell r="AT2138">
            <v>2003</v>
          </cell>
          <cell r="AU2138">
            <v>11</v>
          </cell>
        </row>
        <row r="2139">
          <cell r="C2139">
            <v>1.3237000000000001</v>
          </cell>
          <cell r="AT2139">
            <v>2003</v>
          </cell>
          <cell r="AU2139">
            <v>11</v>
          </cell>
        </row>
        <row r="2140">
          <cell r="C2140">
            <v>1.3237000000000001</v>
          </cell>
          <cell r="AT2140">
            <v>2003</v>
          </cell>
          <cell r="AU2140">
            <v>11</v>
          </cell>
        </row>
        <row r="2141">
          <cell r="C2141">
            <v>1.3106</v>
          </cell>
          <cell r="AT2141">
            <v>2003</v>
          </cell>
          <cell r="AU2141">
            <v>11</v>
          </cell>
        </row>
        <row r="2142">
          <cell r="C2142">
            <v>1.3106</v>
          </cell>
          <cell r="AT2142">
            <v>2003</v>
          </cell>
          <cell r="AU2142">
            <v>11</v>
          </cell>
        </row>
        <row r="2143">
          <cell r="C2143">
            <v>1.3004</v>
          </cell>
          <cell r="AT2143">
            <v>2003</v>
          </cell>
          <cell r="AU2143">
            <v>11</v>
          </cell>
        </row>
        <row r="2144">
          <cell r="C2144">
            <v>1.2996000000000001</v>
          </cell>
          <cell r="AT2144">
            <v>2003</v>
          </cell>
          <cell r="AU2144">
            <v>11</v>
          </cell>
        </row>
        <row r="2145">
          <cell r="C2145">
            <v>1.3038000000000001</v>
          </cell>
          <cell r="AT2145">
            <v>2003</v>
          </cell>
          <cell r="AU2145">
            <v>11</v>
          </cell>
        </row>
        <row r="2146">
          <cell r="C2146">
            <v>1.3038000000000001</v>
          </cell>
          <cell r="AT2146">
            <v>2003</v>
          </cell>
          <cell r="AU2146">
            <v>11</v>
          </cell>
        </row>
        <row r="2147">
          <cell r="C2147">
            <v>1.3038000000000001</v>
          </cell>
          <cell r="AT2147">
            <v>2003</v>
          </cell>
          <cell r="AU2147">
            <v>11</v>
          </cell>
        </row>
        <row r="2148">
          <cell r="C2148">
            <v>1.3137000000000001</v>
          </cell>
          <cell r="AT2148">
            <v>2003</v>
          </cell>
          <cell r="AU2148">
            <v>11</v>
          </cell>
        </row>
        <row r="2149">
          <cell r="C2149">
            <v>1.3024</v>
          </cell>
          <cell r="AT2149">
            <v>2003</v>
          </cell>
          <cell r="AU2149">
            <v>11</v>
          </cell>
        </row>
        <row r="2150">
          <cell r="C2150">
            <v>1.3035000000000001</v>
          </cell>
          <cell r="AT2150">
            <v>2003</v>
          </cell>
          <cell r="AU2150">
            <v>11</v>
          </cell>
        </row>
        <row r="2151">
          <cell r="C2151">
            <v>1.3023</v>
          </cell>
          <cell r="AT2151">
            <v>2003</v>
          </cell>
          <cell r="AU2151">
            <v>11</v>
          </cell>
        </row>
        <row r="2152">
          <cell r="C2152">
            <v>1.3039000000000001</v>
          </cell>
          <cell r="AT2152">
            <v>2003</v>
          </cell>
          <cell r="AU2152">
            <v>11</v>
          </cell>
        </row>
        <row r="2153">
          <cell r="C2153">
            <v>1.3039000000000001</v>
          </cell>
          <cell r="AT2153">
            <v>2003</v>
          </cell>
          <cell r="AU2153">
            <v>11</v>
          </cell>
        </row>
        <row r="2154">
          <cell r="C2154">
            <v>1.3039000000000001</v>
          </cell>
          <cell r="AT2154">
            <v>2003</v>
          </cell>
          <cell r="AU2154">
            <v>11</v>
          </cell>
        </row>
        <row r="2155">
          <cell r="C2155">
            <v>1.3206</v>
          </cell>
          <cell r="AT2155">
            <v>2003</v>
          </cell>
          <cell r="AU2155">
            <v>11</v>
          </cell>
        </row>
        <row r="2156">
          <cell r="C2156">
            <v>1.3130999999999999</v>
          </cell>
          <cell r="AT2156">
            <v>2003</v>
          </cell>
          <cell r="AU2156">
            <v>11</v>
          </cell>
        </row>
        <row r="2157">
          <cell r="C2157">
            <v>1.3043</v>
          </cell>
          <cell r="AT2157">
            <v>2003</v>
          </cell>
          <cell r="AU2157">
            <v>11</v>
          </cell>
        </row>
        <row r="2158">
          <cell r="C2158">
            <v>1.3043</v>
          </cell>
          <cell r="AT2158">
            <v>2003</v>
          </cell>
          <cell r="AU2158">
            <v>11</v>
          </cell>
        </row>
        <row r="2159">
          <cell r="C2159">
            <v>1.3043</v>
          </cell>
          <cell r="AT2159">
            <v>2003</v>
          </cell>
          <cell r="AU2159">
            <v>11</v>
          </cell>
        </row>
        <row r="2160">
          <cell r="C2160">
            <v>1.3043</v>
          </cell>
          <cell r="AT2160">
            <v>2003</v>
          </cell>
          <cell r="AU2160">
            <v>11</v>
          </cell>
        </row>
        <row r="2161">
          <cell r="C2161">
            <v>1.3043</v>
          </cell>
          <cell r="AT2161">
            <v>2003</v>
          </cell>
          <cell r="AU2161">
            <v>12</v>
          </cell>
        </row>
        <row r="2162">
          <cell r="C2162">
            <v>1.3023</v>
          </cell>
          <cell r="AT2162">
            <v>2003</v>
          </cell>
          <cell r="AU2162">
            <v>12</v>
          </cell>
        </row>
        <row r="2163">
          <cell r="C2163">
            <v>1.2982</v>
          </cell>
          <cell r="AT2163">
            <v>2003</v>
          </cell>
          <cell r="AU2163">
            <v>12</v>
          </cell>
        </row>
        <row r="2164">
          <cell r="C2164">
            <v>1.2996000000000001</v>
          </cell>
          <cell r="AT2164">
            <v>2003</v>
          </cell>
          <cell r="AU2164">
            <v>12</v>
          </cell>
        </row>
        <row r="2165">
          <cell r="C2165">
            <v>1.3122</v>
          </cell>
          <cell r="AT2165">
            <v>2003</v>
          </cell>
          <cell r="AU2165">
            <v>12</v>
          </cell>
        </row>
        <row r="2166">
          <cell r="C2166">
            <v>1.3045</v>
          </cell>
          <cell r="AT2166">
            <v>2003</v>
          </cell>
          <cell r="AU2166">
            <v>12</v>
          </cell>
        </row>
        <row r="2167">
          <cell r="C2167">
            <v>1.3045</v>
          </cell>
          <cell r="AT2167">
            <v>2003</v>
          </cell>
          <cell r="AU2167">
            <v>12</v>
          </cell>
        </row>
        <row r="2168">
          <cell r="C2168">
            <v>1.3045</v>
          </cell>
          <cell r="AT2168">
            <v>2003</v>
          </cell>
          <cell r="AU2168">
            <v>12</v>
          </cell>
        </row>
        <row r="2169">
          <cell r="C2169">
            <v>1.2963</v>
          </cell>
          <cell r="AT2169">
            <v>2003</v>
          </cell>
          <cell r="AU2169">
            <v>12</v>
          </cell>
        </row>
        <row r="2170">
          <cell r="C2170">
            <v>1.3091999999999999</v>
          </cell>
          <cell r="AT2170">
            <v>2003</v>
          </cell>
          <cell r="AU2170">
            <v>12</v>
          </cell>
        </row>
        <row r="2171">
          <cell r="C2171">
            <v>1.3079000000000001</v>
          </cell>
          <cell r="AT2171">
            <v>2003</v>
          </cell>
          <cell r="AU2171">
            <v>12</v>
          </cell>
        </row>
        <row r="2172">
          <cell r="C2172">
            <v>1.3263</v>
          </cell>
          <cell r="AT2172">
            <v>2003</v>
          </cell>
          <cell r="AU2172">
            <v>12</v>
          </cell>
        </row>
        <row r="2173">
          <cell r="C2173">
            <v>1.3149999999999999</v>
          </cell>
          <cell r="AT2173">
            <v>2003</v>
          </cell>
          <cell r="AU2173">
            <v>12</v>
          </cell>
        </row>
        <row r="2174">
          <cell r="C2174">
            <v>1.3149999999999999</v>
          </cell>
          <cell r="AT2174">
            <v>2003</v>
          </cell>
          <cell r="AU2174">
            <v>12</v>
          </cell>
        </row>
        <row r="2175">
          <cell r="C2175">
            <v>1.3149999999999999</v>
          </cell>
          <cell r="AT2175">
            <v>2003</v>
          </cell>
          <cell r="AU2175">
            <v>12</v>
          </cell>
        </row>
        <row r="2176">
          <cell r="C2176">
            <v>1.3133999999999999</v>
          </cell>
          <cell r="AT2176">
            <v>2003</v>
          </cell>
          <cell r="AU2176">
            <v>12</v>
          </cell>
        </row>
        <row r="2177">
          <cell r="C2177">
            <v>1.3183</v>
          </cell>
          <cell r="AT2177">
            <v>2003</v>
          </cell>
          <cell r="AU2177">
            <v>12</v>
          </cell>
        </row>
        <row r="2178">
          <cell r="C2178">
            <v>1.3250999999999999</v>
          </cell>
          <cell r="AT2178">
            <v>2003</v>
          </cell>
          <cell r="AU2178">
            <v>12</v>
          </cell>
        </row>
        <row r="2179">
          <cell r="C2179">
            <v>1.3291999999999999</v>
          </cell>
          <cell r="AT2179">
            <v>2003</v>
          </cell>
          <cell r="AU2179">
            <v>12</v>
          </cell>
        </row>
        <row r="2180">
          <cell r="C2180">
            <v>1.3396999999999999</v>
          </cell>
          <cell r="AT2180">
            <v>2003</v>
          </cell>
          <cell r="AU2180">
            <v>12</v>
          </cell>
        </row>
        <row r="2181">
          <cell r="C2181">
            <v>1.3396999999999999</v>
          </cell>
          <cell r="AT2181">
            <v>2003</v>
          </cell>
          <cell r="AU2181">
            <v>12</v>
          </cell>
        </row>
        <row r="2182">
          <cell r="C2182">
            <v>1.3396999999999999</v>
          </cell>
          <cell r="AT2182">
            <v>2003</v>
          </cell>
          <cell r="AU2182">
            <v>12</v>
          </cell>
        </row>
        <row r="2183">
          <cell r="C2183">
            <v>1.3314999999999999</v>
          </cell>
          <cell r="AT2183">
            <v>2003</v>
          </cell>
          <cell r="AU2183">
            <v>12</v>
          </cell>
        </row>
        <row r="2184">
          <cell r="C2184">
            <v>1.3240000000000001</v>
          </cell>
          <cell r="AT2184">
            <v>2003</v>
          </cell>
          <cell r="AU2184">
            <v>12</v>
          </cell>
        </row>
        <row r="2185">
          <cell r="C2185">
            <v>1.3107</v>
          </cell>
          <cell r="AT2185">
            <v>2003</v>
          </cell>
          <cell r="AU2185">
            <v>12</v>
          </cell>
        </row>
        <row r="2186">
          <cell r="C2186">
            <v>1.3107</v>
          </cell>
          <cell r="AT2186">
            <v>2003</v>
          </cell>
          <cell r="AU2186">
            <v>12</v>
          </cell>
        </row>
        <row r="2187">
          <cell r="C2187">
            <v>1.3107</v>
          </cell>
          <cell r="AT2187">
            <v>2003</v>
          </cell>
          <cell r="AU2187">
            <v>12</v>
          </cell>
        </row>
        <row r="2188">
          <cell r="C2188">
            <v>1.3107</v>
          </cell>
          <cell r="AT2188">
            <v>2003</v>
          </cell>
          <cell r="AU2188">
            <v>12</v>
          </cell>
        </row>
        <row r="2189">
          <cell r="C2189">
            <v>1.3104</v>
          </cell>
          <cell r="AT2189">
            <v>2003</v>
          </cell>
          <cell r="AU2189">
            <v>12</v>
          </cell>
        </row>
        <row r="2190">
          <cell r="C2190">
            <v>1.3032999999999999</v>
          </cell>
          <cell r="AT2190">
            <v>2003</v>
          </cell>
          <cell r="AU2190">
            <v>12</v>
          </cell>
        </row>
        <row r="2191">
          <cell r="C2191">
            <v>1.2924</v>
          </cell>
          <cell r="AT2191">
            <v>2003</v>
          </cell>
          <cell r="AU2191">
            <v>12</v>
          </cell>
        </row>
        <row r="2192">
          <cell r="C2192">
            <v>1.29</v>
          </cell>
          <cell r="AT2192">
            <v>2004</v>
          </cell>
          <cell r="AU2192">
            <v>1</v>
          </cell>
        </row>
        <row r="2193">
          <cell r="C2193">
            <v>1.29</v>
          </cell>
          <cell r="AT2193">
            <v>2004</v>
          </cell>
          <cell r="AU2193">
            <v>1</v>
          </cell>
        </row>
        <row r="2194">
          <cell r="C2194">
            <v>1.29</v>
          </cell>
          <cell r="AT2194">
            <v>2004</v>
          </cell>
          <cell r="AU2194">
            <v>1</v>
          </cell>
        </row>
        <row r="2195">
          <cell r="C2195">
            <v>1.29</v>
          </cell>
          <cell r="AT2195">
            <v>2004</v>
          </cell>
          <cell r="AU2195">
            <v>1</v>
          </cell>
        </row>
        <row r="2196">
          <cell r="C2196">
            <v>1.2803</v>
          </cell>
          <cell r="AT2196">
            <v>2004</v>
          </cell>
          <cell r="AU2196">
            <v>1</v>
          </cell>
        </row>
        <row r="2197">
          <cell r="C2197">
            <v>1.2803</v>
          </cell>
          <cell r="AT2197">
            <v>2004</v>
          </cell>
          <cell r="AU2197">
            <v>1</v>
          </cell>
        </row>
        <row r="2198">
          <cell r="C2198">
            <v>1.2819</v>
          </cell>
          <cell r="AT2198">
            <v>2004</v>
          </cell>
          <cell r="AU2198">
            <v>1</v>
          </cell>
        </row>
        <row r="2199">
          <cell r="C2199">
            <v>1.2882</v>
          </cell>
          <cell r="AT2199">
            <v>2004</v>
          </cell>
          <cell r="AU2199">
            <v>1</v>
          </cell>
        </row>
        <row r="2200">
          <cell r="C2200">
            <v>1.2787999999999999</v>
          </cell>
          <cell r="AT2200">
            <v>2004</v>
          </cell>
          <cell r="AU2200">
            <v>1</v>
          </cell>
        </row>
        <row r="2201">
          <cell r="C2201">
            <v>1.2692000000000001</v>
          </cell>
          <cell r="AT2201">
            <v>2004</v>
          </cell>
          <cell r="AU2201">
            <v>1</v>
          </cell>
        </row>
        <row r="2202">
          <cell r="C2202">
            <v>1.2692000000000001</v>
          </cell>
          <cell r="AT2202">
            <v>2004</v>
          </cell>
          <cell r="AU2202">
            <v>1</v>
          </cell>
        </row>
        <row r="2203">
          <cell r="C2203">
            <v>1.2692000000000001</v>
          </cell>
          <cell r="AT2203">
            <v>2004</v>
          </cell>
          <cell r="AU2203">
            <v>1</v>
          </cell>
        </row>
        <row r="2204">
          <cell r="C2204">
            <v>1.2736000000000001</v>
          </cell>
          <cell r="AT2204">
            <v>2004</v>
          </cell>
          <cell r="AU2204">
            <v>1</v>
          </cell>
        </row>
        <row r="2205">
          <cell r="C2205">
            <v>1.2728999999999999</v>
          </cell>
          <cell r="AT2205">
            <v>2004</v>
          </cell>
          <cell r="AU2205">
            <v>1</v>
          </cell>
        </row>
        <row r="2206">
          <cell r="C2206">
            <v>1.2868999999999999</v>
          </cell>
          <cell r="AT2206">
            <v>2004</v>
          </cell>
          <cell r="AU2206">
            <v>1</v>
          </cell>
        </row>
        <row r="2207">
          <cell r="C2207">
            <v>1.2979000000000001</v>
          </cell>
          <cell r="AT2207">
            <v>2004</v>
          </cell>
          <cell r="AU2207">
            <v>1</v>
          </cell>
        </row>
        <row r="2208">
          <cell r="C2208">
            <v>1.2978000000000001</v>
          </cell>
          <cell r="AT2208">
            <v>2004</v>
          </cell>
          <cell r="AU2208">
            <v>1</v>
          </cell>
        </row>
        <row r="2209">
          <cell r="C2209">
            <v>1.2978000000000001</v>
          </cell>
          <cell r="AT2209">
            <v>2004</v>
          </cell>
          <cell r="AU2209">
            <v>1</v>
          </cell>
        </row>
        <row r="2210">
          <cell r="C2210">
            <v>1.2978000000000001</v>
          </cell>
          <cell r="AT2210">
            <v>2004</v>
          </cell>
          <cell r="AU2210">
            <v>1</v>
          </cell>
        </row>
        <row r="2211">
          <cell r="C2211">
            <v>1.2978000000000001</v>
          </cell>
          <cell r="AT2211">
            <v>2004</v>
          </cell>
          <cell r="AU2211">
            <v>1</v>
          </cell>
        </row>
        <row r="2212">
          <cell r="C2212">
            <v>1.2862</v>
          </cell>
          <cell r="AT2212">
            <v>2004</v>
          </cell>
          <cell r="AU2212">
            <v>1</v>
          </cell>
        </row>
        <row r="2213">
          <cell r="C2213">
            <v>1.3008999999999999</v>
          </cell>
          <cell r="AT2213">
            <v>2004</v>
          </cell>
          <cell r="AU2213">
            <v>1</v>
          </cell>
        </row>
        <row r="2214">
          <cell r="C2214">
            <v>1.2967</v>
          </cell>
          <cell r="AT2214">
            <v>2004</v>
          </cell>
          <cell r="AU2214">
            <v>1</v>
          </cell>
        </row>
        <row r="2215">
          <cell r="C2215">
            <v>1.3119000000000001</v>
          </cell>
          <cell r="AT2215">
            <v>2004</v>
          </cell>
          <cell r="AU2215">
            <v>1</v>
          </cell>
        </row>
        <row r="2216">
          <cell r="C2216">
            <v>1.3119000000000001</v>
          </cell>
          <cell r="AT2216">
            <v>2004</v>
          </cell>
          <cell r="AU2216">
            <v>1</v>
          </cell>
        </row>
        <row r="2217">
          <cell r="C2217">
            <v>1.3119000000000001</v>
          </cell>
          <cell r="AT2217">
            <v>2004</v>
          </cell>
          <cell r="AU2217">
            <v>1</v>
          </cell>
        </row>
        <row r="2218">
          <cell r="C2218">
            <v>1.3136000000000001</v>
          </cell>
          <cell r="AT2218">
            <v>2004</v>
          </cell>
          <cell r="AU2218">
            <v>1</v>
          </cell>
        </row>
        <row r="2219">
          <cell r="C2219">
            <v>1.3048999999999999</v>
          </cell>
          <cell r="AT2219">
            <v>2004</v>
          </cell>
          <cell r="AU2219">
            <v>1</v>
          </cell>
        </row>
        <row r="2220">
          <cell r="C2220">
            <v>1.3217000000000001</v>
          </cell>
          <cell r="AT2220">
            <v>2004</v>
          </cell>
          <cell r="AU2220">
            <v>1</v>
          </cell>
        </row>
        <row r="2221">
          <cell r="C2221">
            <v>1.3339000000000001</v>
          </cell>
          <cell r="AT2221">
            <v>2004</v>
          </cell>
          <cell r="AU2221">
            <v>1</v>
          </cell>
        </row>
        <row r="2222">
          <cell r="C2222">
            <v>1.3264</v>
          </cell>
          <cell r="AT2222">
            <v>2004</v>
          </cell>
          <cell r="AU2222">
            <v>1</v>
          </cell>
        </row>
        <row r="2223">
          <cell r="C2223">
            <v>1.3264</v>
          </cell>
          <cell r="AT2223">
            <v>2004</v>
          </cell>
          <cell r="AU2223">
            <v>2</v>
          </cell>
        </row>
        <row r="2224">
          <cell r="C2224">
            <v>1.3264</v>
          </cell>
          <cell r="AT2224">
            <v>2004</v>
          </cell>
          <cell r="AU2224">
            <v>2</v>
          </cell>
        </row>
        <row r="2225">
          <cell r="C2225">
            <v>1.3384</v>
          </cell>
          <cell r="AT2225">
            <v>2004</v>
          </cell>
          <cell r="AU2225">
            <v>2</v>
          </cell>
        </row>
        <row r="2226">
          <cell r="C2226">
            <v>1.3373999999999999</v>
          </cell>
          <cell r="AT2226">
            <v>2004</v>
          </cell>
          <cell r="AU2226">
            <v>2</v>
          </cell>
        </row>
        <row r="2227">
          <cell r="C2227">
            <v>1.3327</v>
          </cell>
          <cell r="AT2227">
            <v>2004</v>
          </cell>
          <cell r="AU2227">
            <v>2</v>
          </cell>
        </row>
        <row r="2228">
          <cell r="C2228">
            <v>1.3319000000000001</v>
          </cell>
          <cell r="AT2228">
            <v>2004</v>
          </cell>
          <cell r="AU2228">
            <v>2</v>
          </cell>
        </row>
        <row r="2229">
          <cell r="C2229">
            <v>1.3290999999999999</v>
          </cell>
          <cell r="AT2229">
            <v>2004</v>
          </cell>
          <cell r="AU2229">
            <v>2</v>
          </cell>
        </row>
        <row r="2230">
          <cell r="C2230">
            <v>1.3290999999999999</v>
          </cell>
          <cell r="AT2230">
            <v>2004</v>
          </cell>
          <cell r="AU2230">
            <v>2</v>
          </cell>
        </row>
        <row r="2231">
          <cell r="C2231">
            <v>1.3290999999999999</v>
          </cell>
          <cell r="AT2231">
            <v>2004</v>
          </cell>
          <cell r="AU2231">
            <v>2</v>
          </cell>
        </row>
        <row r="2232">
          <cell r="C2232">
            <v>1.3304</v>
          </cell>
          <cell r="AT2232">
            <v>2004</v>
          </cell>
          <cell r="AU2232">
            <v>2</v>
          </cell>
        </row>
        <row r="2233">
          <cell r="C2233">
            <v>1.3289</v>
          </cell>
          <cell r="AT2233">
            <v>2004</v>
          </cell>
          <cell r="AU2233">
            <v>2</v>
          </cell>
        </row>
        <row r="2234">
          <cell r="C2234">
            <v>1.3179000000000001</v>
          </cell>
          <cell r="AT2234">
            <v>2004</v>
          </cell>
          <cell r="AU2234">
            <v>2</v>
          </cell>
        </row>
        <row r="2235">
          <cell r="C2235">
            <v>1.3190999999999999</v>
          </cell>
          <cell r="AT2235">
            <v>2004</v>
          </cell>
          <cell r="AU2235">
            <v>2</v>
          </cell>
        </row>
        <row r="2236">
          <cell r="C2236">
            <v>1.3149999999999999</v>
          </cell>
          <cell r="AT2236">
            <v>2004</v>
          </cell>
          <cell r="AU2236">
            <v>2</v>
          </cell>
        </row>
        <row r="2237">
          <cell r="C2237">
            <v>1.3149999999999999</v>
          </cell>
          <cell r="AT2237">
            <v>2004</v>
          </cell>
          <cell r="AU2237">
            <v>2</v>
          </cell>
        </row>
        <row r="2238">
          <cell r="C2238">
            <v>1.3149999999999999</v>
          </cell>
          <cell r="AT2238">
            <v>2004</v>
          </cell>
          <cell r="AU2238">
            <v>2</v>
          </cell>
        </row>
        <row r="2239">
          <cell r="C2239">
            <v>1.3149999999999999</v>
          </cell>
          <cell r="AT2239">
            <v>2004</v>
          </cell>
          <cell r="AU2239">
            <v>2</v>
          </cell>
        </row>
        <row r="2240">
          <cell r="C2240">
            <v>1.3102</v>
          </cell>
          <cell r="AT2240">
            <v>2004</v>
          </cell>
          <cell r="AU2240">
            <v>2</v>
          </cell>
        </row>
        <row r="2241">
          <cell r="C2241">
            <v>1.3180000000000001</v>
          </cell>
          <cell r="AT2241">
            <v>2004</v>
          </cell>
          <cell r="AU2241">
            <v>2</v>
          </cell>
        </row>
        <row r="2242">
          <cell r="C2242">
            <v>1.3274999999999999</v>
          </cell>
          <cell r="AT2242">
            <v>2004</v>
          </cell>
          <cell r="AU2242">
            <v>2</v>
          </cell>
        </row>
        <row r="2243">
          <cell r="C2243">
            <v>1.3440000000000001</v>
          </cell>
          <cell r="AT2243">
            <v>2004</v>
          </cell>
          <cell r="AU2243">
            <v>2</v>
          </cell>
        </row>
        <row r="2244">
          <cell r="C2244">
            <v>1.3440000000000001</v>
          </cell>
          <cell r="AT2244">
            <v>2004</v>
          </cell>
          <cell r="AU2244">
            <v>2</v>
          </cell>
        </row>
        <row r="2245">
          <cell r="C2245">
            <v>1.3440000000000001</v>
          </cell>
          <cell r="AT2245">
            <v>2004</v>
          </cell>
          <cell r="AU2245">
            <v>2</v>
          </cell>
        </row>
        <row r="2246">
          <cell r="C2246">
            <v>1.3357000000000001</v>
          </cell>
          <cell r="AT2246">
            <v>2004</v>
          </cell>
          <cell r="AU2246">
            <v>2</v>
          </cell>
        </row>
        <row r="2247">
          <cell r="C2247">
            <v>1.3280000000000001</v>
          </cell>
          <cell r="AT2247">
            <v>2004</v>
          </cell>
          <cell r="AU2247">
            <v>2</v>
          </cell>
        </row>
        <row r="2248">
          <cell r="C2248">
            <v>1.337</v>
          </cell>
          <cell r="AT2248">
            <v>2004</v>
          </cell>
          <cell r="AU2248">
            <v>2</v>
          </cell>
        </row>
        <row r="2249">
          <cell r="C2249">
            <v>1.3431999999999999</v>
          </cell>
          <cell r="AT2249">
            <v>2004</v>
          </cell>
          <cell r="AU2249">
            <v>2</v>
          </cell>
        </row>
        <row r="2250">
          <cell r="C2250">
            <v>1.3401000000000001</v>
          </cell>
          <cell r="AT2250">
            <v>2004</v>
          </cell>
          <cell r="AU2250">
            <v>2</v>
          </cell>
        </row>
        <row r="2251">
          <cell r="C2251">
            <v>1.3401000000000001</v>
          </cell>
          <cell r="AT2251">
            <v>2004</v>
          </cell>
          <cell r="AU2251">
            <v>2</v>
          </cell>
        </row>
        <row r="2252">
          <cell r="C2252">
            <v>1.3401000000000001</v>
          </cell>
          <cell r="AT2252">
            <v>2004</v>
          </cell>
          <cell r="AU2252">
            <v>3</v>
          </cell>
        </row>
        <row r="2253">
          <cell r="C2253">
            <v>1.3391</v>
          </cell>
          <cell r="AT2253">
            <v>2004</v>
          </cell>
          <cell r="AU2253">
            <v>3</v>
          </cell>
        </row>
        <row r="2254">
          <cell r="C2254">
            <v>1.3431</v>
          </cell>
          <cell r="AT2254">
            <v>2004</v>
          </cell>
          <cell r="AU2254">
            <v>3</v>
          </cell>
        </row>
        <row r="2255">
          <cell r="C2255">
            <v>1.3475999999999999</v>
          </cell>
          <cell r="AT2255">
            <v>2004</v>
          </cell>
          <cell r="AU2255">
            <v>3</v>
          </cell>
        </row>
        <row r="2256">
          <cell r="C2256">
            <v>1.3324</v>
          </cell>
          <cell r="AT2256">
            <v>2004</v>
          </cell>
          <cell r="AU2256">
            <v>3</v>
          </cell>
        </row>
        <row r="2257">
          <cell r="C2257">
            <v>1.3186</v>
          </cell>
          <cell r="AT2257">
            <v>2004</v>
          </cell>
          <cell r="AU2257">
            <v>3</v>
          </cell>
        </row>
        <row r="2258">
          <cell r="C2258">
            <v>1.3186</v>
          </cell>
          <cell r="AT2258">
            <v>2004</v>
          </cell>
          <cell r="AU2258">
            <v>3</v>
          </cell>
        </row>
        <row r="2259">
          <cell r="C2259">
            <v>1.3186</v>
          </cell>
          <cell r="AT2259">
            <v>2004</v>
          </cell>
          <cell r="AU2259">
            <v>3</v>
          </cell>
        </row>
        <row r="2260">
          <cell r="C2260">
            <v>1.3229</v>
          </cell>
          <cell r="AT2260">
            <v>2004</v>
          </cell>
          <cell r="AU2260">
            <v>3</v>
          </cell>
        </row>
        <row r="2261">
          <cell r="C2261">
            <v>1.319</v>
          </cell>
          <cell r="AT2261">
            <v>2004</v>
          </cell>
          <cell r="AU2261">
            <v>3</v>
          </cell>
        </row>
        <row r="2262">
          <cell r="C2262">
            <v>1.327</v>
          </cell>
          <cell r="AT2262">
            <v>2004</v>
          </cell>
          <cell r="AU2262">
            <v>3</v>
          </cell>
        </row>
        <row r="2263">
          <cell r="C2263">
            <v>1.3227</v>
          </cell>
          <cell r="AT2263">
            <v>2004</v>
          </cell>
          <cell r="AU2263">
            <v>3</v>
          </cell>
        </row>
        <row r="2264">
          <cell r="C2264">
            <v>1.3374999999999999</v>
          </cell>
          <cell r="AT2264">
            <v>2004</v>
          </cell>
          <cell r="AU2264">
            <v>3</v>
          </cell>
        </row>
        <row r="2265">
          <cell r="C2265">
            <v>1.3374999999999999</v>
          </cell>
          <cell r="AT2265">
            <v>2004</v>
          </cell>
          <cell r="AU2265">
            <v>3</v>
          </cell>
        </row>
        <row r="2266">
          <cell r="C2266">
            <v>1.3374999999999999</v>
          </cell>
          <cell r="AT2266">
            <v>2004</v>
          </cell>
          <cell r="AU2266">
            <v>3</v>
          </cell>
        </row>
        <row r="2267">
          <cell r="C2267">
            <v>1.3324</v>
          </cell>
          <cell r="AT2267">
            <v>2004</v>
          </cell>
          <cell r="AU2267">
            <v>3</v>
          </cell>
        </row>
        <row r="2268">
          <cell r="C2268">
            <v>1.3333999999999999</v>
          </cell>
          <cell r="AT2268">
            <v>2004</v>
          </cell>
          <cell r="AU2268">
            <v>3</v>
          </cell>
        </row>
        <row r="2269">
          <cell r="C2269">
            <v>1.3411</v>
          </cell>
          <cell r="AT2269">
            <v>2004</v>
          </cell>
          <cell r="AU2269">
            <v>3</v>
          </cell>
        </row>
        <row r="2270">
          <cell r="C2270">
            <v>1.3291999999999999</v>
          </cell>
          <cell r="AT2270">
            <v>2004</v>
          </cell>
          <cell r="AU2270">
            <v>3</v>
          </cell>
        </row>
        <row r="2271">
          <cell r="C2271">
            <v>1.331</v>
          </cell>
          <cell r="AT2271">
            <v>2004</v>
          </cell>
          <cell r="AU2271">
            <v>3</v>
          </cell>
        </row>
        <row r="2272">
          <cell r="C2272">
            <v>1.331</v>
          </cell>
          <cell r="AT2272">
            <v>2004</v>
          </cell>
          <cell r="AU2272">
            <v>3</v>
          </cell>
        </row>
        <row r="2273">
          <cell r="C2273">
            <v>1.331</v>
          </cell>
          <cell r="AT2273">
            <v>2004</v>
          </cell>
          <cell r="AU2273">
            <v>3</v>
          </cell>
        </row>
        <row r="2274">
          <cell r="C2274">
            <v>1.3275999999999999</v>
          </cell>
          <cell r="AT2274">
            <v>2004</v>
          </cell>
          <cell r="AU2274">
            <v>3</v>
          </cell>
        </row>
        <row r="2275">
          <cell r="C2275">
            <v>1.3314999999999999</v>
          </cell>
          <cell r="AT2275">
            <v>2004</v>
          </cell>
          <cell r="AU2275">
            <v>3</v>
          </cell>
        </row>
        <row r="2276">
          <cell r="C2276">
            <v>1.3387</v>
          </cell>
          <cell r="AT2276">
            <v>2004</v>
          </cell>
          <cell r="AU2276">
            <v>3</v>
          </cell>
        </row>
        <row r="2277">
          <cell r="C2277">
            <v>1.3299000000000001</v>
          </cell>
          <cell r="AT2277">
            <v>2004</v>
          </cell>
          <cell r="AU2277">
            <v>3</v>
          </cell>
        </row>
        <row r="2278">
          <cell r="C2278">
            <v>1.32</v>
          </cell>
          <cell r="AT2278">
            <v>2004</v>
          </cell>
          <cell r="AU2278">
            <v>3</v>
          </cell>
        </row>
        <row r="2279">
          <cell r="C2279">
            <v>1.32</v>
          </cell>
          <cell r="AT2279">
            <v>2004</v>
          </cell>
          <cell r="AU2279">
            <v>3</v>
          </cell>
        </row>
        <row r="2280">
          <cell r="C2280">
            <v>1.32</v>
          </cell>
          <cell r="AT2280">
            <v>2004</v>
          </cell>
          <cell r="AU2280">
            <v>3</v>
          </cell>
        </row>
        <row r="2281">
          <cell r="C2281">
            <v>1.3090999999999999</v>
          </cell>
          <cell r="AT2281">
            <v>2004</v>
          </cell>
          <cell r="AU2281">
            <v>3</v>
          </cell>
        </row>
        <row r="2282">
          <cell r="C2282">
            <v>1.3079000000000001</v>
          </cell>
          <cell r="AT2282">
            <v>2004</v>
          </cell>
          <cell r="AU2282">
            <v>3</v>
          </cell>
        </row>
        <row r="2283">
          <cell r="C2283">
            <v>1.3105</v>
          </cell>
          <cell r="AT2283">
            <v>2004</v>
          </cell>
          <cell r="AU2283">
            <v>4</v>
          </cell>
        </row>
        <row r="2284">
          <cell r="C2284">
            <v>1.3101</v>
          </cell>
          <cell r="AT2284">
            <v>2004</v>
          </cell>
          <cell r="AU2284">
            <v>4</v>
          </cell>
        </row>
        <row r="2285">
          <cell r="C2285">
            <v>1.3156000000000001</v>
          </cell>
          <cell r="AT2285">
            <v>2004</v>
          </cell>
          <cell r="AU2285">
            <v>4</v>
          </cell>
        </row>
        <row r="2286">
          <cell r="C2286">
            <v>1.3156000000000001</v>
          </cell>
          <cell r="AT2286">
            <v>2004</v>
          </cell>
          <cell r="AU2286">
            <v>4</v>
          </cell>
        </row>
        <row r="2287">
          <cell r="C2287">
            <v>1.3156000000000001</v>
          </cell>
          <cell r="AT2287">
            <v>2004</v>
          </cell>
          <cell r="AU2287">
            <v>4</v>
          </cell>
        </row>
        <row r="2288">
          <cell r="C2288">
            <v>1.3147</v>
          </cell>
          <cell r="AT2288">
            <v>2004</v>
          </cell>
          <cell r="AU2288">
            <v>4</v>
          </cell>
        </row>
        <row r="2289">
          <cell r="C2289">
            <v>1.3092999999999999</v>
          </cell>
          <cell r="AT2289">
            <v>2004</v>
          </cell>
          <cell r="AU2289">
            <v>4</v>
          </cell>
        </row>
        <row r="2290">
          <cell r="C2290">
            <v>1.3129999999999999</v>
          </cell>
          <cell r="AT2290">
            <v>2004</v>
          </cell>
          <cell r="AU2290">
            <v>4</v>
          </cell>
        </row>
        <row r="2291">
          <cell r="C2291">
            <v>1.3260000000000001</v>
          </cell>
          <cell r="AT2291">
            <v>2004</v>
          </cell>
          <cell r="AU2291">
            <v>4</v>
          </cell>
        </row>
        <row r="2292">
          <cell r="C2292">
            <v>1.3260000000000001</v>
          </cell>
          <cell r="AT2292">
            <v>2004</v>
          </cell>
          <cell r="AU2292">
            <v>4</v>
          </cell>
        </row>
        <row r="2293">
          <cell r="C2293">
            <v>1.3260000000000001</v>
          </cell>
          <cell r="AT2293">
            <v>2004</v>
          </cell>
          <cell r="AU2293">
            <v>4</v>
          </cell>
        </row>
        <row r="2294">
          <cell r="C2294">
            <v>1.3260000000000001</v>
          </cell>
          <cell r="AT2294">
            <v>2004</v>
          </cell>
          <cell r="AU2294">
            <v>4</v>
          </cell>
        </row>
        <row r="2295">
          <cell r="C2295">
            <v>1.3374999999999999</v>
          </cell>
          <cell r="AT2295">
            <v>2004</v>
          </cell>
          <cell r="AU2295">
            <v>4</v>
          </cell>
        </row>
        <row r="2296">
          <cell r="C2296">
            <v>1.3359000000000001</v>
          </cell>
          <cell r="AT2296">
            <v>2004</v>
          </cell>
          <cell r="AU2296">
            <v>4</v>
          </cell>
        </row>
        <row r="2297">
          <cell r="C2297">
            <v>1.3440000000000001</v>
          </cell>
          <cell r="AT2297">
            <v>2004</v>
          </cell>
          <cell r="AU2297">
            <v>4</v>
          </cell>
        </row>
        <row r="2298">
          <cell r="C2298">
            <v>1.3472</v>
          </cell>
          <cell r="AT2298">
            <v>2004</v>
          </cell>
          <cell r="AU2298">
            <v>4</v>
          </cell>
        </row>
        <row r="2299">
          <cell r="C2299">
            <v>1.3445</v>
          </cell>
          <cell r="AT2299">
            <v>2004</v>
          </cell>
          <cell r="AU2299">
            <v>4</v>
          </cell>
        </row>
        <row r="2300">
          <cell r="C2300">
            <v>1.3445</v>
          </cell>
          <cell r="AT2300">
            <v>2004</v>
          </cell>
          <cell r="AU2300">
            <v>4</v>
          </cell>
        </row>
        <row r="2301">
          <cell r="C2301">
            <v>1.3445</v>
          </cell>
          <cell r="AT2301">
            <v>2004</v>
          </cell>
          <cell r="AU2301">
            <v>4</v>
          </cell>
        </row>
        <row r="2302">
          <cell r="C2302">
            <v>1.3466</v>
          </cell>
          <cell r="AT2302">
            <v>2004</v>
          </cell>
          <cell r="AU2302">
            <v>4</v>
          </cell>
        </row>
        <row r="2303">
          <cell r="C2303">
            <v>1.3534999999999999</v>
          </cell>
          <cell r="AT2303">
            <v>2004</v>
          </cell>
          <cell r="AU2303">
            <v>4</v>
          </cell>
        </row>
        <row r="2304">
          <cell r="C2304">
            <v>1.3589</v>
          </cell>
          <cell r="AT2304">
            <v>2004</v>
          </cell>
          <cell r="AU2304">
            <v>4</v>
          </cell>
        </row>
        <row r="2305">
          <cell r="C2305">
            <v>1.3585</v>
          </cell>
          <cell r="AT2305">
            <v>2004</v>
          </cell>
          <cell r="AU2305">
            <v>4</v>
          </cell>
        </row>
        <row r="2306">
          <cell r="C2306">
            <v>1.3611</v>
          </cell>
          <cell r="AT2306">
            <v>2004</v>
          </cell>
          <cell r="AU2306">
            <v>4</v>
          </cell>
        </row>
        <row r="2307">
          <cell r="C2307">
            <v>1.3611</v>
          </cell>
          <cell r="AT2307">
            <v>2004</v>
          </cell>
          <cell r="AU2307">
            <v>4</v>
          </cell>
        </row>
        <row r="2308">
          <cell r="C2308">
            <v>1.3611</v>
          </cell>
          <cell r="AT2308">
            <v>2004</v>
          </cell>
          <cell r="AU2308">
            <v>4</v>
          </cell>
        </row>
        <row r="2309">
          <cell r="C2309">
            <v>1.3555999999999999</v>
          </cell>
          <cell r="AT2309">
            <v>2004</v>
          </cell>
          <cell r="AU2309">
            <v>4</v>
          </cell>
        </row>
        <row r="2310">
          <cell r="C2310">
            <v>1.3517999999999999</v>
          </cell>
          <cell r="AT2310">
            <v>2004</v>
          </cell>
          <cell r="AU2310">
            <v>4</v>
          </cell>
        </row>
        <row r="2311">
          <cell r="C2311">
            <v>1.3673999999999999</v>
          </cell>
          <cell r="AT2311">
            <v>2004</v>
          </cell>
          <cell r="AU2311">
            <v>4</v>
          </cell>
        </row>
        <row r="2312">
          <cell r="C2312">
            <v>1.3695999999999999</v>
          </cell>
          <cell r="AT2312">
            <v>2004</v>
          </cell>
          <cell r="AU2312">
            <v>4</v>
          </cell>
        </row>
        <row r="2313">
          <cell r="C2313">
            <v>1.3707</v>
          </cell>
          <cell r="AT2313">
            <v>2004</v>
          </cell>
          <cell r="AU2313">
            <v>5</v>
          </cell>
        </row>
        <row r="2314">
          <cell r="C2314">
            <v>1.3707</v>
          </cell>
          <cell r="AT2314">
            <v>2004</v>
          </cell>
          <cell r="AU2314">
            <v>5</v>
          </cell>
        </row>
        <row r="2315">
          <cell r="C2315">
            <v>1.3707</v>
          </cell>
          <cell r="AT2315">
            <v>2004</v>
          </cell>
          <cell r="AU2315">
            <v>5</v>
          </cell>
        </row>
        <row r="2316">
          <cell r="C2316">
            <v>1.3738999999999999</v>
          </cell>
          <cell r="AT2316">
            <v>2004</v>
          </cell>
          <cell r="AU2316">
            <v>5</v>
          </cell>
        </row>
        <row r="2317">
          <cell r="C2317">
            <v>1.3696999999999999</v>
          </cell>
          <cell r="AT2317">
            <v>2004</v>
          </cell>
          <cell r="AU2317">
            <v>5</v>
          </cell>
        </row>
        <row r="2318">
          <cell r="C2318">
            <v>1.3728</v>
          </cell>
          <cell r="AT2318">
            <v>2004</v>
          </cell>
          <cell r="AU2318">
            <v>5</v>
          </cell>
        </row>
        <row r="2319">
          <cell r="C2319">
            <v>1.3779999999999999</v>
          </cell>
          <cell r="AT2319">
            <v>2004</v>
          </cell>
          <cell r="AU2319">
            <v>5</v>
          </cell>
        </row>
        <row r="2320">
          <cell r="C2320">
            <v>1.3855999999999999</v>
          </cell>
          <cell r="AT2320">
            <v>2004</v>
          </cell>
          <cell r="AU2320">
            <v>5</v>
          </cell>
        </row>
        <row r="2321">
          <cell r="C2321">
            <v>1.3855999999999999</v>
          </cell>
          <cell r="AT2321">
            <v>2004</v>
          </cell>
          <cell r="AU2321">
            <v>5</v>
          </cell>
        </row>
        <row r="2322">
          <cell r="C2322">
            <v>1.3855999999999999</v>
          </cell>
          <cell r="AT2322">
            <v>2004</v>
          </cell>
          <cell r="AU2322">
            <v>5</v>
          </cell>
        </row>
        <row r="2323">
          <cell r="C2323">
            <v>1.3931</v>
          </cell>
          <cell r="AT2323">
            <v>2004</v>
          </cell>
          <cell r="AU2323">
            <v>5</v>
          </cell>
        </row>
        <row r="2324">
          <cell r="C2324">
            <v>1.3866000000000001</v>
          </cell>
          <cell r="AT2324">
            <v>2004</v>
          </cell>
          <cell r="AU2324">
            <v>5</v>
          </cell>
        </row>
        <row r="2325">
          <cell r="C2325">
            <v>1.3877999999999999</v>
          </cell>
          <cell r="AT2325">
            <v>2004</v>
          </cell>
          <cell r="AU2325">
            <v>5</v>
          </cell>
        </row>
        <row r="2326">
          <cell r="C2326">
            <v>1.3968</v>
          </cell>
          <cell r="AT2326">
            <v>2004</v>
          </cell>
          <cell r="AU2326">
            <v>5</v>
          </cell>
        </row>
        <row r="2327">
          <cell r="C2327">
            <v>1.3925000000000001</v>
          </cell>
          <cell r="AT2327">
            <v>2004</v>
          </cell>
          <cell r="AU2327">
            <v>5</v>
          </cell>
        </row>
        <row r="2328">
          <cell r="C2328">
            <v>1.3925000000000001</v>
          </cell>
          <cell r="AT2328">
            <v>2004</v>
          </cell>
          <cell r="AU2328">
            <v>5</v>
          </cell>
        </row>
        <row r="2329">
          <cell r="C2329">
            <v>1.3925000000000001</v>
          </cell>
          <cell r="AT2329">
            <v>2004</v>
          </cell>
          <cell r="AU2329">
            <v>5</v>
          </cell>
        </row>
        <row r="2330">
          <cell r="C2330">
            <v>1.3851</v>
          </cell>
          <cell r="AT2330">
            <v>2004</v>
          </cell>
          <cell r="AU2330">
            <v>5</v>
          </cell>
        </row>
        <row r="2331">
          <cell r="C2331">
            <v>1.3912</v>
          </cell>
          <cell r="AT2331">
            <v>2004</v>
          </cell>
          <cell r="AU2331">
            <v>5</v>
          </cell>
        </row>
        <row r="2332">
          <cell r="C2332">
            <v>1.3766</v>
          </cell>
          <cell r="AT2332">
            <v>2004</v>
          </cell>
          <cell r="AU2332">
            <v>5</v>
          </cell>
        </row>
        <row r="2333">
          <cell r="C2333">
            <v>1.3704000000000001</v>
          </cell>
          <cell r="AT2333">
            <v>2004</v>
          </cell>
          <cell r="AU2333">
            <v>5</v>
          </cell>
        </row>
        <row r="2334">
          <cell r="C2334">
            <v>1.3731</v>
          </cell>
          <cell r="AT2334">
            <v>2004</v>
          </cell>
          <cell r="AU2334">
            <v>5</v>
          </cell>
        </row>
        <row r="2335">
          <cell r="C2335">
            <v>1.3731</v>
          </cell>
          <cell r="AT2335">
            <v>2004</v>
          </cell>
          <cell r="AU2335">
            <v>5</v>
          </cell>
        </row>
        <row r="2336">
          <cell r="C2336">
            <v>1.3731</v>
          </cell>
          <cell r="AT2336">
            <v>2004</v>
          </cell>
          <cell r="AU2336">
            <v>5</v>
          </cell>
        </row>
        <row r="2337">
          <cell r="C2337">
            <v>1.3731</v>
          </cell>
          <cell r="AT2337">
            <v>2004</v>
          </cell>
          <cell r="AU2337">
            <v>5</v>
          </cell>
        </row>
        <row r="2338">
          <cell r="C2338">
            <v>1.3759999999999999</v>
          </cell>
          <cell r="AT2338">
            <v>2004</v>
          </cell>
          <cell r="AU2338">
            <v>5</v>
          </cell>
        </row>
        <row r="2339">
          <cell r="C2339">
            <v>1.3704000000000001</v>
          </cell>
          <cell r="AT2339">
            <v>2004</v>
          </cell>
          <cell r="AU2339">
            <v>5</v>
          </cell>
        </row>
        <row r="2340">
          <cell r="C2340">
            <v>1.3576999999999999</v>
          </cell>
          <cell r="AT2340">
            <v>2004</v>
          </cell>
          <cell r="AU2340">
            <v>5</v>
          </cell>
        </row>
        <row r="2341">
          <cell r="C2341">
            <v>1.3657999999999999</v>
          </cell>
          <cell r="AT2341">
            <v>2004</v>
          </cell>
          <cell r="AU2341">
            <v>5</v>
          </cell>
        </row>
        <row r="2342">
          <cell r="C2342">
            <v>1.3657999999999999</v>
          </cell>
          <cell r="AT2342">
            <v>2004</v>
          </cell>
          <cell r="AU2342">
            <v>5</v>
          </cell>
        </row>
        <row r="2343">
          <cell r="C2343">
            <v>1.3657999999999999</v>
          </cell>
          <cell r="AT2343">
            <v>2004</v>
          </cell>
          <cell r="AU2343">
            <v>5</v>
          </cell>
        </row>
        <row r="2344">
          <cell r="C2344">
            <v>1.3657999999999999</v>
          </cell>
          <cell r="AT2344">
            <v>2004</v>
          </cell>
          <cell r="AU2344">
            <v>6</v>
          </cell>
        </row>
        <row r="2345">
          <cell r="C2345">
            <v>1.3685</v>
          </cell>
          <cell r="AT2345">
            <v>2004</v>
          </cell>
          <cell r="AU2345">
            <v>6</v>
          </cell>
        </row>
        <row r="2346">
          <cell r="C2346">
            <v>1.3615999999999999</v>
          </cell>
          <cell r="AT2346">
            <v>2004</v>
          </cell>
          <cell r="AU2346">
            <v>6</v>
          </cell>
        </row>
        <row r="2347">
          <cell r="C2347">
            <v>1.3607</v>
          </cell>
          <cell r="AT2347">
            <v>2004</v>
          </cell>
          <cell r="AU2347">
            <v>6</v>
          </cell>
        </row>
        <row r="2348">
          <cell r="C2348">
            <v>1.3502000000000001</v>
          </cell>
          <cell r="AT2348">
            <v>2004</v>
          </cell>
          <cell r="AU2348">
            <v>6</v>
          </cell>
        </row>
        <row r="2349">
          <cell r="C2349">
            <v>1.3502000000000001</v>
          </cell>
          <cell r="AT2349">
            <v>2004</v>
          </cell>
          <cell r="AU2349">
            <v>6</v>
          </cell>
        </row>
        <row r="2350">
          <cell r="C2350">
            <v>1.3502000000000001</v>
          </cell>
          <cell r="AT2350">
            <v>2004</v>
          </cell>
          <cell r="AU2350">
            <v>6</v>
          </cell>
        </row>
        <row r="2351">
          <cell r="C2351">
            <v>1.3448</v>
          </cell>
          <cell r="AT2351">
            <v>2004</v>
          </cell>
          <cell r="AU2351">
            <v>6</v>
          </cell>
        </row>
        <row r="2352">
          <cell r="C2352">
            <v>1.3468</v>
          </cell>
          <cell r="AT2352">
            <v>2004</v>
          </cell>
          <cell r="AU2352">
            <v>6</v>
          </cell>
        </row>
        <row r="2353">
          <cell r="C2353">
            <v>1.3541000000000001</v>
          </cell>
          <cell r="AT2353">
            <v>2004</v>
          </cell>
          <cell r="AU2353">
            <v>6</v>
          </cell>
        </row>
        <row r="2354">
          <cell r="C2354">
            <v>1.3568</v>
          </cell>
          <cell r="AT2354">
            <v>2004</v>
          </cell>
          <cell r="AU2354">
            <v>6</v>
          </cell>
        </row>
        <row r="2355">
          <cell r="C2355">
            <v>1.3647</v>
          </cell>
          <cell r="AT2355">
            <v>2004</v>
          </cell>
          <cell r="AU2355">
            <v>6</v>
          </cell>
        </row>
        <row r="2356">
          <cell r="C2356">
            <v>1.3647</v>
          </cell>
          <cell r="AT2356">
            <v>2004</v>
          </cell>
          <cell r="AU2356">
            <v>6</v>
          </cell>
        </row>
        <row r="2357">
          <cell r="C2357">
            <v>1.3647</v>
          </cell>
          <cell r="AT2357">
            <v>2004</v>
          </cell>
          <cell r="AU2357">
            <v>6</v>
          </cell>
        </row>
        <row r="2358">
          <cell r="C2358">
            <v>1.3683000000000001</v>
          </cell>
          <cell r="AT2358">
            <v>2004</v>
          </cell>
          <cell r="AU2358">
            <v>6</v>
          </cell>
        </row>
        <row r="2359">
          <cell r="C2359">
            <v>1.369</v>
          </cell>
          <cell r="AT2359">
            <v>2004</v>
          </cell>
          <cell r="AU2359">
            <v>6</v>
          </cell>
        </row>
        <row r="2360">
          <cell r="C2360">
            <v>1.3773</v>
          </cell>
          <cell r="AT2360">
            <v>2004</v>
          </cell>
          <cell r="AU2360">
            <v>6</v>
          </cell>
        </row>
        <row r="2361">
          <cell r="C2361">
            <v>1.3753</v>
          </cell>
          <cell r="AT2361">
            <v>2004</v>
          </cell>
          <cell r="AU2361">
            <v>6</v>
          </cell>
        </row>
        <row r="2362">
          <cell r="C2362">
            <v>1.3644000000000001</v>
          </cell>
          <cell r="AT2362">
            <v>2004</v>
          </cell>
          <cell r="AU2362">
            <v>6</v>
          </cell>
        </row>
        <row r="2363">
          <cell r="C2363">
            <v>1.3644000000000001</v>
          </cell>
          <cell r="AT2363">
            <v>2004</v>
          </cell>
          <cell r="AU2363">
            <v>6</v>
          </cell>
        </row>
        <row r="2364">
          <cell r="C2364">
            <v>1.3644000000000001</v>
          </cell>
          <cell r="AT2364">
            <v>2004</v>
          </cell>
          <cell r="AU2364">
            <v>6</v>
          </cell>
        </row>
        <row r="2365">
          <cell r="C2365">
            <v>1.3640000000000001</v>
          </cell>
          <cell r="AT2365">
            <v>2004</v>
          </cell>
          <cell r="AU2365">
            <v>6</v>
          </cell>
        </row>
        <row r="2366">
          <cell r="C2366">
            <v>1.359</v>
          </cell>
          <cell r="AT2366">
            <v>2004</v>
          </cell>
          <cell r="AU2366">
            <v>6</v>
          </cell>
        </row>
        <row r="2367">
          <cell r="C2367">
            <v>1.3615999999999999</v>
          </cell>
          <cell r="AT2367">
            <v>2004</v>
          </cell>
          <cell r="AU2367">
            <v>6</v>
          </cell>
        </row>
        <row r="2368">
          <cell r="C2368">
            <v>1.343</v>
          </cell>
          <cell r="AT2368">
            <v>2004</v>
          </cell>
          <cell r="AU2368">
            <v>6</v>
          </cell>
        </row>
        <row r="2369">
          <cell r="C2369">
            <v>1.3487</v>
          </cell>
          <cell r="AT2369">
            <v>2004</v>
          </cell>
          <cell r="AU2369">
            <v>6</v>
          </cell>
        </row>
        <row r="2370">
          <cell r="C2370">
            <v>1.3487</v>
          </cell>
          <cell r="AT2370">
            <v>2004</v>
          </cell>
          <cell r="AU2370">
            <v>6</v>
          </cell>
        </row>
        <row r="2371">
          <cell r="C2371">
            <v>1.3487</v>
          </cell>
          <cell r="AT2371">
            <v>2004</v>
          </cell>
          <cell r="AU2371">
            <v>6</v>
          </cell>
        </row>
        <row r="2372">
          <cell r="C2372">
            <v>1.3432999999999999</v>
          </cell>
          <cell r="AT2372">
            <v>2004</v>
          </cell>
          <cell r="AU2372">
            <v>6</v>
          </cell>
        </row>
        <row r="2373">
          <cell r="C2373">
            <v>1.3460000000000001</v>
          </cell>
          <cell r="AT2373">
            <v>2004</v>
          </cell>
          <cell r="AU2373">
            <v>6</v>
          </cell>
        </row>
        <row r="2374">
          <cell r="C2374">
            <v>1.3404</v>
          </cell>
          <cell r="AT2374">
            <v>2004</v>
          </cell>
          <cell r="AU2374">
            <v>7</v>
          </cell>
        </row>
        <row r="2375">
          <cell r="C2375">
            <v>1.3404</v>
          </cell>
          <cell r="AT2375">
            <v>2004</v>
          </cell>
          <cell r="AU2375">
            <v>7</v>
          </cell>
        </row>
        <row r="2376">
          <cell r="C2376">
            <v>1.3251999999999999</v>
          </cell>
          <cell r="AT2376">
            <v>2004</v>
          </cell>
          <cell r="AU2376">
            <v>7</v>
          </cell>
        </row>
        <row r="2377">
          <cell r="C2377">
            <v>1.3251999999999999</v>
          </cell>
          <cell r="AT2377">
            <v>2004</v>
          </cell>
          <cell r="AU2377">
            <v>7</v>
          </cell>
        </row>
        <row r="2378">
          <cell r="C2378">
            <v>1.3251999999999999</v>
          </cell>
          <cell r="AT2378">
            <v>2004</v>
          </cell>
          <cell r="AU2378">
            <v>7</v>
          </cell>
        </row>
        <row r="2379">
          <cell r="C2379">
            <v>1.3251999999999999</v>
          </cell>
          <cell r="AT2379">
            <v>2004</v>
          </cell>
          <cell r="AU2379">
            <v>7</v>
          </cell>
        </row>
        <row r="2380">
          <cell r="C2380">
            <v>1.3264</v>
          </cell>
          <cell r="AT2380">
            <v>2004</v>
          </cell>
          <cell r="AU2380">
            <v>7</v>
          </cell>
        </row>
        <row r="2381">
          <cell r="C2381">
            <v>1.3196000000000001</v>
          </cell>
          <cell r="AT2381">
            <v>2004</v>
          </cell>
          <cell r="AU2381">
            <v>7</v>
          </cell>
        </row>
        <row r="2382">
          <cell r="C2382">
            <v>1.3163</v>
          </cell>
          <cell r="AT2382">
            <v>2004</v>
          </cell>
          <cell r="AU2382">
            <v>7</v>
          </cell>
        </row>
        <row r="2383">
          <cell r="C2383">
            <v>1.3209</v>
          </cell>
          <cell r="AT2383">
            <v>2004</v>
          </cell>
          <cell r="AU2383">
            <v>7</v>
          </cell>
        </row>
        <row r="2384">
          <cell r="C2384">
            <v>1.3209</v>
          </cell>
          <cell r="AT2384">
            <v>2004</v>
          </cell>
          <cell r="AU2384">
            <v>7</v>
          </cell>
        </row>
        <row r="2385">
          <cell r="C2385">
            <v>1.3209</v>
          </cell>
          <cell r="AT2385">
            <v>2004</v>
          </cell>
          <cell r="AU2385">
            <v>7</v>
          </cell>
        </row>
        <row r="2386">
          <cell r="C2386">
            <v>1.3187</v>
          </cell>
          <cell r="AT2386">
            <v>2004</v>
          </cell>
          <cell r="AU2386">
            <v>7</v>
          </cell>
        </row>
        <row r="2387">
          <cell r="C2387">
            <v>1.3259000000000001</v>
          </cell>
          <cell r="AT2387">
            <v>2004</v>
          </cell>
          <cell r="AU2387">
            <v>7</v>
          </cell>
        </row>
        <row r="2388">
          <cell r="C2388">
            <v>1.3221000000000001</v>
          </cell>
          <cell r="AT2388">
            <v>2004</v>
          </cell>
          <cell r="AU2388">
            <v>7</v>
          </cell>
        </row>
        <row r="2389">
          <cell r="C2389">
            <v>1.3234999999999999</v>
          </cell>
          <cell r="AT2389">
            <v>2004</v>
          </cell>
          <cell r="AU2389">
            <v>7</v>
          </cell>
        </row>
        <row r="2390">
          <cell r="C2390">
            <v>1.3086</v>
          </cell>
          <cell r="AT2390">
            <v>2004</v>
          </cell>
          <cell r="AU2390">
            <v>7</v>
          </cell>
        </row>
        <row r="2391">
          <cell r="C2391">
            <v>1.3086</v>
          </cell>
          <cell r="AT2391">
            <v>2004</v>
          </cell>
          <cell r="AU2391">
            <v>7</v>
          </cell>
        </row>
        <row r="2392">
          <cell r="C2392">
            <v>1.3086</v>
          </cell>
          <cell r="AT2392">
            <v>2004</v>
          </cell>
          <cell r="AU2392">
            <v>7</v>
          </cell>
        </row>
        <row r="2393">
          <cell r="C2393">
            <v>1.3079000000000001</v>
          </cell>
          <cell r="AT2393">
            <v>2004</v>
          </cell>
          <cell r="AU2393">
            <v>7</v>
          </cell>
        </row>
        <row r="2394">
          <cell r="C2394">
            <v>1.3098000000000001</v>
          </cell>
          <cell r="AT2394">
            <v>2004</v>
          </cell>
          <cell r="AU2394">
            <v>7</v>
          </cell>
        </row>
        <row r="2395">
          <cell r="C2395">
            <v>1.3242</v>
          </cell>
          <cell r="AT2395">
            <v>2004</v>
          </cell>
          <cell r="AU2395">
            <v>7</v>
          </cell>
        </row>
        <row r="2396">
          <cell r="C2396">
            <v>1.3130999999999999</v>
          </cell>
          <cell r="AT2396">
            <v>2004</v>
          </cell>
          <cell r="AU2396">
            <v>7</v>
          </cell>
        </row>
        <row r="2397">
          <cell r="C2397">
            <v>1.3217000000000001</v>
          </cell>
          <cell r="AT2397">
            <v>2004</v>
          </cell>
          <cell r="AU2397">
            <v>7</v>
          </cell>
        </row>
        <row r="2398">
          <cell r="C2398">
            <v>1.3217000000000001</v>
          </cell>
          <cell r="AT2398">
            <v>2004</v>
          </cell>
          <cell r="AU2398">
            <v>7</v>
          </cell>
        </row>
        <row r="2399">
          <cell r="C2399">
            <v>1.3217000000000001</v>
          </cell>
          <cell r="AT2399">
            <v>2004</v>
          </cell>
          <cell r="AU2399">
            <v>7</v>
          </cell>
        </row>
        <row r="2400">
          <cell r="C2400">
            <v>1.3320000000000001</v>
          </cell>
          <cell r="AT2400">
            <v>2004</v>
          </cell>
          <cell r="AU2400">
            <v>7</v>
          </cell>
        </row>
        <row r="2401">
          <cell r="C2401">
            <v>1.3348</v>
          </cell>
          <cell r="AT2401">
            <v>2004</v>
          </cell>
          <cell r="AU2401">
            <v>7</v>
          </cell>
        </row>
        <row r="2402">
          <cell r="C2402">
            <v>1.3305</v>
          </cell>
          <cell r="AT2402">
            <v>2004</v>
          </cell>
          <cell r="AU2402">
            <v>7</v>
          </cell>
        </row>
        <row r="2403">
          <cell r="C2403">
            <v>1.3248</v>
          </cell>
          <cell r="AT2403">
            <v>2004</v>
          </cell>
          <cell r="AU2403">
            <v>7</v>
          </cell>
        </row>
        <row r="2404">
          <cell r="C2404">
            <v>1.3291999999999999</v>
          </cell>
          <cell r="AT2404">
            <v>2004</v>
          </cell>
          <cell r="AU2404">
            <v>7</v>
          </cell>
        </row>
        <row r="2405">
          <cell r="C2405">
            <v>1.3291999999999999</v>
          </cell>
          <cell r="AT2405">
            <v>2004</v>
          </cell>
          <cell r="AU2405">
            <v>8</v>
          </cell>
        </row>
        <row r="2406">
          <cell r="C2406">
            <v>1.3291999999999999</v>
          </cell>
          <cell r="AT2406">
            <v>2004</v>
          </cell>
          <cell r="AU2406">
            <v>8</v>
          </cell>
        </row>
        <row r="2407">
          <cell r="C2407">
            <v>1.3291999999999999</v>
          </cell>
          <cell r="AT2407">
            <v>2004</v>
          </cell>
          <cell r="AU2407">
            <v>8</v>
          </cell>
        </row>
        <row r="2408">
          <cell r="C2408">
            <v>1.3190999999999999</v>
          </cell>
          <cell r="AT2408">
            <v>2004</v>
          </cell>
          <cell r="AU2408">
            <v>8</v>
          </cell>
        </row>
        <row r="2409">
          <cell r="C2409">
            <v>1.3154999999999999</v>
          </cell>
          <cell r="AT2409">
            <v>2004</v>
          </cell>
          <cell r="AU2409">
            <v>8</v>
          </cell>
        </row>
        <row r="2410">
          <cell r="C2410">
            <v>1.3178000000000001</v>
          </cell>
          <cell r="AT2410">
            <v>2004</v>
          </cell>
          <cell r="AU2410">
            <v>8</v>
          </cell>
        </row>
        <row r="2411">
          <cell r="C2411">
            <v>1.3098000000000001</v>
          </cell>
          <cell r="AT2411">
            <v>2004</v>
          </cell>
          <cell r="AU2411">
            <v>8</v>
          </cell>
        </row>
        <row r="2412">
          <cell r="C2412">
            <v>1.3098000000000001</v>
          </cell>
          <cell r="AT2412">
            <v>2004</v>
          </cell>
          <cell r="AU2412">
            <v>8</v>
          </cell>
        </row>
        <row r="2413">
          <cell r="C2413">
            <v>1.3098000000000001</v>
          </cell>
          <cell r="AT2413">
            <v>2004</v>
          </cell>
          <cell r="AU2413">
            <v>8</v>
          </cell>
        </row>
        <row r="2414">
          <cell r="C2414">
            <v>1.3165</v>
          </cell>
          <cell r="AT2414">
            <v>2004</v>
          </cell>
          <cell r="AU2414">
            <v>8</v>
          </cell>
        </row>
        <row r="2415">
          <cell r="C2415">
            <v>1.3139000000000001</v>
          </cell>
          <cell r="AT2415">
            <v>2004</v>
          </cell>
          <cell r="AU2415">
            <v>8</v>
          </cell>
        </row>
        <row r="2416">
          <cell r="C2416">
            <v>1.3239000000000001</v>
          </cell>
          <cell r="AT2416">
            <v>2004</v>
          </cell>
          <cell r="AU2416">
            <v>8</v>
          </cell>
        </row>
        <row r="2417">
          <cell r="C2417">
            <v>1.3326</v>
          </cell>
          <cell r="AT2417">
            <v>2004</v>
          </cell>
          <cell r="AU2417">
            <v>8</v>
          </cell>
        </row>
        <row r="2418">
          <cell r="C2418">
            <v>1.3098000000000001</v>
          </cell>
          <cell r="AT2418">
            <v>2004</v>
          </cell>
          <cell r="AU2418">
            <v>8</v>
          </cell>
        </row>
        <row r="2419">
          <cell r="C2419">
            <v>1.3098000000000001</v>
          </cell>
          <cell r="AT2419">
            <v>2004</v>
          </cell>
          <cell r="AU2419">
            <v>8</v>
          </cell>
        </row>
        <row r="2420">
          <cell r="C2420">
            <v>1.3098000000000001</v>
          </cell>
          <cell r="AT2420">
            <v>2004</v>
          </cell>
          <cell r="AU2420">
            <v>8</v>
          </cell>
        </row>
        <row r="2421">
          <cell r="C2421">
            <v>1.3076000000000001</v>
          </cell>
          <cell r="AT2421">
            <v>2004</v>
          </cell>
          <cell r="AU2421">
            <v>8</v>
          </cell>
        </row>
        <row r="2422">
          <cell r="C2422">
            <v>1.3078000000000001</v>
          </cell>
          <cell r="AT2422">
            <v>2004</v>
          </cell>
          <cell r="AU2422">
            <v>8</v>
          </cell>
        </row>
        <row r="2423">
          <cell r="C2423">
            <v>1.3072999999999999</v>
          </cell>
          <cell r="AT2423">
            <v>2004</v>
          </cell>
          <cell r="AU2423">
            <v>8</v>
          </cell>
        </row>
        <row r="2424">
          <cell r="C2424">
            <v>1.2963</v>
          </cell>
          <cell r="AT2424">
            <v>2004</v>
          </cell>
          <cell r="AU2424">
            <v>8</v>
          </cell>
        </row>
        <row r="2425">
          <cell r="C2425">
            <v>1.2977000000000001</v>
          </cell>
          <cell r="AT2425">
            <v>2004</v>
          </cell>
          <cell r="AU2425">
            <v>8</v>
          </cell>
        </row>
        <row r="2426">
          <cell r="C2426">
            <v>1.2977000000000001</v>
          </cell>
          <cell r="AT2426">
            <v>2004</v>
          </cell>
          <cell r="AU2426">
            <v>8</v>
          </cell>
        </row>
        <row r="2427">
          <cell r="C2427">
            <v>1.2977000000000001</v>
          </cell>
          <cell r="AT2427">
            <v>2004</v>
          </cell>
          <cell r="AU2427">
            <v>8</v>
          </cell>
        </row>
        <row r="2428">
          <cell r="C2428">
            <v>1.3063</v>
          </cell>
          <cell r="AT2428">
            <v>2004</v>
          </cell>
          <cell r="AU2428">
            <v>8</v>
          </cell>
        </row>
        <row r="2429">
          <cell r="C2429">
            <v>1.3049999999999999</v>
          </cell>
          <cell r="AT2429">
            <v>2004</v>
          </cell>
          <cell r="AU2429">
            <v>8</v>
          </cell>
        </row>
        <row r="2430">
          <cell r="C2430">
            <v>1.3041</v>
          </cell>
          <cell r="AT2430">
            <v>2004</v>
          </cell>
          <cell r="AU2430">
            <v>8</v>
          </cell>
        </row>
        <row r="2431">
          <cell r="C2431">
            <v>1.3119000000000001</v>
          </cell>
          <cell r="AT2431">
            <v>2004</v>
          </cell>
          <cell r="AU2431">
            <v>8</v>
          </cell>
        </row>
        <row r="2432">
          <cell r="C2432">
            <v>1.3103</v>
          </cell>
          <cell r="AT2432">
            <v>2004</v>
          </cell>
          <cell r="AU2432">
            <v>8</v>
          </cell>
        </row>
        <row r="2433">
          <cell r="C2433">
            <v>1.3103</v>
          </cell>
          <cell r="AT2433">
            <v>2004</v>
          </cell>
          <cell r="AU2433">
            <v>8</v>
          </cell>
        </row>
        <row r="2434">
          <cell r="C2434">
            <v>1.3103</v>
          </cell>
          <cell r="AT2434">
            <v>2004</v>
          </cell>
          <cell r="AU2434">
            <v>8</v>
          </cell>
        </row>
        <row r="2435">
          <cell r="C2435">
            <v>1.3172999999999999</v>
          </cell>
          <cell r="AT2435">
            <v>2004</v>
          </cell>
          <cell r="AU2435">
            <v>8</v>
          </cell>
        </row>
        <row r="2436">
          <cell r="C2436">
            <v>1.3167</v>
          </cell>
          <cell r="AT2436">
            <v>2004</v>
          </cell>
          <cell r="AU2436">
            <v>9</v>
          </cell>
        </row>
        <row r="2437">
          <cell r="C2437">
            <v>1.3068</v>
          </cell>
          <cell r="AT2437">
            <v>2004</v>
          </cell>
          <cell r="AU2437">
            <v>9</v>
          </cell>
        </row>
        <row r="2438">
          <cell r="C2438">
            <v>1.2996000000000001</v>
          </cell>
          <cell r="AT2438">
            <v>2004</v>
          </cell>
          <cell r="AU2438">
            <v>9</v>
          </cell>
        </row>
        <row r="2439">
          <cell r="C2439">
            <v>1.3006</v>
          </cell>
          <cell r="AT2439">
            <v>2004</v>
          </cell>
          <cell r="AU2439">
            <v>9</v>
          </cell>
        </row>
        <row r="2440">
          <cell r="C2440">
            <v>1.3006</v>
          </cell>
          <cell r="AT2440">
            <v>2004</v>
          </cell>
          <cell r="AU2440">
            <v>9</v>
          </cell>
        </row>
        <row r="2441">
          <cell r="C2441">
            <v>1.3006</v>
          </cell>
          <cell r="AT2441">
            <v>2004</v>
          </cell>
          <cell r="AU2441">
            <v>9</v>
          </cell>
        </row>
        <row r="2442">
          <cell r="C2442">
            <v>1.3006</v>
          </cell>
          <cell r="AT2442">
            <v>2004</v>
          </cell>
          <cell r="AU2442">
            <v>9</v>
          </cell>
        </row>
        <row r="2443">
          <cell r="C2443">
            <v>1.2876000000000001</v>
          </cell>
          <cell r="AT2443">
            <v>2004</v>
          </cell>
          <cell r="AU2443">
            <v>9</v>
          </cell>
        </row>
        <row r="2444">
          <cell r="C2444">
            <v>1.2902</v>
          </cell>
          <cell r="AT2444">
            <v>2004</v>
          </cell>
          <cell r="AU2444">
            <v>9</v>
          </cell>
        </row>
        <row r="2445">
          <cell r="C2445">
            <v>1.2875000000000001</v>
          </cell>
          <cell r="AT2445">
            <v>2004</v>
          </cell>
          <cell r="AU2445">
            <v>9</v>
          </cell>
        </row>
        <row r="2446">
          <cell r="C2446">
            <v>1.2877000000000001</v>
          </cell>
          <cell r="AT2446">
            <v>2004</v>
          </cell>
          <cell r="AU2446">
            <v>9</v>
          </cell>
        </row>
        <row r="2447">
          <cell r="C2447">
            <v>1.2877000000000001</v>
          </cell>
          <cell r="AT2447">
            <v>2004</v>
          </cell>
          <cell r="AU2447">
            <v>9</v>
          </cell>
        </row>
        <row r="2448">
          <cell r="C2448">
            <v>1.2877000000000001</v>
          </cell>
          <cell r="AT2448">
            <v>2004</v>
          </cell>
          <cell r="AU2448">
            <v>9</v>
          </cell>
        </row>
        <row r="2449">
          <cell r="C2449">
            <v>1.3003</v>
          </cell>
          <cell r="AT2449">
            <v>2004</v>
          </cell>
          <cell r="AU2449">
            <v>9</v>
          </cell>
        </row>
        <row r="2450">
          <cell r="C2450">
            <v>1.2917000000000001</v>
          </cell>
          <cell r="AT2450">
            <v>2004</v>
          </cell>
          <cell r="AU2450">
            <v>9</v>
          </cell>
        </row>
        <row r="2451">
          <cell r="C2451">
            <v>1.2988</v>
          </cell>
          <cell r="AT2451">
            <v>2004</v>
          </cell>
          <cell r="AU2451">
            <v>9</v>
          </cell>
        </row>
        <row r="2452">
          <cell r="C2452">
            <v>1.2894000000000001</v>
          </cell>
          <cell r="AT2452">
            <v>2004</v>
          </cell>
          <cell r="AU2452">
            <v>9</v>
          </cell>
        </row>
        <row r="2453">
          <cell r="C2453">
            <v>1.2997000000000001</v>
          </cell>
          <cell r="AT2453">
            <v>2004</v>
          </cell>
          <cell r="AU2453">
            <v>9</v>
          </cell>
        </row>
        <row r="2454">
          <cell r="C2454">
            <v>1.2997000000000001</v>
          </cell>
          <cell r="AT2454">
            <v>2004</v>
          </cell>
          <cell r="AU2454">
            <v>9</v>
          </cell>
        </row>
        <row r="2455">
          <cell r="C2455">
            <v>1.2997000000000001</v>
          </cell>
          <cell r="AT2455">
            <v>2004</v>
          </cell>
          <cell r="AU2455">
            <v>9</v>
          </cell>
        </row>
        <row r="2456">
          <cell r="C2456">
            <v>1.2941</v>
          </cell>
          <cell r="AT2456">
            <v>2004</v>
          </cell>
          <cell r="AU2456">
            <v>9</v>
          </cell>
        </row>
        <row r="2457">
          <cell r="C2457">
            <v>1.2884</v>
          </cell>
          <cell r="AT2457">
            <v>2004</v>
          </cell>
          <cell r="AU2457">
            <v>9</v>
          </cell>
        </row>
        <row r="2458">
          <cell r="C2458">
            <v>1.2817000000000001</v>
          </cell>
          <cell r="AT2458">
            <v>2004</v>
          </cell>
          <cell r="AU2458">
            <v>9</v>
          </cell>
        </row>
        <row r="2459">
          <cell r="C2459">
            <v>1.2782</v>
          </cell>
          <cell r="AT2459">
            <v>2004</v>
          </cell>
          <cell r="AU2459">
            <v>9</v>
          </cell>
        </row>
        <row r="2460">
          <cell r="C2460">
            <v>1.2758</v>
          </cell>
          <cell r="AT2460">
            <v>2004</v>
          </cell>
          <cell r="AU2460">
            <v>9</v>
          </cell>
        </row>
        <row r="2461">
          <cell r="C2461">
            <v>1.2758</v>
          </cell>
          <cell r="AT2461">
            <v>2004</v>
          </cell>
          <cell r="AU2461">
            <v>9</v>
          </cell>
        </row>
        <row r="2462">
          <cell r="C2462">
            <v>1.2758</v>
          </cell>
          <cell r="AT2462">
            <v>2004</v>
          </cell>
          <cell r="AU2462">
            <v>9</v>
          </cell>
        </row>
        <row r="2463">
          <cell r="C2463">
            <v>1.2737000000000001</v>
          </cell>
          <cell r="AT2463">
            <v>2004</v>
          </cell>
          <cell r="AU2463">
            <v>9</v>
          </cell>
        </row>
        <row r="2464">
          <cell r="C2464">
            <v>1.2755000000000001</v>
          </cell>
          <cell r="AT2464">
            <v>2004</v>
          </cell>
          <cell r="AU2464">
            <v>9</v>
          </cell>
        </row>
        <row r="2465">
          <cell r="C2465">
            <v>1.2725</v>
          </cell>
          <cell r="AT2465">
            <v>2004</v>
          </cell>
          <cell r="AU2465">
            <v>9</v>
          </cell>
        </row>
        <row r="2466">
          <cell r="C2466">
            <v>1.2639</v>
          </cell>
          <cell r="AT2466">
            <v>2004</v>
          </cell>
          <cell r="AU2466">
            <v>10</v>
          </cell>
        </row>
        <row r="2467">
          <cell r="C2467">
            <v>1.2629999999999999</v>
          </cell>
          <cell r="AT2467">
            <v>2004</v>
          </cell>
          <cell r="AU2467">
            <v>10</v>
          </cell>
        </row>
        <row r="2468">
          <cell r="C2468">
            <v>1.2629999999999999</v>
          </cell>
          <cell r="AT2468">
            <v>2004</v>
          </cell>
          <cell r="AU2468">
            <v>10</v>
          </cell>
        </row>
        <row r="2469">
          <cell r="C2469">
            <v>1.2629999999999999</v>
          </cell>
          <cell r="AT2469">
            <v>2004</v>
          </cell>
          <cell r="AU2469">
            <v>10</v>
          </cell>
        </row>
        <row r="2470">
          <cell r="C2470">
            <v>1.2725</v>
          </cell>
          <cell r="AT2470">
            <v>2004</v>
          </cell>
          <cell r="AU2470">
            <v>10</v>
          </cell>
        </row>
        <row r="2471">
          <cell r="C2471">
            <v>1.2623</v>
          </cell>
          <cell r="AT2471">
            <v>2004</v>
          </cell>
          <cell r="AU2471">
            <v>10</v>
          </cell>
        </row>
        <row r="2472">
          <cell r="C2472">
            <v>1.2593000000000001</v>
          </cell>
          <cell r="AT2472">
            <v>2004</v>
          </cell>
          <cell r="AU2472">
            <v>10</v>
          </cell>
        </row>
        <row r="2473">
          <cell r="C2473">
            <v>1.2575000000000001</v>
          </cell>
          <cell r="AT2473">
            <v>2004</v>
          </cell>
          <cell r="AU2473">
            <v>10</v>
          </cell>
        </row>
        <row r="2474">
          <cell r="C2474">
            <v>1.2513000000000001</v>
          </cell>
          <cell r="AT2474">
            <v>2004</v>
          </cell>
          <cell r="AU2474">
            <v>10</v>
          </cell>
        </row>
        <row r="2475">
          <cell r="C2475">
            <v>1.2513000000000001</v>
          </cell>
          <cell r="AT2475">
            <v>2004</v>
          </cell>
          <cell r="AU2475">
            <v>10</v>
          </cell>
        </row>
        <row r="2476">
          <cell r="C2476">
            <v>1.2513000000000001</v>
          </cell>
          <cell r="AT2476">
            <v>2004</v>
          </cell>
          <cell r="AU2476">
            <v>10</v>
          </cell>
        </row>
        <row r="2477">
          <cell r="C2477">
            <v>1.2513000000000001</v>
          </cell>
          <cell r="AT2477">
            <v>2004</v>
          </cell>
          <cell r="AU2477">
            <v>10</v>
          </cell>
        </row>
        <row r="2478">
          <cell r="C2478">
            <v>1.2573000000000001</v>
          </cell>
          <cell r="AT2478">
            <v>2004</v>
          </cell>
          <cell r="AU2478">
            <v>10</v>
          </cell>
        </row>
        <row r="2479">
          <cell r="C2479">
            <v>1.2636000000000001</v>
          </cell>
          <cell r="AT2479">
            <v>2004</v>
          </cell>
          <cell r="AU2479">
            <v>10</v>
          </cell>
        </row>
        <row r="2480">
          <cell r="C2480">
            <v>1.2524999999999999</v>
          </cell>
          <cell r="AT2480">
            <v>2004</v>
          </cell>
          <cell r="AU2480">
            <v>10</v>
          </cell>
        </row>
        <row r="2481">
          <cell r="C2481">
            <v>1.2519</v>
          </cell>
          <cell r="AT2481">
            <v>2004</v>
          </cell>
          <cell r="AU2481">
            <v>10</v>
          </cell>
        </row>
        <row r="2482">
          <cell r="C2482">
            <v>1.2519</v>
          </cell>
          <cell r="AT2482">
            <v>2004</v>
          </cell>
          <cell r="AU2482">
            <v>10</v>
          </cell>
        </row>
        <row r="2483">
          <cell r="C2483">
            <v>1.2519</v>
          </cell>
          <cell r="AT2483">
            <v>2004</v>
          </cell>
          <cell r="AU2483">
            <v>10</v>
          </cell>
        </row>
        <row r="2484">
          <cell r="C2484">
            <v>1.2547999999999999</v>
          </cell>
          <cell r="AT2484">
            <v>2004</v>
          </cell>
          <cell r="AU2484">
            <v>10</v>
          </cell>
        </row>
        <row r="2485">
          <cell r="C2485">
            <v>1.2544</v>
          </cell>
          <cell r="AT2485">
            <v>2004</v>
          </cell>
          <cell r="AU2485">
            <v>10</v>
          </cell>
        </row>
        <row r="2486">
          <cell r="C2486">
            <v>1.2432000000000001</v>
          </cell>
          <cell r="AT2486">
            <v>2004</v>
          </cell>
          <cell r="AU2486">
            <v>10</v>
          </cell>
        </row>
        <row r="2487">
          <cell r="C2487">
            <v>1.2427999999999999</v>
          </cell>
          <cell r="AT2487">
            <v>2004</v>
          </cell>
          <cell r="AU2487">
            <v>10</v>
          </cell>
        </row>
        <row r="2488">
          <cell r="C2488">
            <v>1.2379</v>
          </cell>
          <cell r="AT2488">
            <v>2004</v>
          </cell>
          <cell r="AU2488">
            <v>10</v>
          </cell>
        </row>
        <row r="2489">
          <cell r="C2489">
            <v>1.2379</v>
          </cell>
          <cell r="AT2489">
            <v>2004</v>
          </cell>
          <cell r="AU2489">
            <v>10</v>
          </cell>
        </row>
        <row r="2490">
          <cell r="C2490">
            <v>1.2379</v>
          </cell>
          <cell r="AT2490">
            <v>2004</v>
          </cell>
          <cell r="AU2490">
            <v>10</v>
          </cell>
        </row>
        <row r="2491">
          <cell r="C2491">
            <v>1.2233000000000001</v>
          </cell>
          <cell r="AT2491">
            <v>2004</v>
          </cell>
          <cell r="AU2491">
            <v>10</v>
          </cell>
        </row>
        <row r="2492">
          <cell r="C2492">
            <v>1.2251000000000001</v>
          </cell>
          <cell r="AT2492">
            <v>2004</v>
          </cell>
          <cell r="AU2492">
            <v>10</v>
          </cell>
        </row>
        <row r="2493">
          <cell r="C2493">
            <v>1.2257</v>
          </cell>
          <cell r="AT2493">
            <v>2004</v>
          </cell>
          <cell r="AU2493">
            <v>10</v>
          </cell>
        </row>
        <row r="2494">
          <cell r="C2494">
            <v>1.2197</v>
          </cell>
          <cell r="AT2494">
            <v>2004</v>
          </cell>
          <cell r="AU2494">
            <v>10</v>
          </cell>
        </row>
        <row r="2495">
          <cell r="C2495">
            <v>1.2206999999999999</v>
          </cell>
          <cell r="AT2495">
            <v>2004</v>
          </cell>
          <cell r="AU2495">
            <v>10</v>
          </cell>
        </row>
        <row r="2496">
          <cell r="C2496">
            <v>1.2206999999999999</v>
          </cell>
          <cell r="AT2496">
            <v>2004</v>
          </cell>
          <cell r="AU2496">
            <v>10</v>
          </cell>
        </row>
        <row r="2497">
          <cell r="C2497">
            <v>1.2206999999999999</v>
          </cell>
          <cell r="AT2497">
            <v>2004</v>
          </cell>
          <cell r="AU2497">
            <v>11</v>
          </cell>
        </row>
        <row r="2498">
          <cell r="C2498">
            <v>1.2230000000000001</v>
          </cell>
          <cell r="AT2498">
            <v>2004</v>
          </cell>
          <cell r="AU2498">
            <v>11</v>
          </cell>
        </row>
        <row r="2499">
          <cell r="C2499">
            <v>1.2270000000000001</v>
          </cell>
          <cell r="AT2499">
            <v>2004</v>
          </cell>
          <cell r="AU2499">
            <v>11</v>
          </cell>
        </row>
        <row r="2500">
          <cell r="C2500">
            <v>1.2117</v>
          </cell>
          <cell r="AT2500">
            <v>2004</v>
          </cell>
          <cell r="AU2500">
            <v>11</v>
          </cell>
        </row>
        <row r="2501">
          <cell r="C2501">
            <v>1.2052</v>
          </cell>
          <cell r="AT2501">
            <v>2004</v>
          </cell>
          <cell r="AU2501">
            <v>11</v>
          </cell>
        </row>
        <row r="2502">
          <cell r="C2502">
            <v>1.1982999999999999</v>
          </cell>
          <cell r="AT2502">
            <v>2004</v>
          </cell>
          <cell r="AU2502">
            <v>11</v>
          </cell>
        </row>
        <row r="2503">
          <cell r="C2503">
            <v>1.1982999999999999</v>
          </cell>
          <cell r="AT2503">
            <v>2004</v>
          </cell>
          <cell r="AU2503">
            <v>11</v>
          </cell>
        </row>
        <row r="2504">
          <cell r="C2504">
            <v>1.1982999999999999</v>
          </cell>
          <cell r="AT2504">
            <v>2004</v>
          </cell>
          <cell r="AU2504">
            <v>11</v>
          </cell>
        </row>
        <row r="2505">
          <cell r="C2505">
            <v>1.1926000000000001</v>
          </cell>
          <cell r="AT2505">
            <v>2004</v>
          </cell>
          <cell r="AU2505">
            <v>11</v>
          </cell>
        </row>
        <row r="2506">
          <cell r="C2506">
            <v>1.1959</v>
          </cell>
          <cell r="AT2506">
            <v>2004</v>
          </cell>
          <cell r="AU2506">
            <v>11</v>
          </cell>
        </row>
        <row r="2507">
          <cell r="C2507">
            <v>1.198</v>
          </cell>
          <cell r="AT2507">
            <v>2004</v>
          </cell>
          <cell r="AU2507">
            <v>11</v>
          </cell>
        </row>
        <row r="2508">
          <cell r="C2508">
            <v>1.198</v>
          </cell>
          <cell r="AT2508">
            <v>2004</v>
          </cell>
          <cell r="AU2508">
            <v>11</v>
          </cell>
        </row>
        <row r="2509">
          <cell r="C2509">
            <v>1.1924999999999999</v>
          </cell>
          <cell r="AT2509">
            <v>2004</v>
          </cell>
          <cell r="AU2509">
            <v>11</v>
          </cell>
        </row>
        <row r="2510">
          <cell r="C2510">
            <v>1.1924999999999999</v>
          </cell>
          <cell r="AT2510">
            <v>2004</v>
          </cell>
          <cell r="AU2510">
            <v>11</v>
          </cell>
        </row>
        <row r="2511">
          <cell r="C2511">
            <v>1.1924999999999999</v>
          </cell>
          <cell r="AT2511">
            <v>2004</v>
          </cell>
          <cell r="AU2511">
            <v>11</v>
          </cell>
        </row>
        <row r="2512">
          <cell r="C2512">
            <v>1.2031000000000001</v>
          </cell>
          <cell r="AT2512">
            <v>2004</v>
          </cell>
          <cell r="AU2512">
            <v>11</v>
          </cell>
        </row>
        <row r="2513">
          <cell r="C2513">
            <v>1.1934</v>
          </cell>
          <cell r="AT2513">
            <v>2004</v>
          </cell>
          <cell r="AU2513">
            <v>11</v>
          </cell>
        </row>
        <row r="2514">
          <cell r="C2514">
            <v>1.1923999999999999</v>
          </cell>
          <cell r="AT2514">
            <v>2004</v>
          </cell>
          <cell r="AU2514">
            <v>11</v>
          </cell>
        </row>
        <row r="2515">
          <cell r="C2515">
            <v>1.2074</v>
          </cell>
          <cell r="AT2515">
            <v>2004</v>
          </cell>
          <cell r="AU2515">
            <v>11</v>
          </cell>
        </row>
        <row r="2516">
          <cell r="C2516">
            <v>1.2074</v>
          </cell>
          <cell r="AT2516">
            <v>2004</v>
          </cell>
          <cell r="AU2516">
            <v>11</v>
          </cell>
        </row>
        <row r="2517">
          <cell r="C2517">
            <v>1.1916</v>
          </cell>
          <cell r="AT2517">
            <v>2004</v>
          </cell>
          <cell r="AU2517">
            <v>11</v>
          </cell>
        </row>
        <row r="2518">
          <cell r="C2518">
            <v>1.1916</v>
          </cell>
          <cell r="AT2518">
            <v>2004</v>
          </cell>
          <cell r="AU2518">
            <v>11</v>
          </cell>
        </row>
        <row r="2519">
          <cell r="C2519">
            <v>1.1843999999999999</v>
          </cell>
          <cell r="AT2519">
            <v>2004</v>
          </cell>
          <cell r="AU2519">
            <v>11</v>
          </cell>
        </row>
        <row r="2520">
          <cell r="C2520">
            <v>1.1865000000000001</v>
          </cell>
          <cell r="AT2520">
            <v>2004</v>
          </cell>
          <cell r="AU2520">
            <v>11</v>
          </cell>
        </row>
        <row r="2521">
          <cell r="C2521">
            <v>1.1814</v>
          </cell>
          <cell r="AT2521">
            <v>2004</v>
          </cell>
          <cell r="AU2521">
            <v>11</v>
          </cell>
        </row>
        <row r="2522">
          <cell r="C2522">
            <v>1.1814</v>
          </cell>
          <cell r="AT2522">
            <v>2004</v>
          </cell>
          <cell r="AU2522">
            <v>11</v>
          </cell>
        </row>
        <row r="2523">
          <cell r="C2523">
            <v>1.1814</v>
          </cell>
          <cell r="AT2523">
            <v>2004</v>
          </cell>
          <cell r="AU2523">
            <v>11</v>
          </cell>
        </row>
        <row r="2524">
          <cell r="C2524">
            <v>1.1814</v>
          </cell>
          <cell r="AT2524">
            <v>2004</v>
          </cell>
          <cell r="AU2524">
            <v>11</v>
          </cell>
        </row>
        <row r="2525">
          <cell r="C2525">
            <v>1.1814</v>
          </cell>
          <cell r="AT2525">
            <v>2004</v>
          </cell>
          <cell r="AU2525">
            <v>11</v>
          </cell>
        </row>
        <row r="2526">
          <cell r="C2526">
            <v>1.1850000000000001</v>
          </cell>
          <cell r="AT2526">
            <v>2004</v>
          </cell>
          <cell r="AU2526">
            <v>11</v>
          </cell>
        </row>
        <row r="2527">
          <cell r="C2527">
            <v>1.1903999999999999</v>
          </cell>
          <cell r="AT2527">
            <v>2004</v>
          </cell>
          <cell r="AU2527">
            <v>12</v>
          </cell>
        </row>
        <row r="2528">
          <cell r="C2528">
            <v>1.1858</v>
          </cell>
          <cell r="AT2528">
            <v>2004</v>
          </cell>
          <cell r="AU2528">
            <v>12</v>
          </cell>
        </row>
        <row r="2529">
          <cell r="C2529">
            <v>1.1899</v>
          </cell>
          <cell r="AT2529">
            <v>2004</v>
          </cell>
          <cell r="AU2529">
            <v>12</v>
          </cell>
        </row>
        <row r="2530">
          <cell r="C2530">
            <v>1.1983999999999999</v>
          </cell>
          <cell r="AT2530">
            <v>2004</v>
          </cell>
          <cell r="AU2530">
            <v>12</v>
          </cell>
        </row>
        <row r="2531">
          <cell r="C2531">
            <v>1.1983999999999999</v>
          </cell>
          <cell r="AT2531">
            <v>2004</v>
          </cell>
          <cell r="AU2531">
            <v>12</v>
          </cell>
        </row>
        <row r="2532">
          <cell r="C2532">
            <v>1.1983999999999999</v>
          </cell>
          <cell r="AT2532">
            <v>2004</v>
          </cell>
          <cell r="AU2532">
            <v>12</v>
          </cell>
        </row>
        <row r="2533">
          <cell r="C2533">
            <v>1.2014</v>
          </cell>
          <cell r="AT2533">
            <v>2004</v>
          </cell>
          <cell r="AU2533">
            <v>12</v>
          </cell>
        </row>
        <row r="2534">
          <cell r="C2534">
            <v>1.2084999999999999</v>
          </cell>
          <cell r="AT2534">
            <v>2004</v>
          </cell>
          <cell r="AU2534">
            <v>12</v>
          </cell>
        </row>
        <row r="2535">
          <cell r="C2535">
            <v>1.2251000000000001</v>
          </cell>
          <cell r="AT2535">
            <v>2004</v>
          </cell>
          <cell r="AU2535">
            <v>12</v>
          </cell>
        </row>
        <row r="2536">
          <cell r="C2536">
            <v>1.2256</v>
          </cell>
          <cell r="AT2536">
            <v>2004</v>
          </cell>
          <cell r="AU2536">
            <v>12</v>
          </cell>
        </row>
        <row r="2537">
          <cell r="C2537">
            <v>1.2262999999999999</v>
          </cell>
          <cell r="AT2537">
            <v>2004</v>
          </cell>
          <cell r="AU2537">
            <v>12</v>
          </cell>
        </row>
        <row r="2538">
          <cell r="C2538">
            <v>1.2262999999999999</v>
          </cell>
          <cell r="AT2538">
            <v>2004</v>
          </cell>
          <cell r="AU2538">
            <v>12</v>
          </cell>
        </row>
        <row r="2539">
          <cell r="C2539">
            <v>1.2262999999999999</v>
          </cell>
          <cell r="AT2539">
            <v>2004</v>
          </cell>
          <cell r="AU2539">
            <v>12</v>
          </cell>
        </row>
        <row r="2540">
          <cell r="C2540">
            <v>1.2262999999999999</v>
          </cell>
          <cell r="AT2540">
            <v>2004</v>
          </cell>
          <cell r="AU2540">
            <v>12</v>
          </cell>
        </row>
        <row r="2541">
          <cell r="C2541">
            <v>1.2376</v>
          </cell>
          <cell r="AT2541">
            <v>2004</v>
          </cell>
          <cell r="AU2541">
            <v>12</v>
          </cell>
        </row>
        <row r="2542">
          <cell r="C2542">
            <v>1.2230000000000001</v>
          </cell>
          <cell r="AT2542">
            <v>2004</v>
          </cell>
          <cell r="AU2542">
            <v>12</v>
          </cell>
        </row>
        <row r="2543">
          <cell r="C2543">
            <v>1.2355</v>
          </cell>
          <cell r="AT2543">
            <v>2004</v>
          </cell>
          <cell r="AU2543">
            <v>12</v>
          </cell>
        </row>
        <row r="2544">
          <cell r="C2544">
            <v>1.2262</v>
          </cell>
          <cell r="AT2544">
            <v>2004</v>
          </cell>
          <cell r="AU2544">
            <v>12</v>
          </cell>
        </row>
        <row r="2545">
          <cell r="C2545">
            <v>1.2262</v>
          </cell>
          <cell r="AT2545">
            <v>2004</v>
          </cell>
          <cell r="AU2545">
            <v>12</v>
          </cell>
        </row>
        <row r="2546">
          <cell r="C2546">
            <v>1.2262</v>
          </cell>
          <cell r="AT2546">
            <v>2004</v>
          </cell>
          <cell r="AU2546">
            <v>12</v>
          </cell>
        </row>
        <row r="2547">
          <cell r="C2547">
            <v>1.2294</v>
          </cell>
          <cell r="AT2547">
            <v>2004</v>
          </cell>
          <cell r="AU2547">
            <v>12</v>
          </cell>
        </row>
        <row r="2548">
          <cell r="C2548">
            <v>1.2271000000000001</v>
          </cell>
          <cell r="AT2548">
            <v>2004</v>
          </cell>
          <cell r="AU2548">
            <v>12</v>
          </cell>
        </row>
        <row r="2549">
          <cell r="C2549">
            <v>1.2413000000000001</v>
          </cell>
          <cell r="AT2549">
            <v>2004</v>
          </cell>
          <cell r="AU2549">
            <v>12</v>
          </cell>
        </row>
        <row r="2550">
          <cell r="C2550">
            <v>1.2357</v>
          </cell>
          <cell r="AT2550">
            <v>2004</v>
          </cell>
          <cell r="AU2550">
            <v>12</v>
          </cell>
        </row>
        <row r="2551">
          <cell r="C2551">
            <v>1.2357</v>
          </cell>
          <cell r="AT2551">
            <v>2004</v>
          </cell>
          <cell r="AU2551">
            <v>12</v>
          </cell>
        </row>
        <row r="2552">
          <cell r="C2552">
            <v>1.2357</v>
          </cell>
          <cell r="AT2552">
            <v>2004</v>
          </cell>
          <cell r="AU2552">
            <v>12</v>
          </cell>
        </row>
        <row r="2553">
          <cell r="C2553">
            <v>1.2357</v>
          </cell>
          <cell r="AT2553">
            <v>2004</v>
          </cell>
          <cell r="AU2553">
            <v>12</v>
          </cell>
        </row>
        <row r="2554">
          <cell r="C2554">
            <v>1.2295</v>
          </cell>
          <cell r="AT2554">
            <v>2004</v>
          </cell>
          <cell r="AU2554">
            <v>12</v>
          </cell>
        </row>
        <row r="2555">
          <cell r="C2555">
            <v>1.2295</v>
          </cell>
          <cell r="AT2555">
            <v>2004</v>
          </cell>
          <cell r="AU2555">
            <v>12</v>
          </cell>
        </row>
        <row r="2556">
          <cell r="C2556">
            <v>1.2295</v>
          </cell>
          <cell r="AT2556">
            <v>2004</v>
          </cell>
          <cell r="AU2556">
            <v>12</v>
          </cell>
        </row>
        <row r="2557">
          <cell r="C2557">
            <v>1.2061999999999999</v>
          </cell>
          <cell r="AT2557">
            <v>2004</v>
          </cell>
          <cell r="AU2557">
            <v>12</v>
          </cell>
        </row>
        <row r="2558">
          <cell r="C2558">
            <v>1.2036</v>
          </cell>
          <cell r="AT2558">
            <v>2005</v>
          </cell>
          <cell r="AU2558">
            <v>1</v>
          </cell>
        </row>
        <row r="2559">
          <cell r="C2559">
            <v>1.2036</v>
          </cell>
          <cell r="AT2559">
            <v>2005</v>
          </cell>
          <cell r="AU2559">
            <v>1</v>
          </cell>
        </row>
        <row r="2560">
          <cell r="C2560">
            <v>1.2036</v>
          </cell>
          <cell r="AT2560">
            <v>2005</v>
          </cell>
          <cell r="AU2560">
            <v>1</v>
          </cell>
        </row>
        <row r="2561">
          <cell r="C2561">
            <v>1.2036</v>
          </cell>
          <cell r="AT2561">
            <v>2005</v>
          </cell>
          <cell r="AU2561">
            <v>1</v>
          </cell>
        </row>
        <row r="2562">
          <cell r="C2562">
            <v>1.2252000000000001</v>
          </cell>
          <cell r="AT2562">
            <v>2005</v>
          </cell>
          <cell r="AU2562">
            <v>1</v>
          </cell>
        </row>
        <row r="2563">
          <cell r="C2563">
            <v>1.2238</v>
          </cell>
          <cell r="AT2563">
            <v>2005</v>
          </cell>
          <cell r="AU2563">
            <v>1</v>
          </cell>
        </row>
        <row r="2564">
          <cell r="C2564">
            <v>1.2373000000000001</v>
          </cell>
          <cell r="AT2564">
            <v>2005</v>
          </cell>
          <cell r="AU2564">
            <v>1</v>
          </cell>
        </row>
        <row r="2565">
          <cell r="C2565">
            <v>1.2341</v>
          </cell>
          <cell r="AT2565">
            <v>2005</v>
          </cell>
          <cell r="AU2565">
            <v>1</v>
          </cell>
        </row>
        <row r="2566">
          <cell r="C2566">
            <v>1.2341</v>
          </cell>
          <cell r="AT2566">
            <v>2005</v>
          </cell>
          <cell r="AU2566">
            <v>1</v>
          </cell>
        </row>
        <row r="2567">
          <cell r="C2567">
            <v>1.2341</v>
          </cell>
          <cell r="AT2567">
            <v>2005</v>
          </cell>
          <cell r="AU2567">
            <v>1</v>
          </cell>
        </row>
        <row r="2568">
          <cell r="C2568">
            <v>1.2198</v>
          </cell>
          <cell r="AT2568">
            <v>2005</v>
          </cell>
          <cell r="AU2568">
            <v>1</v>
          </cell>
        </row>
        <row r="2569">
          <cell r="C2569">
            <v>1.2150000000000001</v>
          </cell>
          <cell r="AT2569">
            <v>2005</v>
          </cell>
          <cell r="AU2569">
            <v>1</v>
          </cell>
        </row>
        <row r="2570">
          <cell r="C2570">
            <v>1.1987000000000001</v>
          </cell>
          <cell r="AT2570">
            <v>2005</v>
          </cell>
          <cell r="AU2570">
            <v>1</v>
          </cell>
        </row>
        <row r="2571">
          <cell r="C2571">
            <v>1.2002999999999999</v>
          </cell>
          <cell r="AT2571">
            <v>2005</v>
          </cell>
          <cell r="AU2571">
            <v>1</v>
          </cell>
        </row>
        <row r="2572">
          <cell r="C2572">
            <v>1.2205999999999999</v>
          </cell>
          <cell r="AT2572">
            <v>2005</v>
          </cell>
          <cell r="AU2572">
            <v>1</v>
          </cell>
        </row>
        <row r="2573">
          <cell r="C2573">
            <v>1.2205999999999999</v>
          </cell>
          <cell r="AT2573">
            <v>2005</v>
          </cell>
          <cell r="AU2573">
            <v>1</v>
          </cell>
        </row>
        <row r="2574">
          <cell r="C2574">
            <v>1.2205999999999999</v>
          </cell>
          <cell r="AT2574">
            <v>2005</v>
          </cell>
          <cell r="AU2574">
            <v>1</v>
          </cell>
        </row>
        <row r="2575">
          <cell r="C2575">
            <v>1.2205999999999999</v>
          </cell>
          <cell r="AT2575">
            <v>2005</v>
          </cell>
          <cell r="AU2575">
            <v>1</v>
          </cell>
        </row>
        <row r="2576">
          <cell r="C2576">
            <v>1.2223999999999999</v>
          </cell>
          <cell r="AT2576">
            <v>2005</v>
          </cell>
          <cell r="AU2576">
            <v>1</v>
          </cell>
        </row>
        <row r="2577">
          <cell r="C2577">
            <v>1.2273000000000001</v>
          </cell>
          <cell r="AT2577">
            <v>2005</v>
          </cell>
          <cell r="AU2577">
            <v>1</v>
          </cell>
        </row>
        <row r="2578">
          <cell r="C2578">
            <v>1.2326999999999999</v>
          </cell>
          <cell r="AT2578">
            <v>2005</v>
          </cell>
          <cell r="AU2578">
            <v>1</v>
          </cell>
        </row>
        <row r="2579">
          <cell r="C2579">
            <v>1.2212000000000001</v>
          </cell>
          <cell r="AT2579">
            <v>2005</v>
          </cell>
          <cell r="AU2579">
            <v>1</v>
          </cell>
        </row>
        <row r="2580">
          <cell r="C2580">
            <v>1.2212000000000001</v>
          </cell>
          <cell r="AT2580">
            <v>2005</v>
          </cell>
          <cell r="AU2580">
            <v>1</v>
          </cell>
        </row>
        <row r="2581">
          <cell r="C2581">
            <v>1.2212000000000001</v>
          </cell>
          <cell r="AT2581">
            <v>2005</v>
          </cell>
          <cell r="AU2581">
            <v>1</v>
          </cell>
        </row>
        <row r="2582">
          <cell r="C2582">
            <v>1.226</v>
          </cell>
          <cell r="AT2582">
            <v>2005</v>
          </cell>
          <cell r="AU2582">
            <v>1</v>
          </cell>
        </row>
        <row r="2583">
          <cell r="C2583">
            <v>1.2383</v>
          </cell>
          <cell r="AT2583">
            <v>2005</v>
          </cell>
          <cell r="AU2583">
            <v>1</v>
          </cell>
        </row>
        <row r="2584">
          <cell r="C2584">
            <v>1.2306999999999999</v>
          </cell>
          <cell r="AT2584">
            <v>2005</v>
          </cell>
          <cell r="AU2584">
            <v>1</v>
          </cell>
        </row>
        <row r="2585">
          <cell r="C2585">
            <v>1.2366999999999999</v>
          </cell>
          <cell r="AT2585">
            <v>2005</v>
          </cell>
          <cell r="AU2585">
            <v>1</v>
          </cell>
        </row>
        <row r="2586">
          <cell r="C2586">
            <v>1.2421</v>
          </cell>
          <cell r="AT2586">
            <v>2005</v>
          </cell>
          <cell r="AU2586">
            <v>1</v>
          </cell>
        </row>
        <row r="2587">
          <cell r="C2587">
            <v>1.2421</v>
          </cell>
          <cell r="AT2587">
            <v>2005</v>
          </cell>
          <cell r="AU2587">
            <v>1</v>
          </cell>
        </row>
        <row r="2588">
          <cell r="C2588">
            <v>1.2421</v>
          </cell>
          <cell r="AT2588">
            <v>2005</v>
          </cell>
          <cell r="AU2588">
            <v>1</v>
          </cell>
        </row>
        <row r="2589">
          <cell r="C2589">
            <v>1.238</v>
          </cell>
          <cell r="AT2589">
            <v>2005</v>
          </cell>
          <cell r="AU2589">
            <v>2</v>
          </cell>
        </row>
        <row r="2590">
          <cell r="C2590">
            <v>1.2397</v>
          </cell>
          <cell r="AT2590">
            <v>2005</v>
          </cell>
          <cell r="AU2590">
            <v>2</v>
          </cell>
        </row>
        <row r="2591">
          <cell r="C2591">
            <v>1.2404999999999999</v>
          </cell>
          <cell r="AT2591">
            <v>2005</v>
          </cell>
          <cell r="AU2591">
            <v>2</v>
          </cell>
        </row>
        <row r="2592">
          <cell r="C2592">
            <v>1.2427999999999999</v>
          </cell>
          <cell r="AT2592">
            <v>2005</v>
          </cell>
          <cell r="AU2592">
            <v>2</v>
          </cell>
        </row>
        <row r="2593">
          <cell r="C2593">
            <v>1.2498</v>
          </cell>
          <cell r="AT2593">
            <v>2005</v>
          </cell>
          <cell r="AU2593">
            <v>2</v>
          </cell>
        </row>
        <row r="2594">
          <cell r="C2594">
            <v>1.2498</v>
          </cell>
          <cell r="AT2594">
            <v>2005</v>
          </cell>
          <cell r="AU2594">
            <v>2</v>
          </cell>
        </row>
        <row r="2595">
          <cell r="C2595">
            <v>1.2498</v>
          </cell>
          <cell r="AT2595">
            <v>2005</v>
          </cell>
          <cell r="AU2595">
            <v>2</v>
          </cell>
        </row>
        <row r="2596">
          <cell r="C2596">
            <v>1.2565999999999999</v>
          </cell>
          <cell r="AT2596">
            <v>2005</v>
          </cell>
          <cell r="AU2596">
            <v>2</v>
          </cell>
        </row>
        <row r="2597">
          <cell r="C2597">
            <v>1.248</v>
          </cell>
          <cell r="AT2597">
            <v>2005</v>
          </cell>
          <cell r="AU2597">
            <v>2</v>
          </cell>
        </row>
        <row r="2598">
          <cell r="C2598">
            <v>1.2509999999999999</v>
          </cell>
          <cell r="AT2598">
            <v>2005</v>
          </cell>
          <cell r="AU2598">
            <v>2</v>
          </cell>
        </row>
        <row r="2599">
          <cell r="C2599">
            <v>1.2408999999999999</v>
          </cell>
          <cell r="AT2599">
            <v>2005</v>
          </cell>
          <cell r="AU2599">
            <v>2</v>
          </cell>
        </row>
        <row r="2600">
          <cell r="C2600">
            <v>1.2379</v>
          </cell>
          <cell r="AT2600">
            <v>2005</v>
          </cell>
          <cell r="AU2600">
            <v>2</v>
          </cell>
        </row>
        <row r="2601">
          <cell r="C2601">
            <v>1.2379</v>
          </cell>
          <cell r="AT2601">
            <v>2005</v>
          </cell>
          <cell r="AU2601">
            <v>2</v>
          </cell>
        </row>
        <row r="2602">
          <cell r="C2602">
            <v>1.2379</v>
          </cell>
          <cell r="AT2602">
            <v>2005</v>
          </cell>
          <cell r="AU2602">
            <v>2</v>
          </cell>
        </row>
        <row r="2603">
          <cell r="C2603">
            <v>1.2344999999999999</v>
          </cell>
          <cell r="AT2603">
            <v>2005</v>
          </cell>
          <cell r="AU2603">
            <v>2</v>
          </cell>
        </row>
        <row r="2604">
          <cell r="C2604">
            <v>1.2336</v>
          </cell>
          <cell r="AT2604">
            <v>2005</v>
          </cell>
          <cell r="AU2604">
            <v>2</v>
          </cell>
        </row>
        <row r="2605">
          <cell r="C2605">
            <v>1.2423999999999999</v>
          </cell>
          <cell r="AT2605">
            <v>2005</v>
          </cell>
          <cell r="AU2605">
            <v>2</v>
          </cell>
        </row>
        <row r="2606">
          <cell r="C2606">
            <v>1.23</v>
          </cell>
          <cell r="AT2606">
            <v>2005</v>
          </cell>
          <cell r="AU2606">
            <v>2</v>
          </cell>
        </row>
        <row r="2607">
          <cell r="C2607">
            <v>1.2299</v>
          </cell>
          <cell r="AT2607">
            <v>2005</v>
          </cell>
          <cell r="AU2607">
            <v>2</v>
          </cell>
        </row>
        <row r="2608">
          <cell r="C2608">
            <v>1.2299</v>
          </cell>
          <cell r="AT2608">
            <v>2005</v>
          </cell>
          <cell r="AU2608">
            <v>2</v>
          </cell>
        </row>
        <row r="2609">
          <cell r="C2609">
            <v>1.2299</v>
          </cell>
          <cell r="AT2609">
            <v>2005</v>
          </cell>
          <cell r="AU2609">
            <v>2</v>
          </cell>
        </row>
        <row r="2610">
          <cell r="C2610">
            <v>1.2299</v>
          </cell>
          <cell r="AT2610">
            <v>2005</v>
          </cell>
          <cell r="AU2610">
            <v>2</v>
          </cell>
        </row>
        <row r="2611">
          <cell r="C2611">
            <v>1.2299</v>
          </cell>
          <cell r="AT2611">
            <v>2005</v>
          </cell>
          <cell r="AU2611">
            <v>2</v>
          </cell>
        </row>
        <row r="2612">
          <cell r="C2612">
            <v>1.2383</v>
          </cell>
          <cell r="AT2612">
            <v>2005</v>
          </cell>
          <cell r="AU2612">
            <v>2</v>
          </cell>
        </row>
        <row r="2613">
          <cell r="C2613">
            <v>1.2416</v>
          </cell>
          <cell r="AT2613">
            <v>2005</v>
          </cell>
          <cell r="AU2613">
            <v>2</v>
          </cell>
        </row>
        <row r="2614">
          <cell r="C2614">
            <v>1.2407999999999999</v>
          </cell>
          <cell r="AT2614">
            <v>2005</v>
          </cell>
          <cell r="AU2614">
            <v>2</v>
          </cell>
        </row>
        <row r="2615">
          <cell r="C2615">
            <v>1.2407999999999999</v>
          </cell>
          <cell r="AT2615">
            <v>2005</v>
          </cell>
          <cell r="AU2615">
            <v>2</v>
          </cell>
        </row>
        <row r="2616">
          <cell r="C2616">
            <v>1.2407999999999999</v>
          </cell>
          <cell r="AT2616">
            <v>2005</v>
          </cell>
          <cell r="AU2616">
            <v>2</v>
          </cell>
        </row>
        <row r="2617">
          <cell r="C2617">
            <v>1.2314000000000001</v>
          </cell>
          <cell r="AT2617">
            <v>2005</v>
          </cell>
          <cell r="AU2617">
            <v>3</v>
          </cell>
        </row>
        <row r="2618">
          <cell r="C2618">
            <v>1.2428999999999999</v>
          </cell>
          <cell r="AT2618">
            <v>2005</v>
          </cell>
          <cell r="AU2618">
            <v>3</v>
          </cell>
        </row>
        <row r="2619">
          <cell r="C2619">
            <v>1.2401</v>
          </cell>
          <cell r="AT2619">
            <v>2005</v>
          </cell>
          <cell r="AU2619">
            <v>3</v>
          </cell>
        </row>
        <row r="2620">
          <cell r="C2620">
            <v>1.2462</v>
          </cell>
          <cell r="AT2620">
            <v>2005</v>
          </cell>
          <cell r="AU2620">
            <v>3</v>
          </cell>
        </row>
        <row r="2621">
          <cell r="C2621">
            <v>1.2325999999999999</v>
          </cell>
          <cell r="AT2621">
            <v>2005</v>
          </cell>
          <cell r="AU2621">
            <v>3</v>
          </cell>
        </row>
        <row r="2622">
          <cell r="C2622">
            <v>1.2325999999999999</v>
          </cell>
          <cell r="AT2622">
            <v>2005</v>
          </cell>
          <cell r="AU2622">
            <v>3</v>
          </cell>
        </row>
        <row r="2623">
          <cell r="C2623">
            <v>1.2325999999999999</v>
          </cell>
          <cell r="AT2623">
            <v>2005</v>
          </cell>
          <cell r="AU2623">
            <v>3</v>
          </cell>
        </row>
        <row r="2624">
          <cell r="C2624">
            <v>1.2293000000000001</v>
          </cell>
          <cell r="AT2624">
            <v>2005</v>
          </cell>
          <cell r="AU2624">
            <v>3</v>
          </cell>
        </row>
        <row r="2625">
          <cell r="C2625">
            <v>1.2169000000000001</v>
          </cell>
          <cell r="AT2625">
            <v>2005</v>
          </cell>
          <cell r="AU2625">
            <v>3</v>
          </cell>
        </row>
        <row r="2626">
          <cell r="C2626">
            <v>1.2064999999999999</v>
          </cell>
          <cell r="AT2626">
            <v>2005</v>
          </cell>
          <cell r="AU2626">
            <v>3</v>
          </cell>
        </row>
        <row r="2627">
          <cell r="C2627">
            <v>1.2048000000000001</v>
          </cell>
          <cell r="AT2627">
            <v>2005</v>
          </cell>
          <cell r="AU2627">
            <v>3</v>
          </cell>
        </row>
        <row r="2628">
          <cell r="C2628">
            <v>1.204</v>
          </cell>
          <cell r="AT2628">
            <v>2005</v>
          </cell>
          <cell r="AU2628">
            <v>3</v>
          </cell>
        </row>
        <row r="2629">
          <cell r="C2629">
            <v>1.204</v>
          </cell>
          <cell r="AT2629">
            <v>2005</v>
          </cell>
          <cell r="AU2629">
            <v>3</v>
          </cell>
        </row>
        <row r="2630">
          <cell r="C2630">
            <v>1.204</v>
          </cell>
          <cell r="AT2630">
            <v>2005</v>
          </cell>
          <cell r="AU2630">
            <v>3</v>
          </cell>
        </row>
        <row r="2631">
          <cell r="C2631">
            <v>1.2087000000000001</v>
          </cell>
          <cell r="AT2631">
            <v>2005</v>
          </cell>
          <cell r="AU2631">
            <v>3</v>
          </cell>
        </row>
        <row r="2632">
          <cell r="C2632">
            <v>1.2078</v>
          </cell>
          <cell r="AT2632">
            <v>2005</v>
          </cell>
          <cell r="AU2632">
            <v>3</v>
          </cell>
        </row>
        <row r="2633">
          <cell r="C2633">
            <v>1.2036</v>
          </cell>
          <cell r="AT2633">
            <v>2005</v>
          </cell>
          <cell r="AU2633">
            <v>3</v>
          </cell>
        </row>
        <row r="2634">
          <cell r="C2634">
            <v>1.2021999999999999</v>
          </cell>
          <cell r="AT2634">
            <v>2005</v>
          </cell>
          <cell r="AU2634">
            <v>3</v>
          </cell>
        </row>
        <row r="2635">
          <cell r="C2635">
            <v>1.2028000000000001</v>
          </cell>
          <cell r="AT2635">
            <v>2005</v>
          </cell>
          <cell r="AU2635">
            <v>3</v>
          </cell>
        </row>
        <row r="2636">
          <cell r="C2636">
            <v>1.2028000000000001</v>
          </cell>
          <cell r="AT2636">
            <v>2005</v>
          </cell>
          <cell r="AU2636">
            <v>3</v>
          </cell>
        </row>
        <row r="2637">
          <cell r="C2637">
            <v>1.2028000000000001</v>
          </cell>
          <cell r="AT2637">
            <v>2005</v>
          </cell>
          <cell r="AU2637">
            <v>3</v>
          </cell>
        </row>
        <row r="2638">
          <cell r="C2638">
            <v>1.2117</v>
          </cell>
          <cell r="AT2638">
            <v>2005</v>
          </cell>
          <cell r="AU2638">
            <v>3</v>
          </cell>
        </row>
        <row r="2639">
          <cell r="C2639">
            <v>1.2019</v>
          </cell>
          <cell r="AT2639">
            <v>2005</v>
          </cell>
          <cell r="AU2639">
            <v>3</v>
          </cell>
        </row>
        <row r="2640">
          <cell r="C2640">
            <v>1.2136</v>
          </cell>
          <cell r="AT2640">
            <v>2005</v>
          </cell>
          <cell r="AU2640">
            <v>3</v>
          </cell>
        </row>
        <row r="2641">
          <cell r="C2641">
            <v>1.2153</v>
          </cell>
          <cell r="AT2641">
            <v>2005</v>
          </cell>
          <cell r="AU2641">
            <v>3</v>
          </cell>
        </row>
        <row r="2642">
          <cell r="C2642">
            <v>1.2153</v>
          </cell>
          <cell r="AT2642">
            <v>2005</v>
          </cell>
          <cell r="AU2642">
            <v>3</v>
          </cell>
        </row>
        <row r="2643">
          <cell r="C2643">
            <v>1.2153</v>
          </cell>
          <cell r="AT2643">
            <v>2005</v>
          </cell>
          <cell r="AU2643">
            <v>3</v>
          </cell>
        </row>
        <row r="2644">
          <cell r="C2644">
            <v>1.2153</v>
          </cell>
          <cell r="AT2644">
            <v>2005</v>
          </cell>
          <cell r="AU2644">
            <v>3</v>
          </cell>
        </row>
        <row r="2645">
          <cell r="C2645">
            <v>1.2236</v>
          </cell>
          <cell r="AT2645">
            <v>2005</v>
          </cell>
          <cell r="AU2645">
            <v>3</v>
          </cell>
        </row>
        <row r="2646">
          <cell r="C2646">
            <v>1.2136</v>
          </cell>
          <cell r="AT2646">
            <v>2005</v>
          </cell>
          <cell r="AU2646">
            <v>3</v>
          </cell>
        </row>
        <row r="2647">
          <cell r="C2647">
            <v>1.2164999999999999</v>
          </cell>
          <cell r="AT2647">
            <v>2005</v>
          </cell>
          <cell r="AU2647">
            <v>3</v>
          </cell>
        </row>
        <row r="2648">
          <cell r="C2648">
            <v>1.2096</v>
          </cell>
          <cell r="AT2648">
            <v>2005</v>
          </cell>
          <cell r="AU2648">
            <v>4</v>
          </cell>
        </row>
        <row r="2649">
          <cell r="C2649">
            <v>1.2146999999999999</v>
          </cell>
          <cell r="AT2649">
            <v>2005</v>
          </cell>
          <cell r="AU2649">
            <v>4</v>
          </cell>
        </row>
        <row r="2650">
          <cell r="C2650">
            <v>1.2146999999999999</v>
          </cell>
          <cell r="AT2650">
            <v>2005</v>
          </cell>
          <cell r="AU2650">
            <v>4</v>
          </cell>
        </row>
        <row r="2651">
          <cell r="C2651">
            <v>1.2146999999999999</v>
          </cell>
          <cell r="AT2651">
            <v>2005</v>
          </cell>
          <cell r="AU2651">
            <v>4</v>
          </cell>
        </row>
        <row r="2652">
          <cell r="C2652">
            <v>1.2202999999999999</v>
          </cell>
          <cell r="AT2652">
            <v>2005</v>
          </cell>
          <cell r="AU2652">
            <v>4</v>
          </cell>
        </row>
        <row r="2653">
          <cell r="C2653">
            <v>1.2201</v>
          </cell>
          <cell r="AT2653">
            <v>2005</v>
          </cell>
          <cell r="AU2653">
            <v>4</v>
          </cell>
        </row>
        <row r="2654">
          <cell r="C2654">
            <v>1.2219</v>
          </cell>
          <cell r="AT2654">
            <v>2005</v>
          </cell>
          <cell r="AU2654">
            <v>4</v>
          </cell>
        </row>
        <row r="2655">
          <cell r="C2655">
            <v>1.2208000000000001</v>
          </cell>
          <cell r="AT2655">
            <v>2005</v>
          </cell>
          <cell r="AU2655">
            <v>4</v>
          </cell>
        </row>
        <row r="2656">
          <cell r="C2656">
            <v>1.2245999999999999</v>
          </cell>
          <cell r="AT2656">
            <v>2005</v>
          </cell>
          <cell r="AU2656">
            <v>4</v>
          </cell>
        </row>
        <row r="2657">
          <cell r="C2657">
            <v>1.2245999999999999</v>
          </cell>
          <cell r="AT2657">
            <v>2005</v>
          </cell>
          <cell r="AU2657">
            <v>4</v>
          </cell>
        </row>
        <row r="2658">
          <cell r="C2658">
            <v>1.2245999999999999</v>
          </cell>
          <cell r="AT2658">
            <v>2005</v>
          </cell>
          <cell r="AU2658">
            <v>4</v>
          </cell>
        </row>
        <row r="2659">
          <cell r="C2659">
            <v>1.2331000000000001</v>
          </cell>
          <cell r="AT2659">
            <v>2005</v>
          </cell>
          <cell r="AU2659">
            <v>4</v>
          </cell>
        </row>
        <row r="2660">
          <cell r="C2660">
            <v>1.2405999999999999</v>
          </cell>
          <cell r="AT2660">
            <v>2005</v>
          </cell>
          <cell r="AU2660">
            <v>4</v>
          </cell>
        </row>
        <row r="2661">
          <cell r="C2661">
            <v>1.2367999999999999</v>
          </cell>
          <cell r="AT2661">
            <v>2005</v>
          </cell>
          <cell r="AU2661">
            <v>4</v>
          </cell>
        </row>
        <row r="2662">
          <cell r="C2662">
            <v>1.2417</v>
          </cell>
          <cell r="AT2662">
            <v>2005</v>
          </cell>
          <cell r="AU2662">
            <v>4</v>
          </cell>
        </row>
        <row r="2663">
          <cell r="C2663">
            <v>1.2419</v>
          </cell>
          <cell r="AT2663">
            <v>2005</v>
          </cell>
          <cell r="AU2663">
            <v>4</v>
          </cell>
        </row>
        <row r="2664">
          <cell r="C2664">
            <v>1.2419</v>
          </cell>
          <cell r="AT2664">
            <v>2005</v>
          </cell>
          <cell r="AU2664">
            <v>4</v>
          </cell>
        </row>
        <row r="2665">
          <cell r="C2665">
            <v>1.2419</v>
          </cell>
          <cell r="AT2665">
            <v>2005</v>
          </cell>
          <cell r="AU2665">
            <v>4</v>
          </cell>
        </row>
        <row r="2666">
          <cell r="C2666">
            <v>1.2481</v>
          </cell>
          <cell r="AT2666">
            <v>2005</v>
          </cell>
          <cell r="AU2666">
            <v>4</v>
          </cell>
        </row>
        <row r="2667">
          <cell r="C2667">
            <v>1.2410000000000001</v>
          </cell>
          <cell r="AT2667">
            <v>2005</v>
          </cell>
          <cell r="AU2667">
            <v>4</v>
          </cell>
        </row>
        <row r="2668">
          <cell r="C2668">
            <v>1.2393000000000001</v>
          </cell>
          <cell r="AT2668">
            <v>2005</v>
          </cell>
          <cell r="AU2668">
            <v>4</v>
          </cell>
        </row>
        <row r="2669">
          <cell r="C2669">
            <v>1.2391000000000001</v>
          </cell>
          <cell r="AT2669">
            <v>2005</v>
          </cell>
          <cell r="AU2669">
            <v>4</v>
          </cell>
        </row>
        <row r="2670">
          <cell r="C2670">
            <v>1.2342</v>
          </cell>
          <cell r="AT2670">
            <v>2005</v>
          </cell>
          <cell r="AU2670">
            <v>4</v>
          </cell>
        </row>
        <row r="2671">
          <cell r="C2671">
            <v>1.2342</v>
          </cell>
          <cell r="AT2671">
            <v>2005</v>
          </cell>
          <cell r="AU2671">
            <v>4</v>
          </cell>
        </row>
        <row r="2672">
          <cell r="C2672">
            <v>1.2342</v>
          </cell>
          <cell r="AT2672">
            <v>2005</v>
          </cell>
          <cell r="AU2672">
            <v>4</v>
          </cell>
        </row>
        <row r="2673">
          <cell r="C2673">
            <v>1.2375</v>
          </cell>
          <cell r="AT2673">
            <v>2005</v>
          </cell>
          <cell r="AU2673">
            <v>4</v>
          </cell>
        </row>
        <row r="2674">
          <cell r="C2674">
            <v>1.2464</v>
          </cell>
          <cell r="AT2674">
            <v>2005</v>
          </cell>
          <cell r="AU2674">
            <v>4</v>
          </cell>
        </row>
        <row r="2675">
          <cell r="C2675">
            <v>1.2465999999999999</v>
          </cell>
          <cell r="AT2675">
            <v>2005</v>
          </cell>
          <cell r="AU2675">
            <v>4</v>
          </cell>
        </row>
        <row r="2676">
          <cell r="C2676">
            <v>1.2507999999999999</v>
          </cell>
          <cell r="AT2676">
            <v>2005</v>
          </cell>
          <cell r="AU2676">
            <v>4</v>
          </cell>
        </row>
        <row r="2677">
          <cell r="C2677">
            <v>1.2568999999999999</v>
          </cell>
          <cell r="AT2677">
            <v>2005</v>
          </cell>
          <cell r="AU2677">
            <v>4</v>
          </cell>
        </row>
        <row r="2678">
          <cell r="C2678">
            <v>1.2568999999999999</v>
          </cell>
          <cell r="AT2678">
            <v>2005</v>
          </cell>
          <cell r="AU2678">
            <v>5</v>
          </cell>
        </row>
        <row r="2679">
          <cell r="C2679">
            <v>1.2568999999999999</v>
          </cell>
          <cell r="AT2679">
            <v>2005</v>
          </cell>
          <cell r="AU2679">
            <v>5</v>
          </cell>
        </row>
        <row r="2680">
          <cell r="C2680">
            <v>1.2555000000000001</v>
          </cell>
          <cell r="AT2680">
            <v>2005</v>
          </cell>
          <cell r="AU2680">
            <v>5</v>
          </cell>
        </row>
        <row r="2681">
          <cell r="C2681">
            <v>1.2546999999999999</v>
          </cell>
          <cell r="AT2681">
            <v>2005</v>
          </cell>
          <cell r="AU2681">
            <v>5</v>
          </cell>
        </row>
        <row r="2682">
          <cell r="C2682">
            <v>1.2505999999999999</v>
          </cell>
          <cell r="AT2682">
            <v>2005</v>
          </cell>
          <cell r="AU2682">
            <v>5</v>
          </cell>
        </row>
        <row r="2683">
          <cell r="C2683">
            <v>1.2448999999999999</v>
          </cell>
          <cell r="AT2683">
            <v>2005</v>
          </cell>
          <cell r="AU2683">
            <v>5</v>
          </cell>
        </row>
        <row r="2684">
          <cell r="C2684">
            <v>1.2432000000000001</v>
          </cell>
          <cell r="AT2684">
            <v>2005</v>
          </cell>
          <cell r="AU2684">
            <v>5</v>
          </cell>
        </row>
        <row r="2685">
          <cell r="C2685">
            <v>1.2432000000000001</v>
          </cell>
          <cell r="AT2685">
            <v>2005</v>
          </cell>
          <cell r="AU2685">
            <v>5</v>
          </cell>
        </row>
        <row r="2686">
          <cell r="C2686">
            <v>1.2432000000000001</v>
          </cell>
          <cell r="AT2686">
            <v>2005</v>
          </cell>
          <cell r="AU2686">
            <v>5</v>
          </cell>
        </row>
        <row r="2687">
          <cell r="C2687">
            <v>1.2378</v>
          </cell>
          <cell r="AT2687">
            <v>2005</v>
          </cell>
          <cell r="AU2687">
            <v>5</v>
          </cell>
        </row>
        <row r="2688">
          <cell r="C2688">
            <v>1.2372000000000001</v>
          </cell>
          <cell r="AT2688">
            <v>2005</v>
          </cell>
          <cell r="AU2688">
            <v>5</v>
          </cell>
        </row>
        <row r="2689">
          <cell r="C2689">
            <v>1.2475000000000001</v>
          </cell>
          <cell r="AT2689">
            <v>2005</v>
          </cell>
          <cell r="AU2689">
            <v>5</v>
          </cell>
        </row>
        <row r="2690">
          <cell r="C2690">
            <v>1.2494000000000001</v>
          </cell>
          <cell r="AT2690">
            <v>2005</v>
          </cell>
          <cell r="AU2690">
            <v>5</v>
          </cell>
        </row>
        <row r="2691">
          <cell r="C2691">
            <v>1.2624</v>
          </cell>
          <cell r="AT2691">
            <v>2005</v>
          </cell>
          <cell r="AU2691">
            <v>5</v>
          </cell>
        </row>
        <row r="2692">
          <cell r="C2692">
            <v>1.2624</v>
          </cell>
          <cell r="AT2692">
            <v>2005</v>
          </cell>
          <cell r="AU2692">
            <v>5</v>
          </cell>
        </row>
        <row r="2693">
          <cell r="C2693">
            <v>1.2624</v>
          </cell>
          <cell r="AT2693">
            <v>2005</v>
          </cell>
          <cell r="AU2693">
            <v>5</v>
          </cell>
        </row>
        <row r="2694">
          <cell r="C2694">
            <v>1.2704</v>
          </cell>
          <cell r="AT2694">
            <v>2005</v>
          </cell>
          <cell r="AU2694">
            <v>5</v>
          </cell>
        </row>
        <row r="2695">
          <cell r="C2695">
            <v>1.2665</v>
          </cell>
          <cell r="AT2695">
            <v>2005</v>
          </cell>
          <cell r="AU2695">
            <v>5</v>
          </cell>
        </row>
        <row r="2696">
          <cell r="C2696">
            <v>1.2618</v>
          </cell>
          <cell r="AT2696">
            <v>2005</v>
          </cell>
          <cell r="AU2696">
            <v>5</v>
          </cell>
        </row>
        <row r="2697">
          <cell r="C2697">
            <v>1.2623</v>
          </cell>
          <cell r="AT2697">
            <v>2005</v>
          </cell>
          <cell r="AU2697">
            <v>5</v>
          </cell>
        </row>
        <row r="2698">
          <cell r="C2698">
            <v>1.2630999999999999</v>
          </cell>
          <cell r="AT2698">
            <v>2005</v>
          </cell>
          <cell r="AU2698">
            <v>5</v>
          </cell>
        </row>
        <row r="2699">
          <cell r="C2699">
            <v>1.2630999999999999</v>
          </cell>
          <cell r="AT2699">
            <v>2005</v>
          </cell>
          <cell r="AU2699">
            <v>5</v>
          </cell>
        </row>
        <row r="2700">
          <cell r="C2700">
            <v>1.2630999999999999</v>
          </cell>
          <cell r="AT2700">
            <v>2005</v>
          </cell>
          <cell r="AU2700">
            <v>5</v>
          </cell>
        </row>
        <row r="2701">
          <cell r="C2701">
            <v>1.2630999999999999</v>
          </cell>
          <cell r="AT2701">
            <v>2005</v>
          </cell>
          <cell r="AU2701">
            <v>5</v>
          </cell>
        </row>
        <row r="2702">
          <cell r="C2702">
            <v>1.2611000000000001</v>
          </cell>
          <cell r="AT2702">
            <v>2005</v>
          </cell>
          <cell r="AU2702">
            <v>5</v>
          </cell>
        </row>
        <row r="2703">
          <cell r="C2703">
            <v>1.264</v>
          </cell>
          <cell r="AT2703">
            <v>2005</v>
          </cell>
          <cell r="AU2703">
            <v>5</v>
          </cell>
        </row>
        <row r="2704">
          <cell r="C2704">
            <v>1.2681</v>
          </cell>
          <cell r="AT2704">
            <v>2005</v>
          </cell>
          <cell r="AU2704">
            <v>5</v>
          </cell>
        </row>
        <row r="2705">
          <cell r="C2705">
            <v>1.2584</v>
          </cell>
          <cell r="AT2705">
            <v>2005</v>
          </cell>
          <cell r="AU2705">
            <v>5</v>
          </cell>
        </row>
        <row r="2706">
          <cell r="C2706">
            <v>1.2584</v>
          </cell>
          <cell r="AT2706">
            <v>2005</v>
          </cell>
          <cell r="AU2706">
            <v>5</v>
          </cell>
        </row>
        <row r="2707">
          <cell r="C2707">
            <v>1.2584</v>
          </cell>
          <cell r="AT2707">
            <v>2005</v>
          </cell>
          <cell r="AU2707">
            <v>5</v>
          </cell>
        </row>
        <row r="2708">
          <cell r="C2708">
            <v>1.2584</v>
          </cell>
          <cell r="AT2708">
            <v>2005</v>
          </cell>
          <cell r="AU2708">
            <v>5</v>
          </cell>
        </row>
        <row r="2709">
          <cell r="C2709">
            <v>1.2509999999999999</v>
          </cell>
          <cell r="AT2709">
            <v>2005</v>
          </cell>
          <cell r="AU2709">
            <v>6</v>
          </cell>
        </row>
        <row r="2710">
          <cell r="C2710">
            <v>1.2471000000000001</v>
          </cell>
          <cell r="AT2710">
            <v>2005</v>
          </cell>
          <cell r="AU2710">
            <v>6</v>
          </cell>
        </row>
        <row r="2711">
          <cell r="C2711">
            <v>1.2476</v>
          </cell>
          <cell r="AT2711">
            <v>2005</v>
          </cell>
          <cell r="AU2711">
            <v>6</v>
          </cell>
        </row>
        <row r="2712">
          <cell r="C2712">
            <v>1.2485999999999999</v>
          </cell>
          <cell r="AT2712">
            <v>2005</v>
          </cell>
          <cell r="AU2712">
            <v>6</v>
          </cell>
        </row>
        <row r="2713">
          <cell r="C2713">
            <v>1.2485999999999999</v>
          </cell>
          <cell r="AT2713">
            <v>2005</v>
          </cell>
          <cell r="AU2713">
            <v>6</v>
          </cell>
        </row>
        <row r="2714">
          <cell r="C2714">
            <v>1.2485999999999999</v>
          </cell>
          <cell r="AT2714">
            <v>2005</v>
          </cell>
          <cell r="AU2714">
            <v>6</v>
          </cell>
        </row>
        <row r="2715">
          <cell r="C2715">
            <v>1.2447999999999999</v>
          </cell>
          <cell r="AT2715">
            <v>2005</v>
          </cell>
          <cell r="AU2715">
            <v>6</v>
          </cell>
        </row>
        <row r="2716">
          <cell r="C2716">
            <v>1.2472000000000001</v>
          </cell>
          <cell r="AT2716">
            <v>2005</v>
          </cell>
          <cell r="AU2716">
            <v>6</v>
          </cell>
        </row>
        <row r="2717">
          <cell r="C2717">
            <v>1.244</v>
          </cell>
          <cell r="AT2717">
            <v>2005</v>
          </cell>
          <cell r="AU2717">
            <v>6</v>
          </cell>
        </row>
        <row r="2718">
          <cell r="C2718">
            <v>1.2549999999999999</v>
          </cell>
          <cell r="AT2718">
            <v>2005</v>
          </cell>
          <cell r="AU2718">
            <v>6</v>
          </cell>
        </row>
        <row r="2719">
          <cell r="C2719">
            <v>1.2493000000000001</v>
          </cell>
          <cell r="AT2719">
            <v>2005</v>
          </cell>
          <cell r="AU2719">
            <v>6</v>
          </cell>
        </row>
        <row r="2720">
          <cell r="C2720">
            <v>1.2493000000000001</v>
          </cell>
          <cell r="AT2720">
            <v>2005</v>
          </cell>
          <cell r="AU2720">
            <v>6</v>
          </cell>
        </row>
        <row r="2721">
          <cell r="C2721">
            <v>1.2493000000000001</v>
          </cell>
          <cell r="AT2721">
            <v>2005</v>
          </cell>
          <cell r="AU2721">
            <v>6</v>
          </cell>
        </row>
        <row r="2722">
          <cell r="C2722">
            <v>1.2577</v>
          </cell>
          <cell r="AT2722">
            <v>2005</v>
          </cell>
          <cell r="AU2722">
            <v>6</v>
          </cell>
        </row>
        <row r="2723">
          <cell r="C2723">
            <v>1.2554000000000001</v>
          </cell>
          <cell r="AT2723">
            <v>2005</v>
          </cell>
          <cell r="AU2723">
            <v>6</v>
          </cell>
        </row>
        <row r="2724">
          <cell r="C2724">
            <v>1.24</v>
          </cell>
          <cell r="AT2724">
            <v>2005</v>
          </cell>
          <cell r="AU2724">
            <v>6</v>
          </cell>
        </row>
        <row r="2725">
          <cell r="C2725">
            <v>1.2376</v>
          </cell>
          <cell r="AT2725">
            <v>2005</v>
          </cell>
          <cell r="AU2725">
            <v>6</v>
          </cell>
        </row>
        <row r="2726">
          <cell r="C2726">
            <v>1.2344999999999999</v>
          </cell>
          <cell r="AT2726">
            <v>2005</v>
          </cell>
          <cell r="AU2726">
            <v>6</v>
          </cell>
        </row>
        <row r="2727">
          <cell r="C2727">
            <v>1.2344999999999999</v>
          </cell>
          <cell r="AT2727">
            <v>2005</v>
          </cell>
          <cell r="AU2727">
            <v>6</v>
          </cell>
        </row>
        <row r="2728">
          <cell r="C2728">
            <v>1.2344999999999999</v>
          </cell>
          <cell r="AT2728">
            <v>2005</v>
          </cell>
          <cell r="AU2728">
            <v>6</v>
          </cell>
        </row>
        <row r="2729">
          <cell r="C2729">
            <v>1.232</v>
          </cell>
          <cell r="AT2729">
            <v>2005</v>
          </cell>
          <cell r="AU2729">
            <v>6</v>
          </cell>
        </row>
        <row r="2730">
          <cell r="C2730">
            <v>1.2307999999999999</v>
          </cell>
          <cell r="AT2730">
            <v>2005</v>
          </cell>
          <cell r="AU2730">
            <v>6</v>
          </cell>
        </row>
        <row r="2731">
          <cell r="C2731">
            <v>1.2355</v>
          </cell>
          <cell r="AT2731">
            <v>2005</v>
          </cell>
          <cell r="AU2731">
            <v>6</v>
          </cell>
        </row>
        <row r="2732">
          <cell r="C2732">
            <v>1.2311000000000001</v>
          </cell>
          <cell r="AT2732">
            <v>2005</v>
          </cell>
          <cell r="AU2732">
            <v>6</v>
          </cell>
        </row>
        <row r="2733">
          <cell r="C2733">
            <v>1.2325999999999999</v>
          </cell>
          <cell r="AT2733">
            <v>2005</v>
          </cell>
          <cell r="AU2733">
            <v>6</v>
          </cell>
        </row>
        <row r="2734">
          <cell r="C2734">
            <v>1.2325999999999999</v>
          </cell>
          <cell r="AT2734">
            <v>2005</v>
          </cell>
          <cell r="AU2734">
            <v>6</v>
          </cell>
        </row>
        <row r="2735">
          <cell r="C2735">
            <v>1.2325999999999999</v>
          </cell>
          <cell r="AT2735">
            <v>2005</v>
          </cell>
          <cell r="AU2735">
            <v>6</v>
          </cell>
        </row>
        <row r="2736">
          <cell r="C2736">
            <v>1.2307999999999999</v>
          </cell>
          <cell r="AT2736">
            <v>2005</v>
          </cell>
          <cell r="AU2736">
            <v>6</v>
          </cell>
        </row>
        <row r="2737">
          <cell r="C2737">
            <v>1.2312000000000001</v>
          </cell>
          <cell r="AT2737">
            <v>2005</v>
          </cell>
          <cell r="AU2737">
            <v>6</v>
          </cell>
        </row>
        <row r="2738">
          <cell r="C2738">
            <v>1.2262999999999999</v>
          </cell>
          <cell r="AT2738">
            <v>2005</v>
          </cell>
          <cell r="AU2738">
            <v>6</v>
          </cell>
        </row>
        <row r="2739">
          <cell r="C2739">
            <v>1.2256</v>
          </cell>
          <cell r="AT2739">
            <v>2005</v>
          </cell>
          <cell r="AU2739">
            <v>7</v>
          </cell>
        </row>
        <row r="2740">
          <cell r="C2740">
            <v>1.2256</v>
          </cell>
          <cell r="AT2740">
            <v>2005</v>
          </cell>
          <cell r="AU2740">
            <v>7</v>
          </cell>
        </row>
        <row r="2741">
          <cell r="C2741">
            <v>1.2256</v>
          </cell>
          <cell r="AT2741">
            <v>2005</v>
          </cell>
          <cell r="AU2741">
            <v>7</v>
          </cell>
        </row>
        <row r="2742">
          <cell r="C2742">
            <v>1.2256</v>
          </cell>
          <cell r="AT2742">
            <v>2005</v>
          </cell>
          <cell r="AU2742">
            <v>7</v>
          </cell>
        </row>
        <row r="2743">
          <cell r="C2743">
            <v>1.2256</v>
          </cell>
          <cell r="AT2743">
            <v>2005</v>
          </cell>
          <cell r="AU2743">
            <v>7</v>
          </cell>
        </row>
        <row r="2744">
          <cell r="C2744">
            <v>1.2432000000000001</v>
          </cell>
          <cell r="AT2744">
            <v>2005</v>
          </cell>
          <cell r="AU2744">
            <v>7</v>
          </cell>
        </row>
        <row r="2745">
          <cell r="C2745">
            <v>1.2362</v>
          </cell>
          <cell r="AT2745">
            <v>2005</v>
          </cell>
          <cell r="AU2745">
            <v>7</v>
          </cell>
        </row>
        <row r="2746">
          <cell r="C2746">
            <v>1.2286999999999999</v>
          </cell>
          <cell r="AT2746">
            <v>2005</v>
          </cell>
          <cell r="AU2746">
            <v>7</v>
          </cell>
        </row>
        <row r="2747">
          <cell r="C2747">
            <v>1.2208000000000001</v>
          </cell>
          <cell r="AT2747">
            <v>2005</v>
          </cell>
          <cell r="AU2747">
            <v>7</v>
          </cell>
        </row>
        <row r="2748">
          <cell r="C2748">
            <v>1.2208000000000001</v>
          </cell>
          <cell r="AT2748">
            <v>2005</v>
          </cell>
          <cell r="AU2748">
            <v>7</v>
          </cell>
        </row>
        <row r="2749">
          <cell r="C2749">
            <v>1.2208000000000001</v>
          </cell>
          <cell r="AT2749">
            <v>2005</v>
          </cell>
          <cell r="AU2749">
            <v>7</v>
          </cell>
        </row>
        <row r="2750">
          <cell r="C2750">
            <v>1.2114</v>
          </cell>
          <cell r="AT2750">
            <v>2005</v>
          </cell>
          <cell r="AU2750">
            <v>7</v>
          </cell>
        </row>
        <row r="2751">
          <cell r="C2751">
            <v>1.2051000000000001</v>
          </cell>
          <cell r="AT2751">
            <v>2005</v>
          </cell>
          <cell r="AU2751">
            <v>7</v>
          </cell>
        </row>
        <row r="2752">
          <cell r="C2752">
            <v>1.2072000000000001</v>
          </cell>
          <cell r="AT2752">
            <v>2005</v>
          </cell>
          <cell r="AU2752">
            <v>7</v>
          </cell>
        </row>
        <row r="2753">
          <cell r="C2753">
            <v>1.2073</v>
          </cell>
          <cell r="AT2753">
            <v>2005</v>
          </cell>
          <cell r="AU2753">
            <v>7</v>
          </cell>
        </row>
        <row r="2754">
          <cell r="C2754">
            <v>1.2205999999999999</v>
          </cell>
          <cell r="AT2754">
            <v>2005</v>
          </cell>
          <cell r="AU2754">
            <v>7</v>
          </cell>
        </row>
        <row r="2755">
          <cell r="C2755">
            <v>1.2205999999999999</v>
          </cell>
          <cell r="AT2755">
            <v>2005</v>
          </cell>
          <cell r="AU2755">
            <v>7</v>
          </cell>
        </row>
        <row r="2756">
          <cell r="C2756">
            <v>1.2205999999999999</v>
          </cell>
          <cell r="AT2756">
            <v>2005</v>
          </cell>
          <cell r="AU2756">
            <v>7</v>
          </cell>
        </row>
        <row r="2757">
          <cell r="C2757">
            <v>1.2150000000000001</v>
          </cell>
          <cell r="AT2757">
            <v>2005</v>
          </cell>
          <cell r="AU2757">
            <v>7</v>
          </cell>
        </row>
        <row r="2758">
          <cell r="C2758">
            <v>1.2189000000000001</v>
          </cell>
          <cell r="AT2758">
            <v>2005</v>
          </cell>
          <cell r="AU2758">
            <v>7</v>
          </cell>
        </row>
        <row r="2759">
          <cell r="C2759">
            <v>1.2219</v>
          </cell>
          <cell r="AT2759">
            <v>2005</v>
          </cell>
          <cell r="AU2759">
            <v>7</v>
          </cell>
        </row>
        <row r="2760">
          <cell r="C2760">
            <v>1.2178</v>
          </cell>
          <cell r="AT2760">
            <v>2005</v>
          </cell>
          <cell r="AU2760">
            <v>7</v>
          </cell>
        </row>
        <row r="2761">
          <cell r="C2761">
            <v>1.2179</v>
          </cell>
          <cell r="AT2761">
            <v>2005</v>
          </cell>
          <cell r="AU2761">
            <v>7</v>
          </cell>
        </row>
        <row r="2762">
          <cell r="C2762">
            <v>1.2179</v>
          </cell>
          <cell r="AT2762">
            <v>2005</v>
          </cell>
          <cell r="AU2762">
            <v>7</v>
          </cell>
        </row>
        <row r="2763">
          <cell r="C2763">
            <v>1.2179</v>
          </cell>
          <cell r="AT2763">
            <v>2005</v>
          </cell>
          <cell r="AU2763">
            <v>7</v>
          </cell>
        </row>
        <row r="2764">
          <cell r="C2764">
            <v>1.2191000000000001</v>
          </cell>
          <cell r="AT2764">
            <v>2005</v>
          </cell>
          <cell r="AU2764">
            <v>7</v>
          </cell>
        </row>
        <row r="2765">
          <cell r="C2765">
            <v>1.2296</v>
          </cell>
          <cell r="AT2765">
            <v>2005</v>
          </cell>
          <cell r="AU2765">
            <v>7</v>
          </cell>
        </row>
        <row r="2766">
          <cell r="C2766">
            <v>1.2342</v>
          </cell>
          <cell r="AT2766">
            <v>2005</v>
          </cell>
          <cell r="AU2766">
            <v>7</v>
          </cell>
        </row>
        <row r="2767">
          <cell r="C2767">
            <v>1.234</v>
          </cell>
          <cell r="AT2767">
            <v>2005</v>
          </cell>
          <cell r="AU2767">
            <v>7</v>
          </cell>
        </row>
        <row r="2768">
          <cell r="C2768">
            <v>1.2259</v>
          </cell>
          <cell r="AT2768">
            <v>2005</v>
          </cell>
          <cell r="AU2768">
            <v>7</v>
          </cell>
        </row>
        <row r="2769">
          <cell r="C2769">
            <v>1.2259</v>
          </cell>
          <cell r="AT2769">
            <v>2005</v>
          </cell>
          <cell r="AU2769">
            <v>7</v>
          </cell>
        </row>
        <row r="2770">
          <cell r="C2770">
            <v>1.2259</v>
          </cell>
          <cell r="AT2770">
            <v>2005</v>
          </cell>
          <cell r="AU2770">
            <v>8</v>
          </cell>
        </row>
        <row r="2771">
          <cell r="C2771">
            <v>1.2259</v>
          </cell>
          <cell r="AT2771">
            <v>2005</v>
          </cell>
          <cell r="AU2771">
            <v>8</v>
          </cell>
        </row>
        <row r="2772">
          <cell r="C2772">
            <v>1.2124999999999999</v>
          </cell>
          <cell r="AT2772">
            <v>2005</v>
          </cell>
          <cell r="AU2772">
            <v>8</v>
          </cell>
        </row>
        <row r="2773">
          <cell r="C2773">
            <v>1.2129000000000001</v>
          </cell>
          <cell r="AT2773">
            <v>2005</v>
          </cell>
          <cell r="AU2773">
            <v>8</v>
          </cell>
        </row>
        <row r="2774">
          <cell r="C2774">
            <v>1.212</v>
          </cell>
          <cell r="AT2774">
            <v>2005</v>
          </cell>
          <cell r="AU2774">
            <v>8</v>
          </cell>
        </row>
        <row r="2775">
          <cell r="C2775">
            <v>1.2186999999999999</v>
          </cell>
          <cell r="AT2775">
            <v>2005</v>
          </cell>
          <cell r="AU2775">
            <v>8</v>
          </cell>
        </row>
        <row r="2776">
          <cell r="C2776">
            <v>1.2186999999999999</v>
          </cell>
          <cell r="AT2776">
            <v>2005</v>
          </cell>
          <cell r="AU2776">
            <v>8</v>
          </cell>
        </row>
        <row r="2777">
          <cell r="C2777">
            <v>1.2186999999999999</v>
          </cell>
          <cell r="AT2777">
            <v>2005</v>
          </cell>
          <cell r="AU2777">
            <v>8</v>
          </cell>
        </row>
        <row r="2778">
          <cell r="C2778">
            <v>1.2132000000000001</v>
          </cell>
          <cell r="AT2778">
            <v>2005</v>
          </cell>
          <cell r="AU2778">
            <v>8</v>
          </cell>
        </row>
        <row r="2779">
          <cell r="C2779">
            <v>1.2141999999999999</v>
          </cell>
          <cell r="AT2779">
            <v>2005</v>
          </cell>
          <cell r="AU2779">
            <v>8</v>
          </cell>
        </row>
        <row r="2780">
          <cell r="C2780">
            <v>1.2115</v>
          </cell>
          <cell r="AT2780">
            <v>2005</v>
          </cell>
          <cell r="AU2780">
            <v>8</v>
          </cell>
        </row>
        <row r="2781">
          <cell r="C2781">
            <v>1.2025999999999999</v>
          </cell>
          <cell r="AT2781">
            <v>2005</v>
          </cell>
          <cell r="AU2781">
            <v>8</v>
          </cell>
        </row>
        <row r="2782">
          <cell r="C2782">
            <v>1.1947000000000001</v>
          </cell>
          <cell r="AT2782">
            <v>2005</v>
          </cell>
          <cell r="AU2782">
            <v>8</v>
          </cell>
        </row>
        <row r="2783">
          <cell r="C2783">
            <v>1.1947000000000001</v>
          </cell>
          <cell r="AT2783">
            <v>2005</v>
          </cell>
          <cell r="AU2783">
            <v>8</v>
          </cell>
        </row>
        <row r="2784">
          <cell r="C2784">
            <v>1.1947000000000001</v>
          </cell>
          <cell r="AT2784">
            <v>2005</v>
          </cell>
          <cell r="AU2784">
            <v>8</v>
          </cell>
        </row>
        <row r="2785">
          <cell r="C2785">
            <v>1.1970000000000001</v>
          </cell>
          <cell r="AT2785">
            <v>2005</v>
          </cell>
          <cell r="AU2785">
            <v>8</v>
          </cell>
        </row>
        <row r="2786">
          <cell r="C2786">
            <v>1.198</v>
          </cell>
          <cell r="AT2786">
            <v>2005</v>
          </cell>
          <cell r="AU2786">
            <v>8</v>
          </cell>
        </row>
        <row r="2787">
          <cell r="C2787">
            <v>1.2076</v>
          </cell>
          <cell r="AT2787">
            <v>2005</v>
          </cell>
          <cell r="AU2787">
            <v>8</v>
          </cell>
        </row>
        <row r="2788">
          <cell r="C2788">
            <v>1.2181999999999999</v>
          </cell>
          <cell r="AT2788">
            <v>2005</v>
          </cell>
          <cell r="AU2788">
            <v>8</v>
          </cell>
        </row>
        <row r="2789">
          <cell r="C2789">
            <v>1.2139</v>
          </cell>
          <cell r="AT2789">
            <v>2005</v>
          </cell>
          <cell r="AU2789">
            <v>8</v>
          </cell>
        </row>
        <row r="2790">
          <cell r="C2790">
            <v>1.2139</v>
          </cell>
          <cell r="AT2790">
            <v>2005</v>
          </cell>
          <cell r="AU2790">
            <v>8</v>
          </cell>
        </row>
        <row r="2791">
          <cell r="C2791">
            <v>1.2139</v>
          </cell>
          <cell r="AT2791">
            <v>2005</v>
          </cell>
          <cell r="AU2791">
            <v>8</v>
          </cell>
        </row>
        <row r="2792">
          <cell r="C2792">
            <v>1.2040999999999999</v>
          </cell>
          <cell r="AT2792">
            <v>2005</v>
          </cell>
          <cell r="AU2792">
            <v>8</v>
          </cell>
        </row>
        <row r="2793">
          <cell r="C2793">
            <v>1.1983999999999999</v>
          </cell>
          <cell r="AT2793">
            <v>2005</v>
          </cell>
          <cell r="AU2793">
            <v>8</v>
          </cell>
        </row>
        <row r="2794">
          <cell r="C2794">
            <v>1.1958</v>
          </cell>
          <cell r="AT2794">
            <v>2005</v>
          </cell>
          <cell r="AU2794">
            <v>8</v>
          </cell>
        </row>
        <row r="2795">
          <cell r="C2795">
            <v>1.1892</v>
          </cell>
          <cell r="AT2795">
            <v>2005</v>
          </cell>
          <cell r="AU2795">
            <v>8</v>
          </cell>
        </row>
        <row r="2796">
          <cell r="C2796">
            <v>1.1957</v>
          </cell>
          <cell r="AT2796">
            <v>2005</v>
          </cell>
          <cell r="AU2796">
            <v>8</v>
          </cell>
        </row>
        <row r="2797">
          <cell r="C2797">
            <v>1.1957</v>
          </cell>
          <cell r="AT2797">
            <v>2005</v>
          </cell>
          <cell r="AU2797">
            <v>8</v>
          </cell>
        </row>
        <row r="2798">
          <cell r="C2798">
            <v>1.1957</v>
          </cell>
          <cell r="AT2798">
            <v>2005</v>
          </cell>
          <cell r="AU2798">
            <v>8</v>
          </cell>
        </row>
        <row r="2799">
          <cell r="C2799">
            <v>1.1970000000000001</v>
          </cell>
          <cell r="AT2799">
            <v>2005</v>
          </cell>
          <cell r="AU2799">
            <v>8</v>
          </cell>
        </row>
        <row r="2800">
          <cell r="C2800">
            <v>1.1923999999999999</v>
          </cell>
          <cell r="AT2800">
            <v>2005</v>
          </cell>
          <cell r="AU2800">
            <v>8</v>
          </cell>
        </row>
        <row r="2801">
          <cell r="C2801">
            <v>1.1889000000000001</v>
          </cell>
          <cell r="AT2801">
            <v>2005</v>
          </cell>
          <cell r="AU2801">
            <v>9</v>
          </cell>
        </row>
        <row r="2802">
          <cell r="C2802">
            <v>1.1849000000000001</v>
          </cell>
          <cell r="AT2802">
            <v>2005</v>
          </cell>
          <cell r="AU2802">
            <v>9</v>
          </cell>
        </row>
        <row r="2803">
          <cell r="C2803">
            <v>1.1881999999999999</v>
          </cell>
          <cell r="AT2803">
            <v>2005</v>
          </cell>
          <cell r="AU2803">
            <v>9</v>
          </cell>
        </row>
        <row r="2804">
          <cell r="C2804">
            <v>1.1881999999999999</v>
          </cell>
          <cell r="AT2804">
            <v>2005</v>
          </cell>
          <cell r="AU2804">
            <v>9</v>
          </cell>
        </row>
        <row r="2805">
          <cell r="C2805">
            <v>1.1881999999999999</v>
          </cell>
          <cell r="AT2805">
            <v>2005</v>
          </cell>
          <cell r="AU2805">
            <v>9</v>
          </cell>
        </row>
        <row r="2806">
          <cell r="C2806">
            <v>1.1881999999999999</v>
          </cell>
          <cell r="AT2806">
            <v>2005</v>
          </cell>
          <cell r="AU2806">
            <v>9</v>
          </cell>
        </row>
        <row r="2807">
          <cell r="C2807">
            <v>1.1870000000000001</v>
          </cell>
          <cell r="AT2807">
            <v>2005</v>
          </cell>
          <cell r="AU2807">
            <v>9</v>
          </cell>
        </row>
        <row r="2808">
          <cell r="C2808">
            <v>1.1862999999999999</v>
          </cell>
          <cell r="AT2808">
            <v>2005</v>
          </cell>
          <cell r="AU2808">
            <v>9</v>
          </cell>
        </row>
        <row r="2809">
          <cell r="C2809">
            <v>1.1823999999999999</v>
          </cell>
          <cell r="AT2809">
            <v>2005</v>
          </cell>
          <cell r="AU2809">
            <v>9</v>
          </cell>
        </row>
        <row r="2810">
          <cell r="C2810">
            <v>1.1760999999999999</v>
          </cell>
          <cell r="AT2810">
            <v>2005</v>
          </cell>
          <cell r="AU2810">
            <v>9</v>
          </cell>
        </row>
        <row r="2811">
          <cell r="C2811">
            <v>1.1760999999999999</v>
          </cell>
          <cell r="AT2811">
            <v>2005</v>
          </cell>
          <cell r="AU2811">
            <v>9</v>
          </cell>
        </row>
        <row r="2812">
          <cell r="C2812">
            <v>1.1760999999999999</v>
          </cell>
          <cell r="AT2812">
            <v>2005</v>
          </cell>
          <cell r="AU2812">
            <v>9</v>
          </cell>
        </row>
        <row r="2813">
          <cell r="C2813">
            <v>1.1853</v>
          </cell>
          <cell r="AT2813">
            <v>2005</v>
          </cell>
          <cell r="AU2813">
            <v>9</v>
          </cell>
        </row>
        <row r="2814">
          <cell r="C2814">
            <v>1.1801999999999999</v>
          </cell>
          <cell r="AT2814">
            <v>2005</v>
          </cell>
          <cell r="AU2814">
            <v>9</v>
          </cell>
        </row>
        <row r="2815">
          <cell r="C2815">
            <v>1.1821999999999999</v>
          </cell>
          <cell r="AT2815">
            <v>2005</v>
          </cell>
          <cell r="AU2815">
            <v>9</v>
          </cell>
        </row>
        <row r="2816">
          <cell r="C2816">
            <v>1.1857</v>
          </cell>
          <cell r="AT2816">
            <v>2005</v>
          </cell>
          <cell r="AU2816">
            <v>9</v>
          </cell>
        </row>
        <row r="2817">
          <cell r="C2817">
            <v>1.1830000000000001</v>
          </cell>
          <cell r="AT2817">
            <v>2005</v>
          </cell>
          <cell r="AU2817">
            <v>9</v>
          </cell>
        </row>
        <row r="2818">
          <cell r="C2818">
            <v>1.1830000000000001</v>
          </cell>
          <cell r="AT2818">
            <v>2005</v>
          </cell>
          <cell r="AU2818">
            <v>9</v>
          </cell>
        </row>
        <row r="2819">
          <cell r="C2819">
            <v>1.1830000000000001</v>
          </cell>
          <cell r="AT2819">
            <v>2005</v>
          </cell>
          <cell r="AU2819">
            <v>9</v>
          </cell>
        </row>
        <row r="2820">
          <cell r="C2820">
            <v>1.1694</v>
          </cell>
          <cell r="AT2820">
            <v>2005</v>
          </cell>
          <cell r="AU2820">
            <v>9</v>
          </cell>
        </row>
        <row r="2821">
          <cell r="C2821">
            <v>1.1702999999999999</v>
          </cell>
          <cell r="AT2821">
            <v>2005</v>
          </cell>
          <cell r="AU2821">
            <v>9</v>
          </cell>
        </row>
        <row r="2822">
          <cell r="C2822">
            <v>1.1693</v>
          </cell>
          <cell r="AT2822">
            <v>2005</v>
          </cell>
          <cell r="AU2822">
            <v>9</v>
          </cell>
        </row>
        <row r="2823">
          <cell r="C2823">
            <v>1.1672</v>
          </cell>
          <cell r="AT2823">
            <v>2005</v>
          </cell>
          <cell r="AU2823">
            <v>9</v>
          </cell>
        </row>
        <row r="2824">
          <cell r="C2824">
            <v>1.171</v>
          </cell>
          <cell r="AT2824">
            <v>2005</v>
          </cell>
          <cell r="AU2824">
            <v>9</v>
          </cell>
        </row>
        <row r="2825">
          <cell r="C2825">
            <v>1.171</v>
          </cell>
          <cell r="AT2825">
            <v>2005</v>
          </cell>
          <cell r="AU2825">
            <v>9</v>
          </cell>
        </row>
        <row r="2826">
          <cell r="C2826">
            <v>1.171</v>
          </cell>
          <cell r="AT2826">
            <v>2005</v>
          </cell>
          <cell r="AU2826">
            <v>9</v>
          </cell>
        </row>
        <row r="2827">
          <cell r="C2827">
            <v>1.1707000000000001</v>
          </cell>
          <cell r="AT2827">
            <v>2005</v>
          </cell>
          <cell r="AU2827">
            <v>9</v>
          </cell>
        </row>
        <row r="2828">
          <cell r="C2828">
            <v>1.1780999999999999</v>
          </cell>
          <cell r="AT2828">
            <v>2005</v>
          </cell>
          <cell r="AU2828">
            <v>9</v>
          </cell>
        </row>
        <row r="2829">
          <cell r="C2829">
            <v>1.1785000000000001</v>
          </cell>
          <cell r="AT2829">
            <v>2005</v>
          </cell>
          <cell r="AU2829">
            <v>9</v>
          </cell>
        </row>
        <row r="2830">
          <cell r="C2830">
            <v>1.1725000000000001</v>
          </cell>
          <cell r="AT2830">
            <v>2005</v>
          </cell>
          <cell r="AU2830">
            <v>9</v>
          </cell>
        </row>
        <row r="2831">
          <cell r="C2831">
            <v>1.1611</v>
          </cell>
          <cell r="AT2831">
            <v>2005</v>
          </cell>
          <cell r="AU2831">
            <v>10</v>
          </cell>
        </row>
        <row r="2832">
          <cell r="C2832">
            <v>1.1611</v>
          </cell>
          <cell r="AT2832">
            <v>2005</v>
          </cell>
          <cell r="AU2832">
            <v>10</v>
          </cell>
        </row>
        <row r="2833">
          <cell r="C2833">
            <v>1.1611</v>
          </cell>
          <cell r="AT2833">
            <v>2005</v>
          </cell>
          <cell r="AU2833">
            <v>10</v>
          </cell>
        </row>
        <row r="2834">
          <cell r="C2834">
            <v>1.1658999999999999</v>
          </cell>
          <cell r="AT2834">
            <v>2005</v>
          </cell>
          <cell r="AU2834">
            <v>10</v>
          </cell>
        </row>
        <row r="2835">
          <cell r="C2835">
            <v>1.1720999999999999</v>
          </cell>
          <cell r="AT2835">
            <v>2005</v>
          </cell>
          <cell r="AU2835">
            <v>10</v>
          </cell>
        </row>
        <row r="2836">
          <cell r="C2836">
            <v>1.1795</v>
          </cell>
          <cell r="AT2836">
            <v>2005</v>
          </cell>
          <cell r="AU2836">
            <v>10</v>
          </cell>
        </row>
        <row r="2837">
          <cell r="C2837">
            <v>1.1821999999999999</v>
          </cell>
          <cell r="AT2837">
            <v>2005</v>
          </cell>
          <cell r="AU2837">
            <v>10</v>
          </cell>
        </row>
        <row r="2838">
          <cell r="C2838">
            <v>1.1748000000000001</v>
          </cell>
          <cell r="AT2838">
            <v>2005</v>
          </cell>
          <cell r="AU2838">
            <v>10</v>
          </cell>
        </row>
        <row r="2839">
          <cell r="C2839">
            <v>1.1748000000000001</v>
          </cell>
          <cell r="AT2839">
            <v>2005</v>
          </cell>
          <cell r="AU2839">
            <v>10</v>
          </cell>
        </row>
        <row r="2840">
          <cell r="C2840">
            <v>1.1748000000000001</v>
          </cell>
          <cell r="AT2840">
            <v>2005</v>
          </cell>
          <cell r="AU2840">
            <v>10</v>
          </cell>
        </row>
        <row r="2841">
          <cell r="C2841">
            <v>1.1748000000000001</v>
          </cell>
          <cell r="AT2841">
            <v>2005</v>
          </cell>
          <cell r="AU2841">
            <v>10</v>
          </cell>
        </row>
        <row r="2842">
          <cell r="C2842">
            <v>1.1755</v>
          </cell>
          <cell r="AT2842">
            <v>2005</v>
          </cell>
          <cell r="AU2842">
            <v>10</v>
          </cell>
        </row>
        <row r="2843">
          <cell r="C2843">
            <v>1.1707000000000001</v>
          </cell>
          <cell r="AT2843">
            <v>2005</v>
          </cell>
          <cell r="AU2843">
            <v>10</v>
          </cell>
        </row>
        <row r="2844">
          <cell r="C2844">
            <v>1.1837</v>
          </cell>
          <cell r="AT2844">
            <v>2005</v>
          </cell>
          <cell r="AU2844">
            <v>10</v>
          </cell>
        </row>
        <row r="2845">
          <cell r="C2845">
            <v>1.1856</v>
          </cell>
          <cell r="AT2845">
            <v>2005</v>
          </cell>
          <cell r="AU2845">
            <v>10</v>
          </cell>
        </row>
        <row r="2846">
          <cell r="C2846">
            <v>1.1856</v>
          </cell>
          <cell r="AT2846">
            <v>2005</v>
          </cell>
          <cell r="AU2846">
            <v>10</v>
          </cell>
        </row>
        <row r="2847">
          <cell r="C2847">
            <v>1.1856</v>
          </cell>
          <cell r="AT2847">
            <v>2005</v>
          </cell>
          <cell r="AU2847">
            <v>10</v>
          </cell>
        </row>
        <row r="2848">
          <cell r="C2848">
            <v>1.1798999999999999</v>
          </cell>
          <cell r="AT2848">
            <v>2005</v>
          </cell>
          <cell r="AU2848">
            <v>10</v>
          </cell>
        </row>
        <row r="2849">
          <cell r="C2849">
            <v>1.1796</v>
          </cell>
          <cell r="AT2849">
            <v>2005</v>
          </cell>
          <cell r="AU2849">
            <v>10</v>
          </cell>
        </row>
        <row r="2850">
          <cell r="C2850">
            <v>1.1777</v>
          </cell>
          <cell r="AT2850">
            <v>2005</v>
          </cell>
          <cell r="AU2850">
            <v>10</v>
          </cell>
        </row>
        <row r="2851">
          <cell r="C2851">
            <v>1.1767000000000001</v>
          </cell>
          <cell r="AT2851">
            <v>2005</v>
          </cell>
          <cell r="AU2851">
            <v>10</v>
          </cell>
        </row>
        <row r="2852">
          <cell r="C2852">
            <v>1.1847000000000001</v>
          </cell>
          <cell r="AT2852">
            <v>2005</v>
          </cell>
          <cell r="AU2852">
            <v>10</v>
          </cell>
        </row>
        <row r="2853">
          <cell r="C2853">
            <v>1.1847000000000001</v>
          </cell>
          <cell r="AT2853">
            <v>2005</v>
          </cell>
          <cell r="AU2853">
            <v>10</v>
          </cell>
        </row>
        <row r="2854">
          <cell r="C2854">
            <v>1.1847000000000001</v>
          </cell>
          <cell r="AT2854">
            <v>2005</v>
          </cell>
          <cell r="AU2854">
            <v>10</v>
          </cell>
        </row>
        <row r="2855">
          <cell r="C2855">
            <v>1.1887000000000001</v>
          </cell>
          <cell r="AT2855">
            <v>2005</v>
          </cell>
          <cell r="AU2855">
            <v>10</v>
          </cell>
        </row>
        <row r="2856">
          <cell r="C2856">
            <v>1.177</v>
          </cell>
          <cell r="AT2856">
            <v>2005</v>
          </cell>
          <cell r="AU2856">
            <v>10</v>
          </cell>
        </row>
        <row r="2857">
          <cell r="C2857">
            <v>1.1702999999999999</v>
          </cell>
          <cell r="AT2857">
            <v>2005</v>
          </cell>
          <cell r="AU2857">
            <v>10</v>
          </cell>
        </row>
        <row r="2858">
          <cell r="C2858">
            <v>1.1697</v>
          </cell>
          <cell r="AT2858">
            <v>2005</v>
          </cell>
          <cell r="AU2858">
            <v>10</v>
          </cell>
        </row>
        <row r="2859">
          <cell r="C2859">
            <v>1.1771</v>
          </cell>
          <cell r="AT2859">
            <v>2005</v>
          </cell>
          <cell r="AU2859">
            <v>10</v>
          </cell>
        </row>
        <row r="2860">
          <cell r="C2860">
            <v>1.1771</v>
          </cell>
          <cell r="AT2860">
            <v>2005</v>
          </cell>
          <cell r="AU2860">
            <v>10</v>
          </cell>
        </row>
        <row r="2861">
          <cell r="C2861">
            <v>1.1771</v>
          </cell>
          <cell r="AT2861">
            <v>2005</v>
          </cell>
          <cell r="AU2861">
            <v>10</v>
          </cell>
        </row>
        <row r="2862">
          <cell r="C2862">
            <v>1.1800999999999999</v>
          </cell>
          <cell r="AT2862">
            <v>2005</v>
          </cell>
          <cell r="AU2862">
            <v>11</v>
          </cell>
        </row>
        <row r="2863">
          <cell r="C2863">
            <v>1.1767000000000001</v>
          </cell>
          <cell r="AT2863">
            <v>2005</v>
          </cell>
          <cell r="AU2863">
            <v>11</v>
          </cell>
        </row>
        <row r="2864">
          <cell r="C2864">
            <v>1.1801999999999999</v>
          </cell>
          <cell r="AT2864">
            <v>2005</v>
          </cell>
          <cell r="AU2864">
            <v>11</v>
          </cell>
        </row>
        <row r="2865">
          <cell r="C2865">
            <v>1.1818</v>
          </cell>
          <cell r="AT2865">
            <v>2005</v>
          </cell>
          <cell r="AU2865">
            <v>11</v>
          </cell>
        </row>
        <row r="2866">
          <cell r="C2866">
            <v>1.1811</v>
          </cell>
          <cell r="AT2866">
            <v>2005</v>
          </cell>
          <cell r="AU2866">
            <v>11</v>
          </cell>
        </row>
        <row r="2867">
          <cell r="C2867">
            <v>1.1811</v>
          </cell>
          <cell r="AT2867">
            <v>2005</v>
          </cell>
          <cell r="AU2867">
            <v>11</v>
          </cell>
        </row>
        <row r="2868">
          <cell r="C2868">
            <v>1.1811</v>
          </cell>
          <cell r="AT2868">
            <v>2005</v>
          </cell>
          <cell r="AU2868">
            <v>11</v>
          </cell>
        </row>
        <row r="2869">
          <cell r="C2869">
            <v>1.1900999999999999</v>
          </cell>
          <cell r="AT2869">
            <v>2005</v>
          </cell>
          <cell r="AU2869">
            <v>11</v>
          </cell>
        </row>
        <row r="2870">
          <cell r="C2870">
            <v>1.1886000000000001</v>
          </cell>
          <cell r="AT2870">
            <v>2005</v>
          </cell>
          <cell r="AU2870">
            <v>11</v>
          </cell>
        </row>
        <row r="2871">
          <cell r="C2871">
            <v>1.1859999999999999</v>
          </cell>
          <cell r="AT2871">
            <v>2005</v>
          </cell>
          <cell r="AU2871">
            <v>11</v>
          </cell>
        </row>
        <row r="2872">
          <cell r="C2872">
            <v>1.1877</v>
          </cell>
          <cell r="AT2872">
            <v>2005</v>
          </cell>
          <cell r="AU2872">
            <v>11</v>
          </cell>
        </row>
        <row r="2873">
          <cell r="C2873">
            <v>1.1877</v>
          </cell>
          <cell r="AT2873">
            <v>2005</v>
          </cell>
          <cell r="AU2873">
            <v>11</v>
          </cell>
        </row>
        <row r="2874">
          <cell r="C2874">
            <v>1.1877</v>
          </cell>
          <cell r="AT2874">
            <v>2005</v>
          </cell>
          <cell r="AU2874">
            <v>11</v>
          </cell>
        </row>
        <row r="2875">
          <cell r="C2875">
            <v>1.1877</v>
          </cell>
          <cell r="AT2875">
            <v>2005</v>
          </cell>
          <cell r="AU2875">
            <v>11</v>
          </cell>
        </row>
        <row r="2876">
          <cell r="C2876">
            <v>1.1960999999999999</v>
          </cell>
          <cell r="AT2876">
            <v>2005</v>
          </cell>
          <cell r="AU2876">
            <v>11</v>
          </cell>
        </row>
        <row r="2877">
          <cell r="C2877">
            <v>1.194</v>
          </cell>
          <cell r="AT2877">
            <v>2005</v>
          </cell>
          <cell r="AU2877">
            <v>11</v>
          </cell>
        </row>
        <row r="2878">
          <cell r="C2878">
            <v>1.1918</v>
          </cell>
          <cell r="AT2878">
            <v>2005</v>
          </cell>
          <cell r="AU2878">
            <v>11</v>
          </cell>
        </row>
        <row r="2879">
          <cell r="C2879">
            <v>1.1862999999999999</v>
          </cell>
          <cell r="AT2879">
            <v>2005</v>
          </cell>
          <cell r="AU2879">
            <v>11</v>
          </cell>
        </row>
        <row r="2880">
          <cell r="C2880">
            <v>1.1901999999999999</v>
          </cell>
          <cell r="AT2880">
            <v>2005</v>
          </cell>
          <cell r="AU2880">
            <v>11</v>
          </cell>
        </row>
        <row r="2881">
          <cell r="C2881">
            <v>1.1901999999999999</v>
          </cell>
          <cell r="AT2881">
            <v>2005</v>
          </cell>
          <cell r="AU2881">
            <v>11</v>
          </cell>
        </row>
        <row r="2882">
          <cell r="C2882">
            <v>1.1901999999999999</v>
          </cell>
          <cell r="AT2882">
            <v>2005</v>
          </cell>
          <cell r="AU2882">
            <v>11</v>
          </cell>
        </row>
        <row r="2883">
          <cell r="C2883">
            <v>1.1819999999999999</v>
          </cell>
          <cell r="AT2883">
            <v>2005</v>
          </cell>
          <cell r="AU2883">
            <v>11</v>
          </cell>
        </row>
        <row r="2884">
          <cell r="C2884">
            <v>1.1771</v>
          </cell>
          <cell r="AT2884">
            <v>2005</v>
          </cell>
          <cell r="AU2884">
            <v>11</v>
          </cell>
        </row>
        <row r="2885">
          <cell r="C2885">
            <v>1.1718999999999999</v>
          </cell>
          <cell r="AT2885">
            <v>2005</v>
          </cell>
          <cell r="AU2885">
            <v>11</v>
          </cell>
        </row>
        <row r="2886">
          <cell r="C2886">
            <v>1.1718999999999999</v>
          </cell>
          <cell r="AT2886">
            <v>2005</v>
          </cell>
          <cell r="AU2886">
            <v>11</v>
          </cell>
        </row>
        <row r="2887">
          <cell r="C2887">
            <v>1.1718999999999999</v>
          </cell>
          <cell r="AT2887">
            <v>2005</v>
          </cell>
          <cell r="AU2887">
            <v>11</v>
          </cell>
        </row>
        <row r="2888">
          <cell r="C2888">
            <v>1.1718999999999999</v>
          </cell>
          <cell r="AT2888">
            <v>2005</v>
          </cell>
          <cell r="AU2888">
            <v>11</v>
          </cell>
        </row>
        <row r="2889">
          <cell r="C2889">
            <v>1.1718999999999999</v>
          </cell>
          <cell r="AT2889">
            <v>2005</v>
          </cell>
          <cell r="AU2889">
            <v>11</v>
          </cell>
        </row>
        <row r="2890">
          <cell r="C2890">
            <v>1.1657</v>
          </cell>
          <cell r="AT2890">
            <v>2005</v>
          </cell>
          <cell r="AU2890">
            <v>11</v>
          </cell>
        </row>
        <row r="2891">
          <cell r="C2891">
            <v>1.1673</v>
          </cell>
          <cell r="AT2891">
            <v>2005</v>
          </cell>
          <cell r="AU2891">
            <v>11</v>
          </cell>
        </row>
        <row r="2892">
          <cell r="C2892">
            <v>1.1674</v>
          </cell>
          <cell r="AT2892">
            <v>2005</v>
          </cell>
          <cell r="AU2892">
            <v>12</v>
          </cell>
        </row>
        <row r="2893">
          <cell r="C2893">
            <v>1.1687000000000001</v>
          </cell>
          <cell r="AT2893">
            <v>2005</v>
          </cell>
          <cell r="AU2893">
            <v>12</v>
          </cell>
        </row>
        <row r="2894">
          <cell r="C2894">
            <v>1.1627000000000001</v>
          </cell>
          <cell r="AT2894">
            <v>2005</v>
          </cell>
          <cell r="AU2894">
            <v>12</v>
          </cell>
        </row>
        <row r="2895">
          <cell r="C2895">
            <v>1.1627000000000001</v>
          </cell>
          <cell r="AT2895">
            <v>2005</v>
          </cell>
          <cell r="AU2895">
            <v>12</v>
          </cell>
        </row>
        <row r="2896">
          <cell r="C2896">
            <v>1.1627000000000001</v>
          </cell>
          <cell r="AT2896">
            <v>2005</v>
          </cell>
          <cell r="AU2896">
            <v>12</v>
          </cell>
        </row>
        <row r="2897">
          <cell r="C2897">
            <v>1.1567000000000001</v>
          </cell>
          <cell r="AT2897">
            <v>2005</v>
          </cell>
          <cell r="AU2897">
            <v>12</v>
          </cell>
        </row>
        <row r="2898">
          <cell r="C2898">
            <v>1.1561999999999999</v>
          </cell>
          <cell r="AT2898">
            <v>2005</v>
          </cell>
          <cell r="AU2898">
            <v>12</v>
          </cell>
        </row>
        <row r="2899">
          <cell r="C2899">
            <v>1.1581999999999999</v>
          </cell>
          <cell r="AT2899">
            <v>2005</v>
          </cell>
          <cell r="AU2899">
            <v>12</v>
          </cell>
        </row>
        <row r="2900">
          <cell r="C2900">
            <v>1.1574</v>
          </cell>
          <cell r="AT2900">
            <v>2005</v>
          </cell>
          <cell r="AU2900">
            <v>12</v>
          </cell>
        </row>
        <row r="2901">
          <cell r="C2901">
            <v>1.1568000000000001</v>
          </cell>
          <cell r="AT2901">
            <v>2005</v>
          </cell>
          <cell r="AU2901">
            <v>12</v>
          </cell>
        </row>
        <row r="2902">
          <cell r="C2902">
            <v>1.1568000000000001</v>
          </cell>
          <cell r="AT2902">
            <v>2005</v>
          </cell>
          <cell r="AU2902">
            <v>12</v>
          </cell>
        </row>
        <row r="2903">
          <cell r="C2903">
            <v>1.1568000000000001</v>
          </cell>
          <cell r="AT2903">
            <v>2005</v>
          </cell>
          <cell r="AU2903">
            <v>12</v>
          </cell>
        </row>
        <row r="2904">
          <cell r="C2904">
            <v>1.1507000000000001</v>
          </cell>
          <cell r="AT2904">
            <v>2005</v>
          </cell>
          <cell r="AU2904">
            <v>12</v>
          </cell>
        </row>
        <row r="2905">
          <cell r="C2905">
            <v>1.1519999999999999</v>
          </cell>
          <cell r="AT2905">
            <v>2005</v>
          </cell>
          <cell r="AU2905">
            <v>12</v>
          </cell>
        </row>
        <row r="2906">
          <cell r="C2906">
            <v>1.1531</v>
          </cell>
          <cell r="AT2906">
            <v>2005</v>
          </cell>
          <cell r="AU2906">
            <v>12</v>
          </cell>
        </row>
        <row r="2907">
          <cell r="C2907">
            <v>1.1577</v>
          </cell>
          <cell r="AT2907">
            <v>2005</v>
          </cell>
          <cell r="AU2907">
            <v>12</v>
          </cell>
        </row>
        <row r="2908">
          <cell r="C2908">
            <v>1.1564000000000001</v>
          </cell>
          <cell r="AT2908">
            <v>2005</v>
          </cell>
          <cell r="AU2908">
            <v>12</v>
          </cell>
        </row>
        <row r="2909">
          <cell r="C2909">
            <v>1.1564000000000001</v>
          </cell>
          <cell r="AT2909">
            <v>2005</v>
          </cell>
          <cell r="AU2909">
            <v>12</v>
          </cell>
        </row>
        <row r="2910">
          <cell r="C2910">
            <v>1.1564000000000001</v>
          </cell>
          <cell r="AT2910">
            <v>2005</v>
          </cell>
          <cell r="AU2910">
            <v>12</v>
          </cell>
        </row>
        <row r="2911">
          <cell r="C2911">
            <v>1.1634</v>
          </cell>
          <cell r="AT2911">
            <v>2005</v>
          </cell>
          <cell r="AU2911">
            <v>12</v>
          </cell>
        </row>
        <row r="2912">
          <cell r="C2912">
            <v>1.1734</v>
          </cell>
          <cell r="AT2912">
            <v>2005</v>
          </cell>
          <cell r="AU2912">
            <v>12</v>
          </cell>
        </row>
        <row r="2913">
          <cell r="C2913">
            <v>1.1695</v>
          </cell>
          <cell r="AT2913">
            <v>2005</v>
          </cell>
          <cell r="AU2913">
            <v>12</v>
          </cell>
        </row>
        <row r="2914">
          <cell r="C2914">
            <v>1.1649</v>
          </cell>
          <cell r="AT2914">
            <v>2005</v>
          </cell>
          <cell r="AU2914">
            <v>12</v>
          </cell>
        </row>
        <row r="2915">
          <cell r="C2915">
            <v>1.1649</v>
          </cell>
          <cell r="AT2915">
            <v>2005</v>
          </cell>
          <cell r="AU2915">
            <v>12</v>
          </cell>
        </row>
        <row r="2916">
          <cell r="C2916">
            <v>1.1649</v>
          </cell>
          <cell r="AT2916">
            <v>2005</v>
          </cell>
          <cell r="AU2916">
            <v>12</v>
          </cell>
        </row>
        <row r="2917">
          <cell r="C2917">
            <v>1.1649</v>
          </cell>
          <cell r="AT2917">
            <v>2005</v>
          </cell>
          <cell r="AU2917">
            <v>12</v>
          </cell>
        </row>
        <row r="2918">
          <cell r="C2918">
            <v>1.1649</v>
          </cell>
          <cell r="AT2918">
            <v>2005</v>
          </cell>
          <cell r="AU2918">
            <v>12</v>
          </cell>
        </row>
        <row r="2919">
          <cell r="C2919">
            <v>1.1638999999999999</v>
          </cell>
          <cell r="AT2919">
            <v>2005</v>
          </cell>
          <cell r="AU2919">
            <v>12</v>
          </cell>
        </row>
        <row r="2920">
          <cell r="C2920">
            <v>1.1645000000000001</v>
          </cell>
          <cell r="AT2920">
            <v>2005</v>
          </cell>
          <cell r="AU2920">
            <v>12</v>
          </cell>
        </row>
        <row r="2921">
          <cell r="C2921">
            <v>1.1658999999999999</v>
          </cell>
          <cell r="AT2921">
            <v>2005</v>
          </cell>
          <cell r="AU2921">
            <v>12</v>
          </cell>
        </row>
        <row r="2922">
          <cell r="C2922">
            <v>1.1658999999999999</v>
          </cell>
          <cell r="AT2922">
            <v>2005</v>
          </cell>
          <cell r="AU2922">
            <v>12</v>
          </cell>
        </row>
        <row r="2923">
          <cell r="C2923">
            <v>1.1658999999999999</v>
          </cell>
          <cell r="AT2923">
            <v>2006</v>
          </cell>
          <cell r="AU2923">
            <v>1</v>
          </cell>
        </row>
        <row r="2924">
          <cell r="C2924">
            <v>1.1658999999999999</v>
          </cell>
          <cell r="AT2924">
            <v>2006</v>
          </cell>
          <cell r="AU2924">
            <v>1</v>
          </cell>
        </row>
        <row r="2925">
          <cell r="C2925">
            <v>1.1658999999999999</v>
          </cell>
          <cell r="AT2925">
            <v>2006</v>
          </cell>
          <cell r="AU2925">
            <v>1</v>
          </cell>
        </row>
        <row r="2926">
          <cell r="C2926">
            <v>1.1571</v>
          </cell>
          <cell r="AT2926">
            <v>2006</v>
          </cell>
          <cell r="AU2926">
            <v>1</v>
          </cell>
        </row>
        <row r="2927">
          <cell r="C2927">
            <v>1.1515</v>
          </cell>
          <cell r="AT2927">
            <v>2006</v>
          </cell>
          <cell r="AU2927">
            <v>1</v>
          </cell>
        </row>
        <row r="2928">
          <cell r="C2928">
            <v>1.1617</v>
          </cell>
          <cell r="AT2928">
            <v>2006</v>
          </cell>
          <cell r="AU2928">
            <v>1</v>
          </cell>
        </row>
        <row r="2929">
          <cell r="C2929">
            <v>1.1648000000000001</v>
          </cell>
          <cell r="AT2929">
            <v>2006</v>
          </cell>
          <cell r="AU2929">
            <v>1</v>
          </cell>
        </row>
        <row r="2930">
          <cell r="C2930">
            <v>1.1648000000000001</v>
          </cell>
          <cell r="AT2930">
            <v>2006</v>
          </cell>
          <cell r="AU2930">
            <v>1</v>
          </cell>
        </row>
        <row r="2931">
          <cell r="C2931">
            <v>1.1648000000000001</v>
          </cell>
          <cell r="AT2931">
            <v>2006</v>
          </cell>
          <cell r="AU2931">
            <v>1</v>
          </cell>
        </row>
        <row r="2932">
          <cell r="C2932">
            <v>1.1692</v>
          </cell>
          <cell r="AT2932">
            <v>2006</v>
          </cell>
          <cell r="AU2932">
            <v>1</v>
          </cell>
        </row>
        <row r="2933">
          <cell r="C2933">
            <v>1.1628000000000001</v>
          </cell>
          <cell r="AT2933">
            <v>2006</v>
          </cell>
          <cell r="AU2933">
            <v>1</v>
          </cell>
        </row>
        <row r="2934">
          <cell r="C2934">
            <v>1.1579999999999999</v>
          </cell>
          <cell r="AT2934">
            <v>2006</v>
          </cell>
          <cell r="AU2934">
            <v>1</v>
          </cell>
        </row>
        <row r="2935">
          <cell r="C2935">
            <v>1.1625000000000001</v>
          </cell>
          <cell r="AT2935">
            <v>2006</v>
          </cell>
          <cell r="AU2935">
            <v>1</v>
          </cell>
        </row>
        <row r="2936">
          <cell r="C2936">
            <v>1.1613</v>
          </cell>
          <cell r="AT2936">
            <v>2006</v>
          </cell>
          <cell r="AU2936">
            <v>1</v>
          </cell>
        </row>
        <row r="2937">
          <cell r="C2937">
            <v>1.1613</v>
          </cell>
          <cell r="AT2937">
            <v>2006</v>
          </cell>
          <cell r="AU2937">
            <v>1</v>
          </cell>
        </row>
        <row r="2938">
          <cell r="C2938">
            <v>1.1613</v>
          </cell>
          <cell r="AT2938">
            <v>2006</v>
          </cell>
          <cell r="AU2938">
            <v>1</v>
          </cell>
        </row>
        <row r="2939">
          <cell r="C2939">
            <v>1.1613</v>
          </cell>
          <cell r="AT2939">
            <v>2006</v>
          </cell>
          <cell r="AU2939">
            <v>1</v>
          </cell>
        </row>
        <row r="2940">
          <cell r="C2940">
            <v>1.1642999999999999</v>
          </cell>
          <cell r="AT2940">
            <v>2006</v>
          </cell>
          <cell r="AU2940">
            <v>1</v>
          </cell>
        </row>
        <row r="2941">
          <cell r="C2941">
            <v>1.1726000000000001</v>
          </cell>
          <cell r="AT2941">
            <v>2006</v>
          </cell>
          <cell r="AU2941">
            <v>1</v>
          </cell>
        </row>
        <row r="2942">
          <cell r="C2942">
            <v>1.1657</v>
          </cell>
          <cell r="AT2942">
            <v>2006</v>
          </cell>
          <cell r="AU2942">
            <v>1</v>
          </cell>
        </row>
        <row r="2943">
          <cell r="C2943">
            <v>1.1534</v>
          </cell>
          <cell r="AT2943">
            <v>2006</v>
          </cell>
          <cell r="AU2943">
            <v>1</v>
          </cell>
        </row>
        <row r="2944">
          <cell r="C2944">
            <v>1.1534</v>
          </cell>
          <cell r="AT2944">
            <v>2006</v>
          </cell>
          <cell r="AU2944">
            <v>1</v>
          </cell>
        </row>
        <row r="2945">
          <cell r="C2945">
            <v>1.1534</v>
          </cell>
          <cell r="AT2945">
            <v>2006</v>
          </cell>
          <cell r="AU2945">
            <v>1</v>
          </cell>
        </row>
        <row r="2946">
          <cell r="C2946">
            <v>1.1512</v>
          </cell>
          <cell r="AT2946">
            <v>2006</v>
          </cell>
          <cell r="AU2946">
            <v>1</v>
          </cell>
        </row>
        <row r="2947">
          <cell r="C2947">
            <v>1.1549</v>
          </cell>
          <cell r="AT2947">
            <v>2006</v>
          </cell>
          <cell r="AU2947">
            <v>1</v>
          </cell>
        </row>
        <row r="2948">
          <cell r="C2948">
            <v>1.1483000000000001</v>
          </cell>
          <cell r="AT2948">
            <v>2006</v>
          </cell>
          <cell r="AU2948">
            <v>1</v>
          </cell>
        </row>
        <row r="2949">
          <cell r="C2949">
            <v>1.1503000000000001</v>
          </cell>
          <cell r="AT2949">
            <v>2006</v>
          </cell>
          <cell r="AU2949">
            <v>1</v>
          </cell>
        </row>
        <row r="2950">
          <cell r="C2950">
            <v>1.1474</v>
          </cell>
          <cell r="AT2950">
            <v>2006</v>
          </cell>
          <cell r="AU2950">
            <v>1</v>
          </cell>
        </row>
        <row r="2951">
          <cell r="C2951">
            <v>1.1474</v>
          </cell>
          <cell r="AT2951">
            <v>2006</v>
          </cell>
          <cell r="AU2951">
            <v>1</v>
          </cell>
        </row>
        <row r="2952">
          <cell r="C2952">
            <v>1.1474</v>
          </cell>
          <cell r="AT2952">
            <v>2006</v>
          </cell>
          <cell r="AU2952">
            <v>1</v>
          </cell>
        </row>
        <row r="2953">
          <cell r="C2953">
            <v>1.1443000000000001</v>
          </cell>
          <cell r="AT2953">
            <v>2006</v>
          </cell>
          <cell r="AU2953">
            <v>1</v>
          </cell>
        </row>
        <row r="2954">
          <cell r="C2954">
            <v>1.1438999999999999</v>
          </cell>
          <cell r="AT2954">
            <v>2006</v>
          </cell>
          <cell r="AU2954">
            <v>2</v>
          </cell>
        </row>
        <row r="2955">
          <cell r="C2955">
            <v>1.1402000000000001</v>
          </cell>
          <cell r="AT2955">
            <v>2006</v>
          </cell>
          <cell r="AU2955">
            <v>2</v>
          </cell>
        </row>
        <row r="2956">
          <cell r="C2956">
            <v>1.1432</v>
          </cell>
          <cell r="AT2956">
            <v>2006</v>
          </cell>
          <cell r="AU2956">
            <v>2</v>
          </cell>
        </row>
        <row r="2957">
          <cell r="C2957">
            <v>1.1471</v>
          </cell>
          <cell r="AT2957">
            <v>2006</v>
          </cell>
          <cell r="AU2957">
            <v>2</v>
          </cell>
        </row>
        <row r="2958">
          <cell r="C2958">
            <v>1.1471</v>
          </cell>
          <cell r="AT2958">
            <v>2006</v>
          </cell>
          <cell r="AU2958">
            <v>2</v>
          </cell>
        </row>
        <row r="2959">
          <cell r="C2959">
            <v>1.1471</v>
          </cell>
          <cell r="AT2959">
            <v>2006</v>
          </cell>
          <cell r="AU2959">
            <v>2</v>
          </cell>
        </row>
        <row r="2960">
          <cell r="C2960">
            <v>1.1456999999999999</v>
          </cell>
          <cell r="AT2960">
            <v>2006</v>
          </cell>
          <cell r="AU2960">
            <v>2</v>
          </cell>
        </row>
        <row r="2961">
          <cell r="C2961">
            <v>1.1491</v>
          </cell>
          <cell r="AT2961">
            <v>2006</v>
          </cell>
          <cell r="AU2961">
            <v>2</v>
          </cell>
        </row>
        <row r="2962">
          <cell r="C2962">
            <v>1.1536</v>
          </cell>
          <cell r="AT2962">
            <v>2006</v>
          </cell>
          <cell r="AU2962">
            <v>2</v>
          </cell>
        </row>
        <row r="2963">
          <cell r="C2963">
            <v>1.1453</v>
          </cell>
          <cell r="AT2963">
            <v>2006</v>
          </cell>
          <cell r="AU2963">
            <v>2</v>
          </cell>
        </row>
        <row r="2964">
          <cell r="C2964">
            <v>1.1541999999999999</v>
          </cell>
          <cell r="AT2964">
            <v>2006</v>
          </cell>
          <cell r="AU2964">
            <v>2</v>
          </cell>
        </row>
        <row r="2965">
          <cell r="C2965">
            <v>1.1541999999999999</v>
          </cell>
          <cell r="AT2965">
            <v>2006</v>
          </cell>
          <cell r="AU2965">
            <v>2</v>
          </cell>
        </row>
        <row r="2966">
          <cell r="C2966">
            <v>1.1541999999999999</v>
          </cell>
          <cell r="AT2966">
            <v>2006</v>
          </cell>
          <cell r="AU2966">
            <v>2</v>
          </cell>
        </row>
        <row r="2967">
          <cell r="C2967">
            <v>1.1548</v>
          </cell>
          <cell r="AT2967">
            <v>2006</v>
          </cell>
          <cell r="AU2967">
            <v>2</v>
          </cell>
        </row>
        <row r="2968">
          <cell r="C2968">
            <v>1.1548</v>
          </cell>
          <cell r="AT2968">
            <v>2006</v>
          </cell>
          <cell r="AU2968">
            <v>2</v>
          </cell>
        </row>
        <row r="2969">
          <cell r="C2969">
            <v>1.1540999999999999</v>
          </cell>
          <cell r="AT2969">
            <v>2006</v>
          </cell>
          <cell r="AU2969">
            <v>2</v>
          </cell>
        </row>
        <row r="2970">
          <cell r="C2970">
            <v>1.1577999999999999</v>
          </cell>
          <cell r="AT2970">
            <v>2006</v>
          </cell>
          <cell r="AU2970">
            <v>2</v>
          </cell>
        </row>
        <row r="2971">
          <cell r="C2971">
            <v>1.1521999999999999</v>
          </cell>
          <cell r="AT2971">
            <v>2006</v>
          </cell>
          <cell r="AU2971">
            <v>2</v>
          </cell>
        </row>
        <row r="2972">
          <cell r="C2972">
            <v>1.1521999999999999</v>
          </cell>
          <cell r="AT2972">
            <v>2006</v>
          </cell>
          <cell r="AU2972">
            <v>2</v>
          </cell>
        </row>
        <row r="2973">
          <cell r="C2973">
            <v>1.1521999999999999</v>
          </cell>
          <cell r="AT2973">
            <v>2006</v>
          </cell>
          <cell r="AU2973">
            <v>2</v>
          </cell>
        </row>
        <row r="2974">
          <cell r="C2974">
            <v>1.1521999999999999</v>
          </cell>
          <cell r="AT2974">
            <v>2006</v>
          </cell>
          <cell r="AU2974">
            <v>2</v>
          </cell>
        </row>
        <row r="2975">
          <cell r="C2975">
            <v>1.1464000000000001</v>
          </cell>
          <cell r="AT2975">
            <v>2006</v>
          </cell>
          <cell r="AU2975">
            <v>2</v>
          </cell>
        </row>
        <row r="2976">
          <cell r="C2976">
            <v>1.1482000000000001</v>
          </cell>
          <cell r="AT2976">
            <v>2006</v>
          </cell>
          <cell r="AU2976">
            <v>2</v>
          </cell>
        </row>
        <row r="2977">
          <cell r="C2977">
            <v>1.1513</v>
          </cell>
          <cell r="AT2977">
            <v>2006</v>
          </cell>
          <cell r="AU2977">
            <v>2</v>
          </cell>
        </row>
        <row r="2978">
          <cell r="C2978">
            <v>1.1517999999999999</v>
          </cell>
          <cell r="AT2978">
            <v>2006</v>
          </cell>
          <cell r="AU2978">
            <v>2</v>
          </cell>
        </row>
        <row r="2979">
          <cell r="C2979">
            <v>1.1517999999999999</v>
          </cell>
          <cell r="AT2979">
            <v>2006</v>
          </cell>
          <cell r="AU2979">
            <v>2</v>
          </cell>
        </row>
        <row r="2980">
          <cell r="C2980">
            <v>1.1517999999999999</v>
          </cell>
          <cell r="AT2980">
            <v>2006</v>
          </cell>
          <cell r="AU2980">
            <v>2</v>
          </cell>
        </row>
        <row r="2981">
          <cell r="C2981">
            <v>1.1419999999999999</v>
          </cell>
          <cell r="AT2981">
            <v>2006</v>
          </cell>
          <cell r="AU2981">
            <v>2</v>
          </cell>
        </row>
        <row r="2982">
          <cell r="C2982">
            <v>1.1379999999999999</v>
          </cell>
          <cell r="AT2982">
            <v>2006</v>
          </cell>
          <cell r="AU2982">
            <v>3</v>
          </cell>
        </row>
        <row r="2983">
          <cell r="C2983">
            <v>1.1369</v>
          </cell>
          <cell r="AT2983">
            <v>2006</v>
          </cell>
          <cell r="AU2983">
            <v>3</v>
          </cell>
        </row>
        <row r="2984">
          <cell r="C2984">
            <v>1.1322000000000001</v>
          </cell>
          <cell r="AT2984">
            <v>2006</v>
          </cell>
          <cell r="AU2984">
            <v>3</v>
          </cell>
        </row>
        <row r="2985">
          <cell r="C2985">
            <v>1.1352</v>
          </cell>
          <cell r="AT2985">
            <v>2006</v>
          </cell>
          <cell r="AU2985">
            <v>3</v>
          </cell>
        </row>
        <row r="2986">
          <cell r="C2986">
            <v>1.1352</v>
          </cell>
          <cell r="AT2986">
            <v>2006</v>
          </cell>
          <cell r="AU2986">
            <v>3</v>
          </cell>
        </row>
        <row r="2987">
          <cell r="C2987">
            <v>1.1352</v>
          </cell>
          <cell r="AT2987">
            <v>2006</v>
          </cell>
          <cell r="AU2987">
            <v>3</v>
          </cell>
        </row>
        <row r="2988">
          <cell r="C2988">
            <v>1.1402000000000001</v>
          </cell>
          <cell r="AT2988">
            <v>2006</v>
          </cell>
          <cell r="AU2988">
            <v>3</v>
          </cell>
        </row>
        <row r="2989">
          <cell r="C2989">
            <v>1.147</v>
          </cell>
          <cell r="AT2989">
            <v>2006</v>
          </cell>
          <cell r="AU2989">
            <v>3</v>
          </cell>
        </row>
        <row r="2990">
          <cell r="C2990">
            <v>1.1574</v>
          </cell>
          <cell r="AT2990">
            <v>2006</v>
          </cell>
          <cell r="AU2990">
            <v>3</v>
          </cell>
        </row>
        <row r="2991">
          <cell r="C2991">
            <v>1.1595</v>
          </cell>
          <cell r="AT2991">
            <v>2006</v>
          </cell>
          <cell r="AU2991">
            <v>3</v>
          </cell>
        </row>
        <row r="2992">
          <cell r="C2992">
            <v>1.1605000000000001</v>
          </cell>
          <cell r="AT2992">
            <v>2006</v>
          </cell>
          <cell r="AU2992">
            <v>3</v>
          </cell>
        </row>
        <row r="2993">
          <cell r="C2993">
            <v>1.1605000000000001</v>
          </cell>
          <cell r="AT2993">
            <v>2006</v>
          </cell>
          <cell r="AU2993">
            <v>3</v>
          </cell>
        </row>
        <row r="2994">
          <cell r="C2994">
            <v>1.1605000000000001</v>
          </cell>
          <cell r="AT2994">
            <v>2006</v>
          </cell>
          <cell r="AU2994">
            <v>3</v>
          </cell>
        </row>
        <row r="2995">
          <cell r="C2995">
            <v>1.1617999999999999</v>
          </cell>
          <cell r="AT2995">
            <v>2006</v>
          </cell>
          <cell r="AU2995">
            <v>3</v>
          </cell>
        </row>
        <row r="2996">
          <cell r="C2996">
            <v>1.155</v>
          </cell>
          <cell r="AT2996">
            <v>2006</v>
          </cell>
          <cell r="AU2996">
            <v>3</v>
          </cell>
        </row>
        <row r="2997">
          <cell r="C2997">
            <v>1.1553</v>
          </cell>
          <cell r="AT2997">
            <v>2006</v>
          </cell>
          <cell r="AU2997">
            <v>3</v>
          </cell>
        </row>
        <row r="2998">
          <cell r="C2998">
            <v>1.1536999999999999</v>
          </cell>
          <cell r="AT2998">
            <v>2006</v>
          </cell>
          <cell r="AU2998">
            <v>3</v>
          </cell>
        </row>
        <row r="2999">
          <cell r="C2999">
            <v>1.1588000000000001</v>
          </cell>
          <cell r="AT2999">
            <v>2006</v>
          </cell>
          <cell r="AU2999">
            <v>3</v>
          </cell>
        </row>
        <row r="3000">
          <cell r="C3000">
            <v>1.1588000000000001</v>
          </cell>
          <cell r="AT3000">
            <v>2006</v>
          </cell>
          <cell r="AU3000">
            <v>3</v>
          </cell>
        </row>
        <row r="3001">
          <cell r="C3001">
            <v>1.1588000000000001</v>
          </cell>
          <cell r="AT3001">
            <v>2006</v>
          </cell>
          <cell r="AU3001">
            <v>3</v>
          </cell>
        </row>
        <row r="3002">
          <cell r="C3002">
            <v>1.1628000000000001</v>
          </cell>
          <cell r="AT3002">
            <v>2006</v>
          </cell>
          <cell r="AU3002">
            <v>3</v>
          </cell>
        </row>
        <row r="3003">
          <cell r="C3003">
            <v>1.1647000000000001</v>
          </cell>
          <cell r="AT3003">
            <v>2006</v>
          </cell>
          <cell r="AU3003">
            <v>3</v>
          </cell>
        </row>
        <row r="3004">
          <cell r="C3004">
            <v>1.1653</v>
          </cell>
          <cell r="AT3004">
            <v>2006</v>
          </cell>
          <cell r="AU3004">
            <v>3</v>
          </cell>
        </row>
        <row r="3005">
          <cell r="C3005">
            <v>1.1658999999999999</v>
          </cell>
          <cell r="AT3005">
            <v>2006</v>
          </cell>
          <cell r="AU3005">
            <v>3</v>
          </cell>
        </row>
        <row r="3006">
          <cell r="C3006">
            <v>1.1674</v>
          </cell>
          <cell r="AT3006">
            <v>2006</v>
          </cell>
          <cell r="AU3006">
            <v>3</v>
          </cell>
        </row>
        <row r="3007">
          <cell r="C3007">
            <v>1.1674</v>
          </cell>
          <cell r="AT3007">
            <v>2006</v>
          </cell>
          <cell r="AU3007">
            <v>3</v>
          </cell>
        </row>
        <row r="3008">
          <cell r="C3008">
            <v>1.1674</v>
          </cell>
          <cell r="AT3008">
            <v>2006</v>
          </cell>
          <cell r="AU3008">
            <v>3</v>
          </cell>
        </row>
        <row r="3009">
          <cell r="C3009">
            <v>1.1687000000000001</v>
          </cell>
          <cell r="AT3009">
            <v>2006</v>
          </cell>
          <cell r="AU3009">
            <v>3</v>
          </cell>
        </row>
        <row r="3010">
          <cell r="C3010">
            <v>1.1698</v>
          </cell>
          <cell r="AT3010">
            <v>2006</v>
          </cell>
          <cell r="AU3010">
            <v>3</v>
          </cell>
        </row>
        <row r="3011">
          <cell r="C3011">
            <v>1.1724000000000001</v>
          </cell>
          <cell r="AT3011">
            <v>2006</v>
          </cell>
          <cell r="AU3011">
            <v>3</v>
          </cell>
        </row>
        <row r="3012">
          <cell r="C3012">
            <v>1.1627000000000001</v>
          </cell>
          <cell r="AT3012">
            <v>2006</v>
          </cell>
          <cell r="AU3012">
            <v>3</v>
          </cell>
        </row>
        <row r="3013">
          <cell r="C3013">
            <v>1.1671</v>
          </cell>
          <cell r="AT3013">
            <v>2006</v>
          </cell>
          <cell r="AU3013">
            <v>4</v>
          </cell>
        </row>
        <row r="3014">
          <cell r="C3014">
            <v>1.1671</v>
          </cell>
          <cell r="AT3014">
            <v>2006</v>
          </cell>
          <cell r="AU3014">
            <v>4</v>
          </cell>
        </row>
        <row r="3015">
          <cell r="C3015">
            <v>1.1671</v>
          </cell>
          <cell r="AT3015">
            <v>2006</v>
          </cell>
          <cell r="AU3015">
            <v>4</v>
          </cell>
        </row>
        <row r="3016">
          <cell r="C3016">
            <v>1.1718999999999999</v>
          </cell>
          <cell r="AT3016">
            <v>2006</v>
          </cell>
          <cell r="AU3016">
            <v>4</v>
          </cell>
        </row>
        <row r="3017">
          <cell r="C3017">
            <v>1.1661999999999999</v>
          </cell>
          <cell r="AT3017">
            <v>2006</v>
          </cell>
          <cell r="AU3017">
            <v>4</v>
          </cell>
        </row>
        <row r="3018">
          <cell r="C3018">
            <v>1.1618999999999999</v>
          </cell>
          <cell r="AT3018">
            <v>2006</v>
          </cell>
          <cell r="AU3018">
            <v>4</v>
          </cell>
        </row>
        <row r="3019">
          <cell r="C3019">
            <v>1.1534</v>
          </cell>
          <cell r="AT3019">
            <v>2006</v>
          </cell>
          <cell r="AU3019">
            <v>4</v>
          </cell>
        </row>
        <row r="3020">
          <cell r="C3020">
            <v>1.1467000000000001</v>
          </cell>
          <cell r="AT3020">
            <v>2006</v>
          </cell>
          <cell r="AU3020">
            <v>4</v>
          </cell>
        </row>
        <row r="3021">
          <cell r="C3021">
            <v>1.1467000000000001</v>
          </cell>
          <cell r="AT3021">
            <v>2006</v>
          </cell>
          <cell r="AU3021">
            <v>4</v>
          </cell>
        </row>
        <row r="3022">
          <cell r="C3022">
            <v>1.1467000000000001</v>
          </cell>
          <cell r="AT3022">
            <v>2006</v>
          </cell>
          <cell r="AU3022">
            <v>4</v>
          </cell>
        </row>
        <row r="3023">
          <cell r="C3023">
            <v>1.1466000000000001</v>
          </cell>
          <cell r="AT3023">
            <v>2006</v>
          </cell>
          <cell r="AU3023">
            <v>4</v>
          </cell>
        </row>
        <row r="3024">
          <cell r="C3024">
            <v>1.1457999999999999</v>
          </cell>
          <cell r="AT3024">
            <v>2006</v>
          </cell>
          <cell r="AU3024">
            <v>4</v>
          </cell>
        </row>
        <row r="3025">
          <cell r="C3025">
            <v>1.1477999999999999</v>
          </cell>
          <cell r="AT3025">
            <v>2006</v>
          </cell>
          <cell r="AU3025">
            <v>4</v>
          </cell>
        </row>
        <row r="3026">
          <cell r="C3026">
            <v>1.1519999999999999</v>
          </cell>
          <cell r="AT3026">
            <v>2006</v>
          </cell>
          <cell r="AU3026">
            <v>4</v>
          </cell>
        </row>
        <row r="3027">
          <cell r="C3027">
            <v>1.1519999999999999</v>
          </cell>
          <cell r="AT3027">
            <v>2006</v>
          </cell>
          <cell r="AU3027">
            <v>4</v>
          </cell>
        </row>
        <row r="3028">
          <cell r="C3028">
            <v>1.1519999999999999</v>
          </cell>
          <cell r="AT3028">
            <v>2006</v>
          </cell>
          <cell r="AU3028">
            <v>4</v>
          </cell>
        </row>
        <row r="3029">
          <cell r="C3029">
            <v>1.1519999999999999</v>
          </cell>
          <cell r="AT3029">
            <v>2006</v>
          </cell>
          <cell r="AU3029">
            <v>4</v>
          </cell>
        </row>
        <row r="3030">
          <cell r="C3030">
            <v>1.1453</v>
          </cell>
          <cell r="AT3030">
            <v>2006</v>
          </cell>
          <cell r="AU3030">
            <v>4</v>
          </cell>
        </row>
        <row r="3031">
          <cell r="C3031">
            <v>1.1418999999999999</v>
          </cell>
          <cell r="AT3031">
            <v>2006</v>
          </cell>
          <cell r="AU3031">
            <v>4</v>
          </cell>
        </row>
        <row r="3032">
          <cell r="C3032">
            <v>1.1364000000000001</v>
          </cell>
          <cell r="AT3032">
            <v>2006</v>
          </cell>
          <cell r="AU3032">
            <v>4</v>
          </cell>
        </row>
        <row r="3033">
          <cell r="C3033">
            <v>1.1388</v>
          </cell>
          <cell r="AT3033">
            <v>2006</v>
          </cell>
          <cell r="AU3033">
            <v>4</v>
          </cell>
        </row>
        <row r="3034">
          <cell r="C3034">
            <v>1.1373</v>
          </cell>
          <cell r="AT3034">
            <v>2006</v>
          </cell>
          <cell r="AU3034">
            <v>4</v>
          </cell>
        </row>
        <row r="3035">
          <cell r="C3035">
            <v>1.1373</v>
          </cell>
          <cell r="AT3035">
            <v>2006</v>
          </cell>
          <cell r="AU3035">
            <v>4</v>
          </cell>
        </row>
        <row r="3036">
          <cell r="C3036">
            <v>1.1373</v>
          </cell>
          <cell r="AT3036">
            <v>2006</v>
          </cell>
          <cell r="AU3036">
            <v>4</v>
          </cell>
        </row>
        <row r="3037">
          <cell r="C3037">
            <v>1.1373</v>
          </cell>
          <cell r="AT3037">
            <v>2006</v>
          </cell>
          <cell r="AU3037">
            <v>4</v>
          </cell>
        </row>
        <row r="3038">
          <cell r="C3038">
            <v>1.1315999999999999</v>
          </cell>
          <cell r="AT3038">
            <v>2006</v>
          </cell>
          <cell r="AU3038">
            <v>4</v>
          </cell>
        </row>
        <row r="3039">
          <cell r="C3039">
            <v>1.127</v>
          </cell>
          <cell r="AT3039">
            <v>2006</v>
          </cell>
          <cell r="AU3039">
            <v>4</v>
          </cell>
        </row>
        <row r="3040">
          <cell r="C3040">
            <v>1.1234999999999999</v>
          </cell>
          <cell r="AT3040">
            <v>2006</v>
          </cell>
          <cell r="AU3040">
            <v>4</v>
          </cell>
        </row>
        <row r="3041">
          <cell r="C3041">
            <v>1.1203000000000001</v>
          </cell>
          <cell r="AT3041">
            <v>2006</v>
          </cell>
          <cell r="AU3041">
            <v>4</v>
          </cell>
        </row>
        <row r="3042">
          <cell r="C3042">
            <v>1.1203000000000001</v>
          </cell>
          <cell r="AT3042">
            <v>2006</v>
          </cell>
          <cell r="AU3042">
            <v>4</v>
          </cell>
        </row>
        <row r="3043">
          <cell r="C3043">
            <v>1.1203000000000001</v>
          </cell>
          <cell r="AT3043">
            <v>2006</v>
          </cell>
          <cell r="AU3043">
            <v>5</v>
          </cell>
        </row>
        <row r="3044">
          <cell r="C3044">
            <v>1.1133</v>
          </cell>
          <cell r="AT3044">
            <v>2006</v>
          </cell>
          <cell r="AU3044">
            <v>5</v>
          </cell>
        </row>
        <row r="3045">
          <cell r="C3045">
            <v>1.1069</v>
          </cell>
          <cell r="AT3045">
            <v>2006</v>
          </cell>
          <cell r="AU3045">
            <v>5</v>
          </cell>
        </row>
        <row r="3046">
          <cell r="C3046">
            <v>1.1072</v>
          </cell>
          <cell r="AT3046">
            <v>2006</v>
          </cell>
          <cell r="AU3046">
            <v>5</v>
          </cell>
        </row>
        <row r="3047">
          <cell r="C3047">
            <v>1.1068</v>
          </cell>
          <cell r="AT3047">
            <v>2006</v>
          </cell>
          <cell r="AU3047">
            <v>5</v>
          </cell>
        </row>
        <row r="3048">
          <cell r="C3048">
            <v>1.1072</v>
          </cell>
          <cell r="AT3048">
            <v>2006</v>
          </cell>
          <cell r="AU3048">
            <v>5</v>
          </cell>
        </row>
        <row r="3049">
          <cell r="C3049">
            <v>1.1072</v>
          </cell>
          <cell r="AT3049">
            <v>2006</v>
          </cell>
          <cell r="AU3049">
            <v>5</v>
          </cell>
        </row>
        <row r="3050">
          <cell r="C3050">
            <v>1.1072</v>
          </cell>
          <cell r="AT3050">
            <v>2006</v>
          </cell>
          <cell r="AU3050">
            <v>5</v>
          </cell>
        </row>
        <row r="3051">
          <cell r="C3051">
            <v>1.1116999999999999</v>
          </cell>
          <cell r="AT3051">
            <v>2006</v>
          </cell>
          <cell r="AU3051">
            <v>5</v>
          </cell>
        </row>
        <row r="3052">
          <cell r="C3052">
            <v>1.1021000000000001</v>
          </cell>
          <cell r="AT3052">
            <v>2006</v>
          </cell>
          <cell r="AU3052">
            <v>5</v>
          </cell>
        </row>
        <row r="3053">
          <cell r="C3053">
            <v>1.1007</v>
          </cell>
          <cell r="AT3053">
            <v>2006</v>
          </cell>
          <cell r="AU3053">
            <v>5</v>
          </cell>
        </row>
        <row r="3054">
          <cell r="C3054">
            <v>1.099</v>
          </cell>
          <cell r="AT3054">
            <v>2006</v>
          </cell>
          <cell r="AU3054">
            <v>5</v>
          </cell>
        </row>
        <row r="3055">
          <cell r="C3055">
            <v>1.1085</v>
          </cell>
          <cell r="AT3055">
            <v>2006</v>
          </cell>
          <cell r="AU3055">
            <v>5</v>
          </cell>
        </row>
        <row r="3056">
          <cell r="C3056">
            <v>1.1085</v>
          </cell>
          <cell r="AT3056">
            <v>2006</v>
          </cell>
          <cell r="AU3056">
            <v>5</v>
          </cell>
        </row>
        <row r="3057">
          <cell r="C3057">
            <v>1.1085</v>
          </cell>
          <cell r="AT3057">
            <v>2006</v>
          </cell>
          <cell r="AU3057">
            <v>5</v>
          </cell>
        </row>
        <row r="3058">
          <cell r="C3058">
            <v>1.1140000000000001</v>
          </cell>
          <cell r="AT3058">
            <v>2006</v>
          </cell>
          <cell r="AU3058">
            <v>5</v>
          </cell>
        </row>
        <row r="3059">
          <cell r="C3059">
            <v>1.1112</v>
          </cell>
          <cell r="AT3059">
            <v>2006</v>
          </cell>
          <cell r="AU3059">
            <v>5</v>
          </cell>
        </row>
        <row r="3060">
          <cell r="C3060">
            <v>1.1125</v>
          </cell>
          <cell r="AT3060">
            <v>2006</v>
          </cell>
          <cell r="AU3060">
            <v>5</v>
          </cell>
        </row>
        <row r="3061">
          <cell r="C3061">
            <v>1.1213</v>
          </cell>
          <cell r="AT3061">
            <v>2006</v>
          </cell>
          <cell r="AU3061">
            <v>5</v>
          </cell>
        </row>
        <row r="3062">
          <cell r="C3062">
            <v>1.1233</v>
          </cell>
          <cell r="AT3062">
            <v>2006</v>
          </cell>
          <cell r="AU3062">
            <v>5</v>
          </cell>
        </row>
        <row r="3063">
          <cell r="C3063">
            <v>1.1233</v>
          </cell>
          <cell r="AT3063">
            <v>2006</v>
          </cell>
          <cell r="AU3063">
            <v>5</v>
          </cell>
        </row>
        <row r="3064">
          <cell r="C3064">
            <v>1.1233</v>
          </cell>
          <cell r="AT3064">
            <v>2006</v>
          </cell>
          <cell r="AU3064">
            <v>5</v>
          </cell>
        </row>
        <row r="3065">
          <cell r="C3065">
            <v>1.1233</v>
          </cell>
          <cell r="AT3065">
            <v>2006</v>
          </cell>
          <cell r="AU3065">
            <v>5</v>
          </cell>
        </row>
        <row r="3066">
          <cell r="C3066">
            <v>1.1175999999999999</v>
          </cell>
          <cell r="AT3066">
            <v>2006</v>
          </cell>
          <cell r="AU3066">
            <v>5</v>
          </cell>
        </row>
        <row r="3067">
          <cell r="C3067">
            <v>1.1229</v>
          </cell>
          <cell r="AT3067">
            <v>2006</v>
          </cell>
          <cell r="AU3067">
            <v>5</v>
          </cell>
        </row>
        <row r="3068">
          <cell r="C3068">
            <v>1.1073</v>
          </cell>
          <cell r="AT3068">
            <v>2006</v>
          </cell>
          <cell r="AU3068">
            <v>5</v>
          </cell>
        </row>
        <row r="3069">
          <cell r="C3069">
            <v>1.1073</v>
          </cell>
          <cell r="AT3069">
            <v>2006</v>
          </cell>
          <cell r="AU3069">
            <v>5</v>
          </cell>
        </row>
        <row r="3070">
          <cell r="C3070">
            <v>1.1073</v>
          </cell>
          <cell r="AT3070">
            <v>2006</v>
          </cell>
          <cell r="AU3070">
            <v>5</v>
          </cell>
        </row>
        <row r="3071">
          <cell r="C3071">
            <v>1.1073</v>
          </cell>
          <cell r="AT3071">
            <v>2006</v>
          </cell>
          <cell r="AU3071">
            <v>5</v>
          </cell>
        </row>
        <row r="3072">
          <cell r="C3072">
            <v>1.1073</v>
          </cell>
          <cell r="AT3072">
            <v>2006</v>
          </cell>
          <cell r="AU3072">
            <v>5</v>
          </cell>
        </row>
        <row r="3073">
          <cell r="C3073">
            <v>1.0995999999999999</v>
          </cell>
          <cell r="AT3073">
            <v>2006</v>
          </cell>
          <cell r="AU3073">
            <v>5</v>
          </cell>
        </row>
        <row r="3074">
          <cell r="C3074">
            <v>1.1028</v>
          </cell>
          <cell r="AT3074">
            <v>2006</v>
          </cell>
          <cell r="AU3074">
            <v>6</v>
          </cell>
        </row>
        <row r="3075">
          <cell r="C3075">
            <v>1.1008</v>
          </cell>
          <cell r="AT3075">
            <v>2006</v>
          </cell>
          <cell r="AU3075">
            <v>6</v>
          </cell>
        </row>
        <row r="3076">
          <cell r="C3076">
            <v>1.1004</v>
          </cell>
          <cell r="AT3076">
            <v>2006</v>
          </cell>
          <cell r="AU3076">
            <v>6</v>
          </cell>
        </row>
        <row r="3077">
          <cell r="C3077">
            <v>1.1004</v>
          </cell>
          <cell r="AT3077">
            <v>2006</v>
          </cell>
          <cell r="AU3077">
            <v>6</v>
          </cell>
        </row>
        <row r="3078">
          <cell r="C3078">
            <v>1.1004</v>
          </cell>
          <cell r="AT3078">
            <v>2006</v>
          </cell>
          <cell r="AU3078">
            <v>6</v>
          </cell>
        </row>
        <row r="3079">
          <cell r="C3079">
            <v>1.1012</v>
          </cell>
          <cell r="AT3079">
            <v>2006</v>
          </cell>
          <cell r="AU3079">
            <v>6</v>
          </cell>
        </row>
        <row r="3080">
          <cell r="C3080">
            <v>1.1152</v>
          </cell>
          <cell r="AT3080">
            <v>2006</v>
          </cell>
          <cell r="AU3080">
            <v>6</v>
          </cell>
        </row>
        <row r="3081">
          <cell r="C3081">
            <v>1.1115999999999999</v>
          </cell>
          <cell r="AT3081">
            <v>2006</v>
          </cell>
          <cell r="AU3081">
            <v>6</v>
          </cell>
        </row>
        <row r="3082">
          <cell r="C3082">
            <v>1.1232</v>
          </cell>
          <cell r="AT3082">
            <v>2006</v>
          </cell>
          <cell r="AU3082">
            <v>6</v>
          </cell>
        </row>
        <row r="3083">
          <cell r="C3083">
            <v>1.1072</v>
          </cell>
          <cell r="AT3083">
            <v>2006</v>
          </cell>
          <cell r="AU3083">
            <v>6</v>
          </cell>
        </row>
        <row r="3084">
          <cell r="C3084">
            <v>1.1072</v>
          </cell>
          <cell r="AT3084">
            <v>2006</v>
          </cell>
          <cell r="AU3084">
            <v>6</v>
          </cell>
        </row>
        <row r="3085">
          <cell r="C3085">
            <v>1.1072</v>
          </cell>
          <cell r="AT3085">
            <v>2006</v>
          </cell>
          <cell r="AU3085">
            <v>6</v>
          </cell>
        </row>
        <row r="3086">
          <cell r="C3086">
            <v>1.099</v>
          </cell>
          <cell r="AT3086">
            <v>2006</v>
          </cell>
          <cell r="AU3086">
            <v>6</v>
          </cell>
        </row>
        <row r="3087">
          <cell r="C3087">
            <v>1.1079000000000001</v>
          </cell>
          <cell r="AT3087">
            <v>2006</v>
          </cell>
          <cell r="AU3087">
            <v>6</v>
          </cell>
        </row>
        <row r="3088">
          <cell r="C3088">
            <v>1.1122000000000001</v>
          </cell>
          <cell r="AT3088">
            <v>2006</v>
          </cell>
          <cell r="AU3088">
            <v>6</v>
          </cell>
        </row>
        <row r="3089">
          <cell r="C3089">
            <v>1.1176999999999999</v>
          </cell>
          <cell r="AT3089">
            <v>2006</v>
          </cell>
          <cell r="AU3089">
            <v>6</v>
          </cell>
        </row>
        <row r="3090">
          <cell r="C3090">
            <v>1.1226</v>
          </cell>
          <cell r="AT3090">
            <v>2006</v>
          </cell>
          <cell r="AU3090">
            <v>6</v>
          </cell>
        </row>
        <row r="3091">
          <cell r="C3091">
            <v>1.1226</v>
          </cell>
          <cell r="AT3091">
            <v>2006</v>
          </cell>
          <cell r="AU3091">
            <v>6</v>
          </cell>
        </row>
        <row r="3092">
          <cell r="C3092">
            <v>1.1226</v>
          </cell>
          <cell r="AT3092">
            <v>2006</v>
          </cell>
          <cell r="AU3092">
            <v>6</v>
          </cell>
        </row>
        <row r="3093">
          <cell r="C3093">
            <v>1.1229</v>
          </cell>
          <cell r="AT3093">
            <v>2006</v>
          </cell>
          <cell r="AU3093">
            <v>6</v>
          </cell>
        </row>
        <row r="3094">
          <cell r="C3094">
            <v>1.1163000000000001</v>
          </cell>
          <cell r="AT3094">
            <v>2006</v>
          </cell>
          <cell r="AU3094">
            <v>6</v>
          </cell>
        </row>
        <row r="3095">
          <cell r="C3095">
            <v>1.1042000000000001</v>
          </cell>
          <cell r="AT3095">
            <v>2006</v>
          </cell>
          <cell r="AU3095">
            <v>6</v>
          </cell>
        </row>
        <row r="3096">
          <cell r="C3096">
            <v>1.1174999999999999</v>
          </cell>
          <cell r="AT3096">
            <v>2006</v>
          </cell>
          <cell r="AU3096">
            <v>6</v>
          </cell>
        </row>
        <row r="3097">
          <cell r="C3097">
            <v>1.1241000000000001</v>
          </cell>
          <cell r="AT3097">
            <v>2006</v>
          </cell>
          <cell r="AU3097">
            <v>6</v>
          </cell>
        </row>
        <row r="3098">
          <cell r="C3098">
            <v>1.1241000000000001</v>
          </cell>
          <cell r="AT3098">
            <v>2006</v>
          </cell>
          <cell r="AU3098">
            <v>6</v>
          </cell>
        </row>
        <row r="3099">
          <cell r="C3099">
            <v>1.1241000000000001</v>
          </cell>
          <cell r="AT3099">
            <v>2006</v>
          </cell>
          <cell r="AU3099">
            <v>6</v>
          </cell>
        </row>
        <row r="3100">
          <cell r="C3100">
            <v>1.1238999999999999</v>
          </cell>
          <cell r="AT3100">
            <v>2006</v>
          </cell>
          <cell r="AU3100">
            <v>6</v>
          </cell>
        </row>
        <row r="3101">
          <cell r="C3101">
            <v>1.1213</v>
          </cell>
          <cell r="AT3101">
            <v>2006</v>
          </cell>
          <cell r="AU3101">
            <v>6</v>
          </cell>
        </row>
        <row r="3102">
          <cell r="C3102">
            <v>1.1245000000000001</v>
          </cell>
          <cell r="AT3102">
            <v>2006</v>
          </cell>
          <cell r="AU3102">
            <v>6</v>
          </cell>
        </row>
        <row r="3103">
          <cell r="C3103">
            <v>1.1158999999999999</v>
          </cell>
          <cell r="AT3103">
            <v>2006</v>
          </cell>
          <cell r="AU3103">
            <v>6</v>
          </cell>
        </row>
        <row r="3104">
          <cell r="C3104">
            <v>1.115</v>
          </cell>
          <cell r="AT3104">
            <v>2006</v>
          </cell>
          <cell r="AU3104">
            <v>7</v>
          </cell>
        </row>
        <row r="3105">
          <cell r="C3105">
            <v>1.115</v>
          </cell>
          <cell r="AT3105">
            <v>2006</v>
          </cell>
          <cell r="AU3105">
            <v>7</v>
          </cell>
        </row>
        <row r="3106">
          <cell r="C3106">
            <v>1.115</v>
          </cell>
          <cell r="AT3106">
            <v>2006</v>
          </cell>
          <cell r="AU3106">
            <v>7</v>
          </cell>
        </row>
        <row r="3107">
          <cell r="C3107">
            <v>1.115</v>
          </cell>
          <cell r="AT3107">
            <v>2006</v>
          </cell>
          <cell r="AU3107">
            <v>7</v>
          </cell>
        </row>
        <row r="3108">
          <cell r="C3108">
            <v>1.115</v>
          </cell>
          <cell r="AT3108">
            <v>2006</v>
          </cell>
          <cell r="AU3108">
            <v>7</v>
          </cell>
        </row>
        <row r="3109">
          <cell r="C3109">
            <v>1.1116999999999999</v>
          </cell>
          <cell r="AT3109">
            <v>2006</v>
          </cell>
          <cell r="AU3109">
            <v>7</v>
          </cell>
        </row>
        <row r="3110">
          <cell r="C3110">
            <v>1.1116999999999999</v>
          </cell>
          <cell r="AT3110">
            <v>2006</v>
          </cell>
          <cell r="AU3110">
            <v>7</v>
          </cell>
        </row>
        <row r="3111">
          <cell r="C3111">
            <v>1.1133999999999999</v>
          </cell>
          <cell r="AT3111">
            <v>2006</v>
          </cell>
          <cell r="AU3111">
            <v>7</v>
          </cell>
        </row>
        <row r="3112">
          <cell r="C3112">
            <v>1.1133999999999999</v>
          </cell>
          <cell r="AT3112">
            <v>2006</v>
          </cell>
          <cell r="AU3112">
            <v>7</v>
          </cell>
        </row>
        <row r="3113">
          <cell r="C3113">
            <v>1.1133999999999999</v>
          </cell>
          <cell r="AT3113">
            <v>2006</v>
          </cell>
          <cell r="AU3113">
            <v>7</v>
          </cell>
        </row>
        <row r="3114">
          <cell r="C3114">
            <v>1.1246</v>
          </cell>
          <cell r="AT3114">
            <v>2006</v>
          </cell>
          <cell r="AU3114">
            <v>7</v>
          </cell>
        </row>
        <row r="3115">
          <cell r="C3115">
            <v>1.1337999999999999</v>
          </cell>
          <cell r="AT3115">
            <v>2006</v>
          </cell>
          <cell r="AU3115">
            <v>7</v>
          </cell>
        </row>
        <row r="3116">
          <cell r="C3116">
            <v>1.1355</v>
          </cell>
          <cell r="AT3116">
            <v>2006</v>
          </cell>
          <cell r="AU3116">
            <v>7</v>
          </cell>
        </row>
        <row r="3117">
          <cell r="C3117">
            <v>1.1318999999999999</v>
          </cell>
          <cell r="AT3117">
            <v>2006</v>
          </cell>
          <cell r="AU3117">
            <v>7</v>
          </cell>
        </row>
        <row r="3118">
          <cell r="C3118">
            <v>1.1274</v>
          </cell>
          <cell r="AT3118">
            <v>2006</v>
          </cell>
          <cell r="AU3118">
            <v>7</v>
          </cell>
        </row>
        <row r="3119">
          <cell r="C3119">
            <v>1.1274</v>
          </cell>
          <cell r="AT3119">
            <v>2006</v>
          </cell>
          <cell r="AU3119">
            <v>7</v>
          </cell>
        </row>
        <row r="3120">
          <cell r="C3120">
            <v>1.1274</v>
          </cell>
          <cell r="AT3120">
            <v>2006</v>
          </cell>
          <cell r="AU3120">
            <v>7</v>
          </cell>
        </row>
        <row r="3121">
          <cell r="C3121">
            <v>1.1322000000000001</v>
          </cell>
          <cell r="AT3121">
            <v>2006</v>
          </cell>
          <cell r="AU3121">
            <v>7</v>
          </cell>
        </row>
        <row r="3122">
          <cell r="C3122">
            <v>1.1335999999999999</v>
          </cell>
          <cell r="AT3122">
            <v>2006</v>
          </cell>
          <cell r="AU3122">
            <v>7</v>
          </cell>
        </row>
        <row r="3123">
          <cell r="C3123">
            <v>1.1353</v>
          </cell>
          <cell r="AT3123">
            <v>2006</v>
          </cell>
          <cell r="AU3123">
            <v>7</v>
          </cell>
        </row>
        <row r="3124">
          <cell r="C3124">
            <v>1.1341000000000001</v>
          </cell>
          <cell r="AT3124">
            <v>2006</v>
          </cell>
          <cell r="AU3124">
            <v>7</v>
          </cell>
        </row>
        <row r="3125">
          <cell r="C3125">
            <v>1.1375</v>
          </cell>
          <cell r="AT3125">
            <v>2006</v>
          </cell>
          <cell r="AU3125">
            <v>7</v>
          </cell>
        </row>
        <row r="3126">
          <cell r="C3126">
            <v>1.1375</v>
          </cell>
          <cell r="AT3126">
            <v>2006</v>
          </cell>
          <cell r="AU3126">
            <v>7</v>
          </cell>
        </row>
        <row r="3127">
          <cell r="C3127">
            <v>1.1375</v>
          </cell>
          <cell r="AT3127">
            <v>2006</v>
          </cell>
          <cell r="AU3127">
            <v>7</v>
          </cell>
        </row>
        <row r="3128">
          <cell r="C3128">
            <v>1.1415999999999999</v>
          </cell>
          <cell r="AT3128">
            <v>2006</v>
          </cell>
          <cell r="AU3128">
            <v>7</v>
          </cell>
        </row>
        <row r="3129">
          <cell r="C3129">
            <v>1.1414</v>
          </cell>
          <cell r="AT3129">
            <v>2006</v>
          </cell>
          <cell r="AU3129">
            <v>7</v>
          </cell>
        </row>
        <row r="3130">
          <cell r="C3130">
            <v>1.1377999999999999</v>
          </cell>
          <cell r="AT3130">
            <v>2006</v>
          </cell>
          <cell r="AU3130">
            <v>7</v>
          </cell>
        </row>
        <row r="3131">
          <cell r="C3131">
            <v>1.1345000000000001</v>
          </cell>
          <cell r="AT3131">
            <v>2006</v>
          </cell>
          <cell r="AU3131">
            <v>7</v>
          </cell>
        </row>
        <row r="3132">
          <cell r="C3132">
            <v>1.1297999999999999</v>
          </cell>
          <cell r="AT3132">
            <v>2006</v>
          </cell>
          <cell r="AU3132">
            <v>7</v>
          </cell>
        </row>
        <row r="3133">
          <cell r="C3133">
            <v>1.1297999999999999</v>
          </cell>
          <cell r="AT3133">
            <v>2006</v>
          </cell>
          <cell r="AU3133">
            <v>7</v>
          </cell>
        </row>
        <row r="3134">
          <cell r="C3134">
            <v>1.1297999999999999</v>
          </cell>
          <cell r="AT3134">
            <v>2006</v>
          </cell>
          <cell r="AU3134">
            <v>7</v>
          </cell>
        </row>
        <row r="3135">
          <cell r="C3135">
            <v>1.1309</v>
          </cell>
          <cell r="AT3135">
            <v>2006</v>
          </cell>
          <cell r="AU3135">
            <v>8</v>
          </cell>
        </row>
        <row r="3136">
          <cell r="C3136">
            <v>1.1315</v>
          </cell>
          <cell r="AT3136">
            <v>2006</v>
          </cell>
          <cell r="AU3136">
            <v>8</v>
          </cell>
        </row>
        <row r="3137">
          <cell r="C3137">
            <v>1.1258999999999999</v>
          </cell>
          <cell r="AT3137">
            <v>2006</v>
          </cell>
          <cell r="AU3137">
            <v>8</v>
          </cell>
        </row>
        <row r="3138">
          <cell r="C3138">
            <v>1.1263000000000001</v>
          </cell>
          <cell r="AT3138">
            <v>2006</v>
          </cell>
          <cell r="AU3138">
            <v>8</v>
          </cell>
        </row>
        <row r="3139">
          <cell r="C3139">
            <v>1.127</v>
          </cell>
          <cell r="AT3139">
            <v>2006</v>
          </cell>
          <cell r="AU3139">
            <v>8</v>
          </cell>
        </row>
        <row r="3140">
          <cell r="C3140">
            <v>1.127</v>
          </cell>
          <cell r="AT3140">
            <v>2006</v>
          </cell>
          <cell r="AU3140">
            <v>8</v>
          </cell>
        </row>
        <row r="3141">
          <cell r="C3141">
            <v>1.127</v>
          </cell>
          <cell r="AT3141">
            <v>2006</v>
          </cell>
          <cell r="AU3141">
            <v>8</v>
          </cell>
        </row>
        <row r="3142">
          <cell r="C3142">
            <v>1.127</v>
          </cell>
          <cell r="AT3142">
            <v>2006</v>
          </cell>
          <cell r="AU3142">
            <v>8</v>
          </cell>
        </row>
        <row r="3143">
          <cell r="C3143">
            <v>1.1204000000000001</v>
          </cell>
          <cell r="AT3143">
            <v>2006</v>
          </cell>
          <cell r="AU3143">
            <v>8</v>
          </cell>
        </row>
        <row r="3144">
          <cell r="C3144">
            <v>1.1198999999999999</v>
          </cell>
          <cell r="AT3144">
            <v>2006</v>
          </cell>
          <cell r="AU3144">
            <v>8</v>
          </cell>
        </row>
        <row r="3145">
          <cell r="C3145">
            <v>1.1263000000000001</v>
          </cell>
          <cell r="AT3145">
            <v>2006</v>
          </cell>
          <cell r="AU3145">
            <v>8</v>
          </cell>
        </row>
        <row r="3146">
          <cell r="C3146">
            <v>1.1204000000000001</v>
          </cell>
          <cell r="AT3146">
            <v>2006</v>
          </cell>
          <cell r="AU3146">
            <v>8</v>
          </cell>
        </row>
        <row r="3147">
          <cell r="C3147">
            <v>1.1204000000000001</v>
          </cell>
          <cell r="AT3147">
            <v>2006</v>
          </cell>
          <cell r="AU3147">
            <v>8</v>
          </cell>
        </row>
        <row r="3148">
          <cell r="C3148">
            <v>1.1204000000000001</v>
          </cell>
          <cell r="AT3148">
            <v>2006</v>
          </cell>
          <cell r="AU3148">
            <v>8</v>
          </cell>
        </row>
        <row r="3149">
          <cell r="C3149">
            <v>1.1240000000000001</v>
          </cell>
          <cell r="AT3149">
            <v>2006</v>
          </cell>
          <cell r="AU3149">
            <v>8</v>
          </cell>
        </row>
        <row r="3150">
          <cell r="C3150">
            <v>1.1221000000000001</v>
          </cell>
          <cell r="AT3150">
            <v>2006</v>
          </cell>
          <cell r="AU3150">
            <v>8</v>
          </cell>
        </row>
        <row r="3151">
          <cell r="C3151">
            <v>1.1161000000000001</v>
          </cell>
          <cell r="AT3151">
            <v>2006</v>
          </cell>
          <cell r="AU3151">
            <v>8</v>
          </cell>
        </row>
        <row r="3152">
          <cell r="C3152">
            <v>1.1165</v>
          </cell>
          <cell r="AT3152">
            <v>2006</v>
          </cell>
          <cell r="AU3152">
            <v>8</v>
          </cell>
        </row>
        <row r="3153">
          <cell r="C3153">
            <v>1.1233</v>
          </cell>
          <cell r="AT3153">
            <v>2006</v>
          </cell>
          <cell r="AU3153">
            <v>8</v>
          </cell>
        </row>
        <row r="3154">
          <cell r="C3154">
            <v>1.1233</v>
          </cell>
          <cell r="AT3154">
            <v>2006</v>
          </cell>
          <cell r="AU3154">
            <v>8</v>
          </cell>
        </row>
        <row r="3155">
          <cell r="C3155">
            <v>1.1233</v>
          </cell>
          <cell r="AT3155">
            <v>2006</v>
          </cell>
          <cell r="AU3155">
            <v>8</v>
          </cell>
        </row>
        <row r="3156">
          <cell r="C3156">
            <v>1.1184000000000001</v>
          </cell>
          <cell r="AT3156">
            <v>2006</v>
          </cell>
          <cell r="AU3156">
            <v>8</v>
          </cell>
        </row>
        <row r="3157">
          <cell r="C3157">
            <v>1.1153999999999999</v>
          </cell>
          <cell r="AT3157">
            <v>2006</v>
          </cell>
          <cell r="AU3157">
            <v>8</v>
          </cell>
        </row>
        <row r="3158">
          <cell r="C3158">
            <v>1.1101000000000001</v>
          </cell>
          <cell r="AT3158">
            <v>2006</v>
          </cell>
          <cell r="AU3158">
            <v>8</v>
          </cell>
        </row>
        <row r="3159">
          <cell r="C3159">
            <v>1.1111</v>
          </cell>
          <cell r="AT3159">
            <v>2006</v>
          </cell>
          <cell r="AU3159">
            <v>8</v>
          </cell>
        </row>
        <row r="3160">
          <cell r="C3160">
            <v>1.1080000000000001</v>
          </cell>
          <cell r="AT3160">
            <v>2006</v>
          </cell>
          <cell r="AU3160">
            <v>8</v>
          </cell>
        </row>
        <row r="3161">
          <cell r="C3161">
            <v>1.1080000000000001</v>
          </cell>
          <cell r="AT3161">
            <v>2006</v>
          </cell>
          <cell r="AU3161">
            <v>8</v>
          </cell>
        </row>
        <row r="3162">
          <cell r="C3162">
            <v>1.1080000000000001</v>
          </cell>
          <cell r="AT3162">
            <v>2006</v>
          </cell>
          <cell r="AU3162">
            <v>8</v>
          </cell>
        </row>
        <row r="3163">
          <cell r="C3163">
            <v>1.1120000000000001</v>
          </cell>
          <cell r="AT3163">
            <v>2006</v>
          </cell>
          <cell r="AU3163">
            <v>8</v>
          </cell>
        </row>
        <row r="3164">
          <cell r="C3164">
            <v>1.1105</v>
          </cell>
          <cell r="AT3164">
            <v>2006</v>
          </cell>
          <cell r="AU3164">
            <v>8</v>
          </cell>
        </row>
        <row r="3165">
          <cell r="C3165">
            <v>1.1100000000000001</v>
          </cell>
          <cell r="AT3165">
            <v>2006</v>
          </cell>
          <cell r="AU3165">
            <v>8</v>
          </cell>
        </row>
        <row r="3166">
          <cell r="C3166">
            <v>1.1066</v>
          </cell>
          <cell r="AT3166">
            <v>2006</v>
          </cell>
          <cell r="AU3166">
            <v>9</v>
          </cell>
        </row>
        <row r="3167">
          <cell r="C3167">
            <v>1.1055999999999999</v>
          </cell>
          <cell r="AT3167">
            <v>2006</v>
          </cell>
          <cell r="AU3167">
            <v>9</v>
          </cell>
        </row>
        <row r="3168">
          <cell r="C3168">
            <v>1.1055999999999999</v>
          </cell>
          <cell r="AT3168">
            <v>2006</v>
          </cell>
          <cell r="AU3168">
            <v>9</v>
          </cell>
        </row>
        <row r="3169">
          <cell r="C3169">
            <v>1.1055999999999999</v>
          </cell>
          <cell r="AT3169">
            <v>2006</v>
          </cell>
          <cell r="AU3169">
            <v>9</v>
          </cell>
        </row>
        <row r="3170">
          <cell r="C3170">
            <v>1.1055999999999999</v>
          </cell>
          <cell r="AT3170">
            <v>2006</v>
          </cell>
          <cell r="AU3170">
            <v>9</v>
          </cell>
        </row>
        <row r="3171">
          <cell r="C3171">
            <v>1.111</v>
          </cell>
          <cell r="AT3171">
            <v>2006</v>
          </cell>
          <cell r="AU3171">
            <v>9</v>
          </cell>
        </row>
        <row r="3172">
          <cell r="C3172">
            <v>1.1052999999999999</v>
          </cell>
          <cell r="AT3172">
            <v>2006</v>
          </cell>
          <cell r="AU3172">
            <v>9</v>
          </cell>
        </row>
        <row r="3173">
          <cell r="C3173">
            <v>1.1099000000000001</v>
          </cell>
          <cell r="AT3173">
            <v>2006</v>
          </cell>
          <cell r="AU3173">
            <v>9</v>
          </cell>
        </row>
        <row r="3174">
          <cell r="C3174">
            <v>1.119</v>
          </cell>
          <cell r="AT3174">
            <v>2006</v>
          </cell>
          <cell r="AU3174">
            <v>9</v>
          </cell>
        </row>
        <row r="3175">
          <cell r="C3175">
            <v>1.119</v>
          </cell>
          <cell r="AT3175">
            <v>2006</v>
          </cell>
          <cell r="AU3175">
            <v>9</v>
          </cell>
        </row>
        <row r="3176">
          <cell r="C3176">
            <v>1.119</v>
          </cell>
          <cell r="AT3176">
            <v>2006</v>
          </cell>
          <cell r="AU3176">
            <v>9</v>
          </cell>
        </row>
        <row r="3177">
          <cell r="C3177">
            <v>1.1217999999999999</v>
          </cell>
          <cell r="AT3177">
            <v>2006</v>
          </cell>
          <cell r="AU3177">
            <v>9</v>
          </cell>
        </row>
        <row r="3178">
          <cell r="C3178">
            <v>1.1186</v>
          </cell>
          <cell r="AT3178">
            <v>2006</v>
          </cell>
          <cell r="AU3178">
            <v>9</v>
          </cell>
        </row>
        <row r="3179">
          <cell r="C3179">
            <v>1.1191</v>
          </cell>
          <cell r="AT3179">
            <v>2006</v>
          </cell>
          <cell r="AU3179">
            <v>9</v>
          </cell>
        </row>
        <row r="3180">
          <cell r="C3180">
            <v>1.1158999999999999</v>
          </cell>
          <cell r="AT3180">
            <v>2006</v>
          </cell>
          <cell r="AU3180">
            <v>9</v>
          </cell>
        </row>
        <row r="3181">
          <cell r="C3181">
            <v>1.1194999999999999</v>
          </cell>
          <cell r="AT3181">
            <v>2006</v>
          </cell>
          <cell r="AU3181">
            <v>9</v>
          </cell>
        </row>
        <row r="3182">
          <cell r="C3182">
            <v>1.1194999999999999</v>
          </cell>
          <cell r="AT3182">
            <v>2006</v>
          </cell>
          <cell r="AU3182">
            <v>9</v>
          </cell>
        </row>
        <row r="3183">
          <cell r="C3183">
            <v>1.1194999999999999</v>
          </cell>
          <cell r="AT3183">
            <v>2006</v>
          </cell>
          <cell r="AU3183">
            <v>9</v>
          </cell>
        </row>
        <row r="3184">
          <cell r="C3184">
            <v>1.1171</v>
          </cell>
          <cell r="AT3184">
            <v>2006</v>
          </cell>
          <cell r="AU3184">
            <v>9</v>
          </cell>
        </row>
        <row r="3185">
          <cell r="C3185">
            <v>1.1232</v>
          </cell>
          <cell r="AT3185">
            <v>2006</v>
          </cell>
          <cell r="AU3185">
            <v>9</v>
          </cell>
        </row>
        <row r="3186">
          <cell r="C3186">
            <v>1.1273</v>
          </cell>
          <cell r="AT3186">
            <v>2006</v>
          </cell>
          <cell r="AU3186">
            <v>9</v>
          </cell>
        </row>
        <row r="3187">
          <cell r="C3187">
            <v>1.1194999999999999</v>
          </cell>
          <cell r="AT3187">
            <v>2006</v>
          </cell>
          <cell r="AU3187">
            <v>9</v>
          </cell>
        </row>
        <row r="3188">
          <cell r="C3188">
            <v>1.1172</v>
          </cell>
          <cell r="AT3188">
            <v>2006</v>
          </cell>
          <cell r="AU3188">
            <v>9</v>
          </cell>
        </row>
        <row r="3189">
          <cell r="C3189">
            <v>1.1172</v>
          </cell>
          <cell r="AT3189">
            <v>2006</v>
          </cell>
          <cell r="AU3189">
            <v>9</v>
          </cell>
        </row>
        <row r="3190">
          <cell r="C3190">
            <v>1.1172</v>
          </cell>
          <cell r="AT3190">
            <v>2006</v>
          </cell>
          <cell r="AU3190">
            <v>9</v>
          </cell>
        </row>
        <row r="3191">
          <cell r="C3191">
            <v>1.1162000000000001</v>
          </cell>
          <cell r="AT3191">
            <v>2006</v>
          </cell>
          <cell r="AU3191">
            <v>9</v>
          </cell>
        </row>
        <row r="3192">
          <cell r="C3192">
            <v>1.1160000000000001</v>
          </cell>
          <cell r="AT3192">
            <v>2006</v>
          </cell>
          <cell r="AU3192">
            <v>9</v>
          </cell>
        </row>
        <row r="3193">
          <cell r="C3193">
            <v>1.1151</v>
          </cell>
          <cell r="AT3193">
            <v>2006</v>
          </cell>
          <cell r="AU3193">
            <v>9</v>
          </cell>
        </row>
        <row r="3194">
          <cell r="C3194">
            <v>1.1109</v>
          </cell>
          <cell r="AT3194">
            <v>2006</v>
          </cell>
          <cell r="AU3194">
            <v>9</v>
          </cell>
        </row>
        <row r="3195">
          <cell r="C3195">
            <v>1.1153</v>
          </cell>
          <cell r="AT3195">
            <v>2006</v>
          </cell>
          <cell r="AU3195">
            <v>9</v>
          </cell>
        </row>
        <row r="3196">
          <cell r="C3196">
            <v>1.1153</v>
          </cell>
          <cell r="AT3196">
            <v>2006</v>
          </cell>
          <cell r="AU3196">
            <v>10</v>
          </cell>
        </row>
        <row r="3197">
          <cell r="C3197">
            <v>1.1153</v>
          </cell>
          <cell r="AT3197">
            <v>2006</v>
          </cell>
          <cell r="AU3197">
            <v>10</v>
          </cell>
        </row>
        <row r="3198">
          <cell r="C3198">
            <v>1.1154999999999999</v>
          </cell>
          <cell r="AT3198">
            <v>2006</v>
          </cell>
          <cell r="AU3198">
            <v>10</v>
          </cell>
        </row>
        <row r="3199">
          <cell r="C3199">
            <v>1.1211</v>
          </cell>
          <cell r="AT3199">
            <v>2006</v>
          </cell>
          <cell r="AU3199">
            <v>10</v>
          </cell>
        </row>
        <row r="3200">
          <cell r="C3200">
            <v>1.1287</v>
          </cell>
          <cell r="AT3200">
            <v>2006</v>
          </cell>
          <cell r="AU3200">
            <v>10</v>
          </cell>
        </row>
        <row r="3201">
          <cell r="C3201">
            <v>1.1269</v>
          </cell>
          <cell r="AT3201">
            <v>2006</v>
          </cell>
          <cell r="AU3201">
            <v>10</v>
          </cell>
        </row>
        <row r="3202">
          <cell r="C3202">
            <v>1.1264000000000001</v>
          </cell>
          <cell r="AT3202">
            <v>2006</v>
          </cell>
          <cell r="AU3202">
            <v>10</v>
          </cell>
        </row>
        <row r="3203">
          <cell r="C3203">
            <v>1.1264000000000001</v>
          </cell>
          <cell r="AT3203">
            <v>2006</v>
          </cell>
          <cell r="AU3203">
            <v>10</v>
          </cell>
        </row>
        <row r="3204">
          <cell r="C3204">
            <v>1.1264000000000001</v>
          </cell>
          <cell r="AT3204">
            <v>2006</v>
          </cell>
          <cell r="AU3204">
            <v>10</v>
          </cell>
        </row>
        <row r="3205">
          <cell r="C3205">
            <v>1.1264000000000001</v>
          </cell>
          <cell r="AT3205">
            <v>2006</v>
          </cell>
          <cell r="AU3205">
            <v>10</v>
          </cell>
        </row>
        <row r="3206">
          <cell r="C3206">
            <v>1.1318999999999999</v>
          </cell>
          <cell r="AT3206">
            <v>2006</v>
          </cell>
          <cell r="AU3206">
            <v>10</v>
          </cell>
        </row>
        <row r="3207">
          <cell r="C3207">
            <v>1.1357999999999999</v>
          </cell>
          <cell r="AT3207">
            <v>2006</v>
          </cell>
          <cell r="AU3207">
            <v>10</v>
          </cell>
        </row>
        <row r="3208">
          <cell r="C3208">
            <v>1.1356999999999999</v>
          </cell>
          <cell r="AT3208">
            <v>2006</v>
          </cell>
          <cell r="AU3208">
            <v>10</v>
          </cell>
        </row>
        <row r="3209">
          <cell r="C3209">
            <v>1.1367</v>
          </cell>
          <cell r="AT3209">
            <v>2006</v>
          </cell>
          <cell r="AU3209">
            <v>10</v>
          </cell>
        </row>
        <row r="3210">
          <cell r="C3210">
            <v>1.1367</v>
          </cell>
          <cell r="AT3210">
            <v>2006</v>
          </cell>
          <cell r="AU3210">
            <v>10</v>
          </cell>
        </row>
        <row r="3211">
          <cell r="C3211">
            <v>1.1367</v>
          </cell>
          <cell r="AT3211">
            <v>2006</v>
          </cell>
          <cell r="AU3211">
            <v>10</v>
          </cell>
        </row>
        <row r="3212">
          <cell r="C3212">
            <v>1.1385000000000001</v>
          </cell>
          <cell r="AT3212">
            <v>2006</v>
          </cell>
          <cell r="AU3212">
            <v>10</v>
          </cell>
        </row>
        <row r="3213">
          <cell r="C3213">
            <v>1.1379999999999999</v>
          </cell>
          <cell r="AT3213">
            <v>2006</v>
          </cell>
          <cell r="AU3213">
            <v>10</v>
          </cell>
        </row>
        <row r="3214">
          <cell r="C3214">
            <v>1.1378999999999999</v>
          </cell>
          <cell r="AT3214">
            <v>2006</v>
          </cell>
          <cell r="AU3214">
            <v>10</v>
          </cell>
        </row>
        <row r="3215">
          <cell r="C3215">
            <v>1.1317999999999999</v>
          </cell>
          <cell r="AT3215">
            <v>2006</v>
          </cell>
          <cell r="AU3215">
            <v>10</v>
          </cell>
        </row>
        <row r="3216">
          <cell r="C3216">
            <v>1.1251</v>
          </cell>
          <cell r="AT3216">
            <v>2006</v>
          </cell>
          <cell r="AU3216">
            <v>10</v>
          </cell>
        </row>
        <row r="3217">
          <cell r="C3217">
            <v>1.1251</v>
          </cell>
          <cell r="AT3217">
            <v>2006</v>
          </cell>
          <cell r="AU3217">
            <v>10</v>
          </cell>
        </row>
        <row r="3218">
          <cell r="C3218">
            <v>1.1251</v>
          </cell>
          <cell r="AT3218">
            <v>2006</v>
          </cell>
          <cell r="AU3218">
            <v>10</v>
          </cell>
        </row>
        <row r="3219">
          <cell r="C3219">
            <v>1.1282000000000001</v>
          </cell>
          <cell r="AT3219">
            <v>2006</v>
          </cell>
          <cell r="AU3219">
            <v>10</v>
          </cell>
        </row>
        <row r="3220">
          <cell r="C3220">
            <v>1.1272</v>
          </cell>
          <cell r="AT3220">
            <v>2006</v>
          </cell>
          <cell r="AU3220">
            <v>10</v>
          </cell>
        </row>
        <row r="3221">
          <cell r="C3221">
            <v>1.1248</v>
          </cell>
          <cell r="AT3221">
            <v>2006</v>
          </cell>
          <cell r="AU3221">
            <v>10</v>
          </cell>
        </row>
        <row r="3222">
          <cell r="C3222">
            <v>1.1254</v>
          </cell>
          <cell r="AT3222">
            <v>2006</v>
          </cell>
          <cell r="AU3222">
            <v>10</v>
          </cell>
        </row>
        <row r="3223">
          <cell r="C3223">
            <v>1.1188</v>
          </cell>
          <cell r="AT3223">
            <v>2006</v>
          </cell>
          <cell r="AU3223">
            <v>10</v>
          </cell>
        </row>
        <row r="3224">
          <cell r="C3224">
            <v>1.1188</v>
          </cell>
          <cell r="AT3224">
            <v>2006</v>
          </cell>
          <cell r="AU3224">
            <v>10</v>
          </cell>
        </row>
        <row r="3225">
          <cell r="C3225">
            <v>1.1188</v>
          </cell>
          <cell r="AT3225">
            <v>2006</v>
          </cell>
          <cell r="AU3225">
            <v>10</v>
          </cell>
        </row>
        <row r="3226">
          <cell r="C3226">
            <v>1.1234999999999999</v>
          </cell>
          <cell r="AT3226">
            <v>2006</v>
          </cell>
          <cell r="AU3226">
            <v>10</v>
          </cell>
        </row>
        <row r="3227">
          <cell r="C3227">
            <v>1.1227</v>
          </cell>
          <cell r="AT3227">
            <v>2006</v>
          </cell>
          <cell r="AU3227">
            <v>11</v>
          </cell>
        </row>
        <row r="3228">
          <cell r="C3228">
            <v>1.1315</v>
          </cell>
          <cell r="AT3228">
            <v>2006</v>
          </cell>
          <cell r="AU3228">
            <v>11</v>
          </cell>
        </row>
        <row r="3229">
          <cell r="C3229">
            <v>1.1362000000000001</v>
          </cell>
          <cell r="AT3229">
            <v>2006</v>
          </cell>
          <cell r="AU3229">
            <v>11</v>
          </cell>
        </row>
        <row r="3230">
          <cell r="C3230">
            <v>1.129</v>
          </cell>
          <cell r="AT3230">
            <v>2006</v>
          </cell>
          <cell r="AU3230">
            <v>11</v>
          </cell>
        </row>
        <row r="3231">
          <cell r="C3231">
            <v>1.129</v>
          </cell>
          <cell r="AT3231">
            <v>2006</v>
          </cell>
          <cell r="AU3231">
            <v>11</v>
          </cell>
        </row>
        <row r="3232">
          <cell r="C3232">
            <v>1.129</v>
          </cell>
          <cell r="AT3232">
            <v>2006</v>
          </cell>
          <cell r="AU3232">
            <v>11</v>
          </cell>
        </row>
        <row r="3233">
          <cell r="C3233">
            <v>1.1293</v>
          </cell>
          <cell r="AT3233">
            <v>2006</v>
          </cell>
          <cell r="AU3233">
            <v>11</v>
          </cell>
        </row>
        <row r="3234">
          <cell r="C3234">
            <v>1.1276999999999999</v>
          </cell>
          <cell r="AT3234">
            <v>2006</v>
          </cell>
          <cell r="AU3234">
            <v>11</v>
          </cell>
        </row>
        <row r="3235">
          <cell r="C3235">
            <v>1.1276999999999999</v>
          </cell>
          <cell r="AT3235">
            <v>2006</v>
          </cell>
          <cell r="AU3235">
            <v>11</v>
          </cell>
        </row>
        <row r="3236">
          <cell r="C3236">
            <v>1.1292</v>
          </cell>
          <cell r="AT3236">
            <v>2006</v>
          </cell>
          <cell r="AU3236">
            <v>11</v>
          </cell>
        </row>
        <row r="3237">
          <cell r="C3237">
            <v>1.1307</v>
          </cell>
          <cell r="AT3237">
            <v>2006</v>
          </cell>
          <cell r="AU3237">
            <v>11</v>
          </cell>
        </row>
        <row r="3238">
          <cell r="C3238">
            <v>1.1307</v>
          </cell>
          <cell r="AT3238">
            <v>2006</v>
          </cell>
          <cell r="AU3238">
            <v>11</v>
          </cell>
        </row>
        <row r="3239">
          <cell r="C3239">
            <v>1.1307</v>
          </cell>
          <cell r="AT3239">
            <v>2006</v>
          </cell>
          <cell r="AU3239">
            <v>11</v>
          </cell>
        </row>
        <row r="3240">
          <cell r="C3240">
            <v>1.1307</v>
          </cell>
          <cell r="AT3240">
            <v>2006</v>
          </cell>
          <cell r="AU3240">
            <v>11</v>
          </cell>
        </row>
        <row r="3241">
          <cell r="C3241">
            <v>1.1395</v>
          </cell>
          <cell r="AT3241">
            <v>2006</v>
          </cell>
          <cell r="AU3241">
            <v>11</v>
          </cell>
        </row>
        <row r="3242">
          <cell r="C3242">
            <v>1.139</v>
          </cell>
          <cell r="AT3242">
            <v>2006</v>
          </cell>
          <cell r="AU3242">
            <v>11</v>
          </cell>
        </row>
        <row r="3243">
          <cell r="C3243">
            <v>1.1404000000000001</v>
          </cell>
          <cell r="AT3243">
            <v>2006</v>
          </cell>
          <cell r="AU3243">
            <v>11</v>
          </cell>
        </row>
        <row r="3244">
          <cell r="C3244">
            <v>1.1458999999999999</v>
          </cell>
          <cell r="AT3244">
            <v>2006</v>
          </cell>
          <cell r="AU3244">
            <v>11</v>
          </cell>
        </row>
        <row r="3245">
          <cell r="C3245">
            <v>1.1458999999999999</v>
          </cell>
          <cell r="AT3245">
            <v>2006</v>
          </cell>
          <cell r="AU3245">
            <v>11</v>
          </cell>
        </row>
        <row r="3246">
          <cell r="C3246">
            <v>1.1458999999999999</v>
          </cell>
          <cell r="AT3246">
            <v>2006</v>
          </cell>
          <cell r="AU3246">
            <v>11</v>
          </cell>
        </row>
        <row r="3247">
          <cell r="C3247">
            <v>1.1473</v>
          </cell>
          <cell r="AT3247">
            <v>2006</v>
          </cell>
          <cell r="AU3247">
            <v>11</v>
          </cell>
        </row>
        <row r="3248">
          <cell r="C3248">
            <v>1.1474</v>
          </cell>
          <cell r="AT3248">
            <v>2006</v>
          </cell>
          <cell r="AU3248">
            <v>11</v>
          </cell>
        </row>
        <row r="3249">
          <cell r="C3249">
            <v>1.1413</v>
          </cell>
          <cell r="AT3249">
            <v>2006</v>
          </cell>
          <cell r="AU3249">
            <v>11</v>
          </cell>
        </row>
        <row r="3250">
          <cell r="C3250">
            <v>1.1413</v>
          </cell>
          <cell r="AT3250">
            <v>2006</v>
          </cell>
          <cell r="AU3250">
            <v>11</v>
          </cell>
        </row>
        <row r="3251">
          <cell r="C3251">
            <v>1.1413</v>
          </cell>
          <cell r="AT3251">
            <v>2006</v>
          </cell>
          <cell r="AU3251">
            <v>11</v>
          </cell>
        </row>
        <row r="3252">
          <cell r="C3252">
            <v>1.1413</v>
          </cell>
          <cell r="AT3252">
            <v>2006</v>
          </cell>
          <cell r="AU3252">
            <v>11</v>
          </cell>
        </row>
        <row r="3253">
          <cell r="C3253">
            <v>1.1413</v>
          </cell>
          <cell r="AT3253">
            <v>2006</v>
          </cell>
          <cell r="AU3253">
            <v>11</v>
          </cell>
        </row>
        <row r="3254">
          <cell r="C3254">
            <v>1.133</v>
          </cell>
          <cell r="AT3254">
            <v>2006</v>
          </cell>
          <cell r="AU3254">
            <v>11</v>
          </cell>
        </row>
        <row r="3255">
          <cell r="C3255">
            <v>1.1311</v>
          </cell>
          <cell r="AT3255">
            <v>2006</v>
          </cell>
          <cell r="AU3255">
            <v>11</v>
          </cell>
        </row>
        <row r="3256">
          <cell r="C3256">
            <v>1.1359999999999999</v>
          </cell>
          <cell r="AT3256">
            <v>2006</v>
          </cell>
          <cell r="AU3256">
            <v>11</v>
          </cell>
        </row>
        <row r="3257">
          <cell r="C3257">
            <v>1.1415</v>
          </cell>
          <cell r="AT3257">
            <v>2006</v>
          </cell>
          <cell r="AU3257">
            <v>12</v>
          </cell>
        </row>
        <row r="3258">
          <cell r="C3258">
            <v>1.1445000000000001</v>
          </cell>
          <cell r="AT3258">
            <v>2006</v>
          </cell>
          <cell r="AU3258">
            <v>12</v>
          </cell>
        </row>
        <row r="3259">
          <cell r="C3259">
            <v>1.1445000000000001</v>
          </cell>
          <cell r="AT3259">
            <v>2006</v>
          </cell>
          <cell r="AU3259">
            <v>12</v>
          </cell>
        </row>
        <row r="3260">
          <cell r="C3260">
            <v>1.1445000000000001</v>
          </cell>
          <cell r="AT3260">
            <v>2006</v>
          </cell>
          <cell r="AU3260">
            <v>12</v>
          </cell>
        </row>
        <row r="3261">
          <cell r="C3261">
            <v>1.1454</v>
          </cell>
          <cell r="AT3261">
            <v>2006</v>
          </cell>
          <cell r="AU3261">
            <v>12</v>
          </cell>
        </row>
        <row r="3262">
          <cell r="C3262">
            <v>1.1416999999999999</v>
          </cell>
          <cell r="AT3262">
            <v>2006</v>
          </cell>
          <cell r="AU3262">
            <v>12</v>
          </cell>
        </row>
        <row r="3263">
          <cell r="C3263">
            <v>1.1469</v>
          </cell>
          <cell r="AT3263">
            <v>2006</v>
          </cell>
          <cell r="AU3263">
            <v>12</v>
          </cell>
        </row>
        <row r="3264">
          <cell r="C3264">
            <v>1.1480999999999999</v>
          </cell>
          <cell r="AT3264">
            <v>2006</v>
          </cell>
          <cell r="AU3264">
            <v>12</v>
          </cell>
        </row>
        <row r="3265">
          <cell r="C3265">
            <v>1.1500999999999999</v>
          </cell>
          <cell r="AT3265">
            <v>2006</v>
          </cell>
          <cell r="AU3265">
            <v>12</v>
          </cell>
        </row>
        <row r="3266">
          <cell r="C3266">
            <v>1.1500999999999999</v>
          </cell>
          <cell r="AT3266">
            <v>2006</v>
          </cell>
          <cell r="AU3266">
            <v>12</v>
          </cell>
        </row>
        <row r="3267">
          <cell r="C3267">
            <v>1.1500999999999999</v>
          </cell>
          <cell r="AT3267">
            <v>2006</v>
          </cell>
          <cell r="AU3267">
            <v>12</v>
          </cell>
        </row>
        <row r="3268">
          <cell r="C3268">
            <v>1.1475</v>
          </cell>
          <cell r="AT3268">
            <v>2006</v>
          </cell>
          <cell r="AU3268">
            <v>12</v>
          </cell>
        </row>
        <row r="3269">
          <cell r="C3269">
            <v>1.1548</v>
          </cell>
          <cell r="AT3269">
            <v>2006</v>
          </cell>
          <cell r="AU3269">
            <v>12</v>
          </cell>
        </row>
        <row r="3270">
          <cell r="C3270">
            <v>1.1545000000000001</v>
          </cell>
          <cell r="AT3270">
            <v>2006</v>
          </cell>
          <cell r="AU3270">
            <v>12</v>
          </cell>
        </row>
        <row r="3271">
          <cell r="C3271">
            <v>1.1568000000000001</v>
          </cell>
          <cell r="AT3271">
            <v>2006</v>
          </cell>
          <cell r="AU3271">
            <v>12</v>
          </cell>
        </row>
        <row r="3272">
          <cell r="C3272">
            <v>1.1574</v>
          </cell>
          <cell r="AT3272">
            <v>2006</v>
          </cell>
          <cell r="AU3272">
            <v>12</v>
          </cell>
        </row>
        <row r="3273">
          <cell r="C3273">
            <v>1.1574</v>
          </cell>
          <cell r="AT3273">
            <v>2006</v>
          </cell>
          <cell r="AU3273">
            <v>12</v>
          </cell>
        </row>
        <row r="3274">
          <cell r="C3274">
            <v>1.1574</v>
          </cell>
          <cell r="AT3274">
            <v>2006</v>
          </cell>
          <cell r="AU3274">
            <v>12</v>
          </cell>
        </row>
        <row r="3275">
          <cell r="C3275">
            <v>1.1574</v>
          </cell>
          <cell r="AT3275">
            <v>2006</v>
          </cell>
          <cell r="AU3275">
            <v>12</v>
          </cell>
        </row>
        <row r="3276">
          <cell r="C3276">
            <v>1.1557999999999999</v>
          </cell>
          <cell r="AT3276">
            <v>2006</v>
          </cell>
          <cell r="AU3276">
            <v>12</v>
          </cell>
        </row>
        <row r="3277">
          <cell r="C3277">
            <v>1.1486000000000001</v>
          </cell>
          <cell r="AT3277">
            <v>2006</v>
          </cell>
          <cell r="AU3277">
            <v>12</v>
          </cell>
        </row>
        <row r="3278">
          <cell r="C3278">
            <v>1.1536999999999999</v>
          </cell>
          <cell r="AT3278">
            <v>2006</v>
          </cell>
          <cell r="AU3278">
            <v>12</v>
          </cell>
        </row>
        <row r="3279">
          <cell r="C3279">
            <v>1.1574</v>
          </cell>
          <cell r="AT3279">
            <v>2006</v>
          </cell>
          <cell r="AU3279">
            <v>12</v>
          </cell>
        </row>
        <row r="3280">
          <cell r="C3280">
            <v>1.1574</v>
          </cell>
          <cell r="AT3280">
            <v>2006</v>
          </cell>
          <cell r="AU3280">
            <v>12</v>
          </cell>
        </row>
        <row r="3281">
          <cell r="C3281">
            <v>1.1574</v>
          </cell>
          <cell r="AT3281">
            <v>2006</v>
          </cell>
          <cell r="AU3281">
            <v>12</v>
          </cell>
        </row>
        <row r="3282">
          <cell r="C3282">
            <v>1.1574</v>
          </cell>
          <cell r="AT3282">
            <v>2006</v>
          </cell>
          <cell r="AU3282">
            <v>12</v>
          </cell>
        </row>
        <row r="3283">
          <cell r="C3283">
            <v>1.1574</v>
          </cell>
          <cell r="AT3283">
            <v>2006</v>
          </cell>
          <cell r="AU3283">
            <v>12</v>
          </cell>
        </row>
        <row r="3284">
          <cell r="C3284">
            <v>1.1612</v>
          </cell>
          <cell r="AT3284">
            <v>2006</v>
          </cell>
          <cell r="AU3284">
            <v>12</v>
          </cell>
        </row>
        <row r="3285">
          <cell r="C3285">
            <v>1.1598999999999999</v>
          </cell>
          <cell r="AT3285">
            <v>2006</v>
          </cell>
          <cell r="AU3285">
            <v>12</v>
          </cell>
        </row>
        <row r="3286">
          <cell r="C3286">
            <v>1.1649</v>
          </cell>
          <cell r="AT3286">
            <v>2006</v>
          </cell>
          <cell r="AU3286">
            <v>12</v>
          </cell>
        </row>
        <row r="3287">
          <cell r="C3287">
            <v>1.1649</v>
          </cell>
          <cell r="AT3287">
            <v>2006</v>
          </cell>
          <cell r="AU3287">
            <v>12</v>
          </cell>
        </row>
        <row r="3288">
          <cell r="C3288">
            <v>1.1649</v>
          </cell>
          <cell r="AT3288">
            <v>2007</v>
          </cell>
          <cell r="AU3288">
            <v>1</v>
          </cell>
        </row>
        <row r="3289">
          <cell r="C3289">
            <v>1.1649</v>
          </cell>
          <cell r="AT3289">
            <v>2007</v>
          </cell>
          <cell r="AU3289">
            <v>1</v>
          </cell>
        </row>
        <row r="3290">
          <cell r="C3290">
            <v>1.1649</v>
          </cell>
          <cell r="AT3290">
            <v>2007</v>
          </cell>
          <cell r="AU3290">
            <v>1</v>
          </cell>
        </row>
        <row r="3291">
          <cell r="C3291">
            <v>1.1698999999999999</v>
          </cell>
          <cell r="AT3291">
            <v>2007</v>
          </cell>
          <cell r="AU3291">
            <v>1</v>
          </cell>
        </row>
        <row r="3292">
          <cell r="C3292">
            <v>1.1767000000000001</v>
          </cell>
          <cell r="AT3292">
            <v>2007</v>
          </cell>
          <cell r="AU3292">
            <v>1</v>
          </cell>
        </row>
        <row r="3293">
          <cell r="C3293">
            <v>1.1755</v>
          </cell>
          <cell r="AT3293">
            <v>2007</v>
          </cell>
          <cell r="AU3293">
            <v>1</v>
          </cell>
        </row>
        <row r="3294">
          <cell r="C3294">
            <v>1.1755</v>
          </cell>
          <cell r="AT3294">
            <v>2007</v>
          </cell>
          <cell r="AU3294">
            <v>1</v>
          </cell>
        </row>
        <row r="3295">
          <cell r="C3295">
            <v>1.1755</v>
          </cell>
          <cell r="AT3295">
            <v>2007</v>
          </cell>
          <cell r="AU3295">
            <v>1</v>
          </cell>
        </row>
        <row r="3296">
          <cell r="C3296">
            <v>1.1777</v>
          </cell>
          <cell r="AT3296">
            <v>2007</v>
          </cell>
          <cell r="AU3296">
            <v>1</v>
          </cell>
        </row>
        <row r="3297">
          <cell r="C3297">
            <v>1.1783999999999999</v>
          </cell>
          <cell r="AT3297">
            <v>2007</v>
          </cell>
          <cell r="AU3297">
            <v>1</v>
          </cell>
        </row>
        <row r="3298">
          <cell r="C3298">
            <v>1.1772</v>
          </cell>
          <cell r="AT3298">
            <v>2007</v>
          </cell>
          <cell r="AU3298">
            <v>1</v>
          </cell>
        </row>
        <row r="3299">
          <cell r="C3299">
            <v>1.1761999999999999</v>
          </cell>
          <cell r="AT3299">
            <v>2007</v>
          </cell>
          <cell r="AU3299">
            <v>1</v>
          </cell>
        </row>
        <row r="3300">
          <cell r="C3300">
            <v>1.1701999999999999</v>
          </cell>
          <cell r="AT3300">
            <v>2007</v>
          </cell>
          <cell r="AU3300">
            <v>1</v>
          </cell>
        </row>
        <row r="3301">
          <cell r="C3301">
            <v>1.1701999999999999</v>
          </cell>
          <cell r="AT3301">
            <v>2007</v>
          </cell>
          <cell r="AU3301">
            <v>1</v>
          </cell>
        </row>
        <row r="3302">
          <cell r="C3302">
            <v>1.1701999999999999</v>
          </cell>
          <cell r="AT3302">
            <v>2007</v>
          </cell>
          <cell r="AU3302">
            <v>1</v>
          </cell>
        </row>
        <row r="3303">
          <cell r="C3303">
            <v>1.1701999999999999</v>
          </cell>
          <cell r="AT3303">
            <v>2007</v>
          </cell>
          <cell r="AU3303">
            <v>1</v>
          </cell>
        </row>
        <row r="3304">
          <cell r="C3304">
            <v>1.1746000000000001</v>
          </cell>
          <cell r="AT3304">
            <v>2007</v>
          </cell>
          <cell r="AU3304">
            <v>1</v>
          </cell>
        </row>
        <row r="3305">
          <cell r="C3305">
            <v>1.1737</v>
          </cell>
          <cell r="AT3305">
            <v>2007</v>
          </cell>
          <cell r="AU3305">
            <v>1</v>
          </cell>
        </row>
        <row r="3306">
          <cell r="C3306">
            <v>1.1752</v>
          </cell>
          <cell r="AT3306">
            <v>2007</v>
          </cell>
          <cell r="AU3306">
            <v>1</v>
          </cell>
        </row>
        <row r="3307">
          <cell r="C3307">
            <v>1.1719999999999999</v>
          </cell>
          <cell r="AT3307">
            <v>2007</v>
          </cell>
          <cell r="AU3307">
            <v>1</v>
          </cell>
        </row>
        <row r="3308">
          <cell r="C3308">
            <v>1.1719999999999999</v>
          </cell>
          <cell r="AT3308">
            <v>2007</v>
          </cell>
          <cell r="AU3308">
            <v>1</v>
          </cell>
        </row>
        <row r="3309">
          <cell r="C3309">
            <v>1.1719999999999999</v>
          </cell>
          <cell r="AT3309">
            <v>2007</v>
          </cell>
          <cell r="AU3309">
            <v>1</v>
          </cell>
        </row>
        <row r="3310">
          <cell r="C3310">
            <v>1.1758999999999999</v>
          </cell>
          <cell r="AT3310">
            <v>2007</v>
          </cell>
          <cell r="AU3310">
            <v>1</v>
          </cell>
        </row>
        <row r="3311">
          <cell r="C3311">
            <v>1.1816</v>
          </cell>
          <cell r="AT3311">
            <v>2007</v>
          </cell>
          <cell r="AU3311">
            <v>1</v>
          </cell>
        </row>
        <row r="3312">
          <cell r="C3312">
            <v>1.1823999999999999</v>
          </cell>
          <cell r="AT3312">
            <v>2007</v>
          </cell>
          <cell r="AU3312">
            <v>1</v>
          </cell>
        </row>
        <row r="3313">
          <cell r="C3313">
            <v>1.1782999999999999</v>
          </cell>
          <cell r="AT3313">
            <v>2007</v>
          </cell>
          <cell r="AU3313">
            <v>1</v>
          </cell>
        </row>
        <row r="3314">
          <cell r="C3314">
            <v>1.1798</v>
          </cell>
          <cell r="AT3314">
            <v>2007</v>
          </cell>
          <cell r="AU3314">
            <v>1</v>
          </cell>
        </row>
        <row r="3315">
          <cell r="C3315">
            <v>1.1798</v>
          </cell>
          <cell r="AT3315">
            <v>2007</v>
          </cell>
          <cell r="AU3315">
            <v>1</v>
          </cell>
        </row>
        <row r="3316">
          <cell r="C3316">
            <v>1.1798</v>
          </cell>
          <cell r="AT3316">
            <v>2007</v>
          </cell>
          <cell r="AU3316">
            <v>1</v>
          </cell>
        </row>
        <row r="3317">
          <cell r="C3317">
            <v>1.1816</v>
          </cell>
          <cell r="AT3317">
            <v>2007</v>
          </cell>
          <cell r="AU3317">
            <v>1</v>
          </cell>
        </row>
        <row r="3318">
          <cell r="C3318">
            <v>1.1814</v>
          </cell>
          <cell r="AT3318">
            <v>2007</v>
          </cell>
          <cell r="AU3318">
            <v>1</v>
          </cell>
        </row>
        <row r="3319">
          <cell r="C3319">
            <v>1.1792</v>
          </cell>
          <cell r="AT3319">
            <v>2007</v>
          </cell>
          <cell r="AU3319">
            <v>2</v>
          </cell>
        </row>
        <row r="3320">
          <cell r="C3320">
            <v>1.1755</v>
          </cell>
          <cell r="AT3320">
            <v>2007</v>
          </cell>
          <cell r="AU3320">
            <v>2</v>
          </cell>
        </row>
        <row r="3321">
          <cell r="C3321">
            <v>1.1838</v>
          </cell>
          <cell r="AT3321">
            <v>2007</v>
          </cell>
          <cell r="AU3321">
            <v>2</v>
          </cell>
        </row>
        <row r="3322">
          <cell r="C3322">
            <v>1.1838</v>
          </cell>
          <cell r="AT3322">
            <v>2007</v>
          </cell>
          <cell r="AU3322">
            <v>2</v>
          </cell>
        </row>
        <row r="3323">
          <cell r="C3323">
            <v>1.1838</v>
          </cell>
          <cell r="AT3323">
            <v>2007</v>
          </cell>
          <cell r="AU3323">
            <v>2</v>
          </cell>
        </row>
        <row r="3324">
          <cell r="C3324">
            <v>1.1818</v>
          </cell>
          <cell r="AT3324">
            <v>2007</v>
          </cell>
          <cell r="AU3324">
            <v>2</v>
          </cell>
        </row>
        <row r="3325">
          <cell r="C3325">
            <v>1.1819999999999999</v>
          </cell>
          <cell r="AT3325">
            <v>2007</v>
          </cell>
          <cell r="AU3325">
            <v>2</v>
          </cell>
        </row>
        <row r="3326">
          <cell r="C3326">
            <v>1.1852</v>
          </cell>
          <cell r="AT3326">
            <v>2007</v>
          </cell>
          <cell r="AU3326">
            <v>2</v>
          </cell>
        </row>
        <row r="3327">
          <cell r="C3327">
            <v>1.1853</v>
          </cell>
          <cell r="AT3327">
            <v>2007</v>
          </cell>
          <cell r="AU3327">
            <v>2</v>
          </cell>
        </row>
        <row r="3328">
          <cell r="C3328">
            <v>1.1738999999999999</v>
          </cell>
          <cell r="AT3328">
            <v>2007</v>
          </cell>
          <cell r="AU3328">
            <v>2</v>
          </cell>
        </row>
        <row r="3329">
          <cell r="C3329">
            <v>1.1738999999999999</v>
          </cell>
          <cell r="AT3329">
            <v>2007</v>
          </cell>
          <cell r="AU3329">
            <v>2</v>
          </cell>
        </row>
        <row r="3330">
          <cell r="C3330">
            <v>1.1738999999999999</v>
          </cell>
          <cell r="AT3330">
            <v>2007</v>
          </cell>
          <cell r="AU3330">
            <v>2</v>
          </cell>
        </row>
        <row r="3331">
          <cell r="C3331">
            <v>1.1746000000000001</v>
          </cell>
          <cell r="AT3331">
            <v>2007</v>
          </cell>
          <cell r="AU3331">
            <v>2</v>
          </cell>
        </row>
        <row r="3332">
          <cell r="C3332">
            <v>1.1686000000000001</v>
          </cell>
          <cell r="AT3332">
            <v>2007</v>
          </cell>
          <cell r="AU3332">
            <v>2</v>
          </cell>
        </row>
        <row r="3333">
          <cell r="C3333">
            <v>1.1659999999999999</v>
          </cell>
          <cell r="AT3333">
            <v>2007</v>
          </cell>
          <cell r="AU3333">
            <v>2</v>
          </cell>
        </row>
        <row r="3334">
          <cell r="C3334">
            <v>1.1638999999999999</v>
          </cell>
          <cell r="AT3334">
            <v>2007</v>
          </cell>
          <cell r="AU3334">
            <v>2</v>
          </cell>
        </row>
        <row r="3335">
          <cell r="C3335">
            <v>1.1637</v>
          </cell>
          <cell r="AT3335">
            <v>2007</v>
          </cell>
          <cell r="AU3335">
            <v>2</v>
          </cell>
        </row>
        <row r="3336">
          <cell r="C3336">
            <v>1.1637</v>
          </cell>
          <cell r="AT3336">
            <v>2007</v>
          </cell>
          <cell r="AU3336">
            <v>2</v>
          </cell>
        </row>
        <row r="3337">
          <cell r="C3337">
            <v>1.1637</v>
          </cell>
          <cell r="AT3337">
            <v>2007</v>
          </cell>
          <cell r="AU3337">
            <v>2</v>
          </cell>
        </row>
        <row r="3338">
          <cell r="C3338">
            <v>1.1637</v>
          </cell>
          <cell r="AT3338">
            <v>2007</v>
          </cell>
          <cell r="AU3338">
            <v>2</v>
          </cell>
        </row>
        <row r="3339">
          <cell r="C3339">
            <v>1.1698</v>
          </cell>
          <cell r="AT3339">
            <v>2007</v>
          </cell>
          <cell r="AU3339">
            <v>2</v>
          </cell>
        </row>
        <row r="3340">
          <cell r="C3340">
            <v>1.1612</v>
          </cell>
          <cell r="AT3340">
            <v>2007</v>
          </cell>
          <cell r="AU3340">
            <v>2</v>
          </cell>
        </row>
        <row r="3341">
          <cell r="C3341">
            <v>1.1616</v>
          </cell>
          <cell r="AT3341">
            <v>2007</v>
          </cell>
          <cell r="AU3341">
            <v>2</v>
          </cell>
        </row>
        <row r="3342">
          <cell r="C3342">
            <v>1.1585000000000001</v>
          </cell>
          <cell r="AT3342">
            <v>2007</v>
          </cell>
          <cell r="AU3342">
            <v>2</v>
          </cell>
        </row>
        <row r="3343">
          <cell r="C3343">
            <v>1.1585000000000001</v>
          </cell>
          <cell r="AT3343">
            <v>2007</v>
          </cell>
          <cell r="AU3343">
            <v>2</v>
          </cell>
        </row>
        <row r="3344">
          <cell r="C3344">
            <v>1.1585000000000001</v>
          </cell>
          <cell r="AT3344">
            <v>2007</v>
          </cell>
          <cell r="AU3344">
            <v>2</v>
          </cell>
        </row>
        <row r="3345">
          <cell r="C3345">
            <v>1.1599999999999999</v>
          </cell>
          <cell r="AT3345">
            <v>2007</v>
          </cell>
          <cell r="AU3345">
            <v>2</v>
          </cell>
        </row>
        <row r="3346">
          <cell r="C3346">
            <v>1.1638999999999999</v>
          </cell>
          <cell r="AT3346">
            <v>2007</v>
          </cell>
          <cell r="AU3346">
            <v>2</v>
          </cell>
        </row>
        <row r="3347">
          <cell r="C3347">
            <v>1.17</v>
          </cell>
          <cell r="AT3347">
            <v>2007</v>
          </cell>
          <cell r="AU3347">
            <v>3</v>
          </cell>
        </row>
        <row r="3348">
          <cell r="C3348">
            <v>1.1713</v>
          </cell>
          <cell r="AT3348">
            <v>2007</v>
          </cell>
          <cell r="AU3348">
            <v>3</v>
          </cell>
        </row>
        <row r="3349">
          <cell r="C3349">
            <v>1.1753</v>
          </cell>
          <cell r="AT3349">
            <v>2007</v>
          </cell>
          <cell r="AU3349">
            <v>3</v>
          </cell>
        </row>
        <row r="3350">
          <cell r="C3350">
            <v>1.1753</v>
          </cell>
          <cell r="AT3350">
            <v>2007</v>
          </cell>
          <cell r="AU3350">
            <v>3</v>
          </cell>
        </row>
        <row r="3351">
          <cell r="C3351">
            <v>1.1753</v>
          </cell>
          <cell r="AT3351">
            <v>2007</v>
          </cell>
          <cell r="AU3351">
            <v>3</v>
          </cell>
        </row>
        <row r="3352">
          <cell r="C3352">
            <v>1.1811</v>
          </cell>
          <cell r="AT3352">
            <v>2007</v>
          </cell>
          <cell r="AU3352">
            <v>3</v>
          </cell>
        </row>
        <row r="3353">
          <cell r="C3353">
            <v>1.1759999999999999</v>
          </cell>
          <cell r="AT3353">
            <v>2007</v>
          </cell>
          <cell r="AU3353">
            <v>3</v>
          </cell>
        </row>
        <row r="3354">
          <cell r="C3354">
            <v>1.1786000000000001</v>
          </cell>
          <cell r="AT3354">
            <v>2007</v>
          </cell>
          <cell r="AU3354">
            <v>3</v>
          </cell>
        </row>
        <row r="3355">
          <cell r="C3355">
            <v>1.1800999999999999</v>
          </cell>
          <cell r="AT3355">
            <v>2007</v>
          </cell>
          <cell r="AU3355">
            <v>3</v>
          </cell>
        </row>
        <row r="3356">
          <cell r="C3356">
            <v>1.1712</v>
          </cell>
          <cell r="AT3356">
            <v>2007</v>
          </cell>
          <cell r="AU3356">
            <v>3</v>
          </cell>
        </row>
        <row r="3357">
          <cell r="C3357">
            <v>1.1712</v>
          </cell>
          <cell r="AT3357">
            <v>2007</v>
          </cell>
          <cell r="AU3357">
            <v>3</v>
          </cell>
        </row>
        <row r="3358">
          <cell r="C3358">
            <v>1.1712</v>
          </cell>
          <cell r="AT3358">
            <v>2007</v>
          </cell>
          <cell r="AU3358">
            <v>3</v>
          </cell>
        </row>
        <row r="3359">
          <cell r="C3359">
            <v>1.1692</v>
          </cell>
          <cell r="AT3359">
            <v>2007</v>
          </cell>
          <cell r="AU3359">
            <v>3</v>
          </cell>
        </row>
        <row r="3360">
          <cell r="C3360">
            <v>1.1687000000000001</v>
          </cell>
          <cell r="AT3360">
            <v>2007</v>
          </cell>
          <cell r="AU3360">
            <v>3</v>
          </cell>
        </row>
        <row r="3361">
          <cell r="C3361">
            <v>1.1754</v>
          </cell>
          <cell r="AT3361">
            <v>2007</v>
          </cell>
          <cell r="AU3361">
            <v>3</v>
          </cell>
        </row>
        <row r="3362">
          <cell r="C3362">
            <v>1.1758</v>
          </cell>
          <cell r="AT3362">
            <v>2007</v>
          </cell>
          <cell r="AU3362">
            <v>3</v>
          </cell>
        </row>
        <row r="3363">
          <cell r="C3363">
            <v>1.1739999999999999</v>
          </cell>
          <cell r="AT3363">
            <v>2007</v>
          </cell>
          <cell r="AU3363">
            <v>3</v>
          </cell>
        </row>
        <row r="3364">
          <cell r="C3364">
            <v>1.1739999999999999</v>
          </cell>
          <cell r="AT3364">
            <v>2007</v>
          </cell>
          <cell r="AU3364">
            <v>3</v>
          </cell>
        </row>
        <row r="3365">
          <cell r="C3365">
            <v>1.1739999999999999</v>
          </cell>
          <cell r="AT3365">
            <v>2007</v>
          </cell>
          <cell r="AU3365">
            <v>3</v>
          </cell>
        </row>
        <row r="3366">
          <cell r="C3366">
            <v>1.1752</v>
          </cell>
          <cell r="AT3366">
            <v>2007</v>
          </cell>
          <cell r="AU3366">
            <v>3</v>
          </cell>
        </row>
        <row r="3367">
          <cell r="C3367">
            <v>1.1638999999999999</v>
          </cell>
          <cell r="AT3367">
            <v>2007</v>
          </cell>
          <cell r="AU3367">
            <v>3</v>
          </cell>
        </row>
        <row r="3368">
          <cell r="C3368">
            <v>1.1577999999999999</v>
          </cell>
          <cell r="AT3368">
            <v>2007</v>
          </cell>
          <cell r="AU3368">
            <v>3</v>
          </cell>
        </row>
        <row r="3369">
          <cell r="C3369">
            <v>1.1576</v>
          </cell>
          <cell r="AT3369">
            <v>2007</v>
          </cell>
          <cell r="AU3369">
            <v>3</v>
          </cell>
        </row>
        <row r="3370">
          <cell r="C3370">
            <v>1.1599999999999999</v>
          </cell>
          <cell r="AT3370">
            <v>2007</v>
          </cell>
          <cell r="AU3370">
            <v>3</v>
          </cell>
        </row>
        <row r="3371">
          <cell r="C3371">
            <v>1.1599999999999999</v>
          </cell>
          <cell r="AT3371">
            <v>2007</v>
          </cell>
          <cell r="AU3371">
            <v>3</v>
          </cell>
        </row>
        <row r="3372">
          <cell r="C3372">
            <v>1.1599999999999999</v>
          </cell>
          <cell r="AT3372">
            <v>2007</v>
          </cell>
          <cell r="AU3372">
            <v>3</v>
          </cell>
        </row>
        <row r="3373">
          <cell r="C3373">
            <v>1.1627000000000001</v>
          </cell>
          <cell r="AT3373">
            <v>2007</v>
          </cell>
          <cell r="AU3373">
            <v>3</v>
          </cell>
        </row>
        <row r="3374">
          <cell r="C3374">
            <v>1.1584000000000001</v>
          </cell>
          <cell r="AT3374">
            <v>2007</v>
          </cell>
          <cell r="AU3374">
            <v>3</v>
          </cell>
        </row>
        <row r="3375">
          <cell r="C3375">
            <v>1.1579999999999999</v>
          </cell>
          <cell r="AT3375">
            <v>2007</v>
          </cell>
          <cell r="AU3375">
            <v>3</v>
          </cell>
        </row>
        <row r="3376">
          <cell r="C3376">
            <v>1.1577999999999999</v>
          </cell>
          <cell r="AT3376">
            <v>2007</v>
          </cell>
          <cell r="AU3376">
            <v>3</v>
          </cell>
        </row>
        <row r="3377">
          <cell r="C3377">
            <v>1.1529</v>
          </cell>
          <cell r="AT3377">
            <v>2007</v>
          </cell>
          <cell r="AU3377">
            <v>3</v>
          </cell>
        </row>
        <row r="3378">
          <cell r="C3378">
            <v>1.1529</v>
          </cell>
          <cell r="AT3378">
            <v>2007</v>
          </cell>
          <cell r="AU3378">
            <v>4</v>
          </cell>
        </row>
        <row r="3379">
          <cell r="C3379">
            <v>1.1529</v>
          </cell>
          <cell r="AT3379">
            <v>2007</v>
          </cell>
          <cell r="AU3379">
            <v>4</v>
          </cell>
        </row>
        <row r="3380">
          <cell r="C3380">
            <v>1.1560999999999999</v>
          </cell>
          <cell r="AT3380">
            <v>2007</v>
          </cell>
          <cell r="AU3380">
            <v>4</v>
          </cell>
        </row>
        <row r="3381">
          <cell r="C3381">
            <v>1.1573</v>
          </cell>
          <cell r="AT3381">
            <v>2007</v>
          </cell>
          <cell r="AU3381">
            <v>4</v>
          </cell>
        </row>
        <row r="3382">
          <cell r="C3382">
            <v>1.1584000000000001</v>
          </cell>
          <cell r="AT3382">
            <v>2007</v>
          </cell>
          <cell r="AU3382">
            <v>4</v>
          </cell>
        </row>
        <row r="3383">
          <cell r="C3383">
            <v>1.1509</v>
          </cell>
          <cell r="AT3383">
            <v>2007</v>
          </cell>
          <cell r="AU3383">
            <v>4</v>
          </cell>
        </row>
        <row r="3384">
          <cell r="C3384">
            <v>1.1509</v>
          </cell>
          <cell r="AT3384">
            <v>2007</v>
          </cell>
          <cell r="AU3384">
            <v>4</v>
          </cell>
        </row>
        <row r="3385">
          <cell r="C3385">
            <v>1.1509</v>
          </cell>
          <cell r="AT3385">
            <v>2007</v>
          </cell>
          <cell r="AU3385">
            <v>4</v>
          </cell>
        </row>
        <row r="3386">
          <cell r="C3386">
            <v>1.1509</v>
          </cell>
          <cell r="AT3386">
            <v>2007</v>
          </cell>
          <cell r="AU3386">
            <v>4</v>
          </cell>
        </row>
        <row r="3387">
          <cell r="C3387">
            <v>1.1521999999999999</v>
          </cell>
          <cell r="AT3387">
            <v>2007</v>
          </cell>
          <cell r="AU3387">
            <v>4</v>
          </cell>
        </row>
        <row r="3388">
          <cell r="C3388">
            <v>1.1479999999999999</v>
          </cell>
          <cell r="AT3388">
            <v>2007</v>
          </cell>
          <cell r="AU3388">
            <v>4</v>
          </cell>
        </row>
        <row r="3389">
          <cell r="C3389">
            <v>1.145</v>
          </cell>
          <cell r="AT3389">
            <v>2007</v>
          </cell>
          <cell r="AU3389">
            <v>4</v>
          </cell>
        </row>
        <row r="3390">
          <cell r="C3390">
            <v>1.1363000000000001</v>
          </cell>
          <cell r="AT3390">
            <v>2007</v>
          </cell>
          <cell r="AU3390">
            <v>4</v>
          </cell>
        </row>
        <row r="3391">
          <cell r="C3391">
            <v>1.1379999999999999</v>
          </cell>
          <cell r="AT3391">
            <v>2007</v>
          </cell>
          <cell r="AU3391">
            <v>4</v>
          </cell>
        </row>
        <row r="3392">
          <cell r="C3392">
            <v>1.1379999999999999</v>
          </cell>
          <cell r="AT3392">
            <v>2007</v>
          </cell>
          <cell r="AU3392">
            <v>4</v>
          </cell>
        </row>
        <row r="3393">
          <cell r="C3393">
            <v>1.1379999999999999</v>
          </cell>
          <cell r="AT3393">
            <v>2007</v>
          </cell>
          <cell r="AU3393">
            <v>4</v>
          </cell>
        </row>
        <row r="3394">
          <cell r="C3394">
            <v>1.131</v>
          </cell>
          <cell r="AT3394">
            <v>2007</v>
          </cell>
          <cell r="AU3394">
            <v>4</v>
          </cell>
        </row>
        <row r="3395">
          <cell r="C3395">
            <v>1.1294</v>
          </cell>
          <cell r="AT3395">
            <v>2007</v>
          </cell>
          <cell r="AU3395">
            <v>4</v>
          </cell>
        </row>
        <row r="3396">
          <cell r="C3396">
            <v>1.1288</v>
          </cell>
          <cell r="AT3396">
            <v>2007</v>
          </cell>
          <cell r="AU3396">
            <v>4</v>
          </cell>
        </row>
        <row r="3397">
          <cell r="C3397">
            <v>1.1286</v>
          </cell>
          <cell r="AT3397">
            <v>2007</v>
          </cell>
          <cell r="AU3397">
            <v>4</v>
          </cell>
        </row>
        <row r="3398">
          <cell r="C3398">
            <v>1.1227</v>
          </cell>
          <cell r="AT3398">
            <v>2007</v>
          </cell>
          <cell r="AU3398">
            <v>4</v>
          </cell>
        </row>
        <row r="3399">
          <cell r="C3399">
            <v>1.1227</v>
          </cell>
          <cell r="AT3399">
            <v>2007</v>
          </cell>
          <cell r="AU3399">
            <v>4</v>
          </cell>
        </row>
        <row r="3400">
          <cell r="C3400">
            <v>1.1227</v>
          </cell>
          <cell r="AT3400">
            <v>2007</v>
          </cell>
          <cell r="AU3400">
            <v>4</v>
          </cell>
        </row>
        <row r="3401">
          <cell r="C3401">
            <v>1.1227</v>
          </cell>
          <cell r="AT3401">
            <v>2007</v>
          </cell>
          <cell r="AU3401">
            <v>4</v>
          </cell>
        </row>
        <row r="3402">
          <cell r="C3402">
            <v>1.1229</v>
          </cell>
          <cell r="AT3402">
            <v>2007</v>
          </cell>
          <cell r="AU3402">
            <v>4</v>
          </cell>
        </row>
        <row r="3403">
          <cell r="C3403">
            <v>1.1145</v>
          </cell>
          <cell r="AT3403">
            <v>2007</v>
          </cell>
          <cell r="AU3403">
            <v>4</v>
          </cell>
        </row>
        <row r="3404">
          <cell r="C3404">
            <v>1.1202000000000001</v>
          </cell>
          <cell r="AT3404">
            <v>2007</v>
          </cell>
          <cell r="AU3404">
            <v>4</v>
          </cell>
        </row>
        <row r="3405">
          <cell r="C3405">
            <v>1.1153</v>
          </cell>
          <cell r="AT3405">
            <v>2007</v>
          </cell>
          <cell r="AU3405">
            <v>4</v>
          </cell>
        </row>
        <row r="3406">
          <cell r="C3406">
            <v>1.1153</v>
          </cell>
          <cell r="AT3406">
            <v>2007</v>
          </cell>
          <cell r="AU3406">
            <v>4</v>
          </cell>
        </row>
        <row r="3407">
          <cell r="C3407">
            <v>1.1153</v>
          </cell>
          <cell r="AT3407">
            <v>2007</v>
          </cell>
          <cell r="AU3407">
            <v>4</v>
          </cell>
        </row>
        <row r="3408">
          <cell r="C3408">
            <v>1.1067</v>
          </cell>
          <cell r="AT3408">
            <v>2007</v>
          </cell>
          <cell r="AU3408">
            <v>5</v>
          </cell>
        </row>
        <row r="3409">
          <cell r="C3409">
            <v>1.1089</v>
          </cell>
          <cell r="AT3409">
            <v>2007</v>
          </cell>
          <cell r="AU3409">
            <v>5</v>
          </cell>
        </row>
        <row r="3410">
          <cell r="C3410">
            <v>1.1087</v>
          </cell>
          <cell r="AT3410">
            <v>2007</v>
          </cell>
          <cell r="AU3410">
            <v>5</v>
          </cell>
        </row>
        <row r="3411">
          <cell r="C3411">
            <v>1.107</v>
          </cell>
          <cell r="AT3411">
            <v>2007</v>
          </cell>
          <cell r="AU3411">
            <v>5</v>
          </cell>
        </row>
        <row r="3412">
          <cell r="C3412">
            <v>1.1069</v>
          </cell>
          <cell r="AT3412">
            <v>2007</v>
          </cell>
          <cell r="AU3412">
            <v>5</v>
          </cell>
        </row>
        <row r="3413">
          <cell r="C3413">
            <v>1.1069</v>
          </cell>
          <cell r="AT3413">
            <v>2007</v>
          </cell>
          <cell r="AU3413">
            <v>5</v>
          </cell>
        </row>
        <row r="3414">
          <cell r="C3414">
            <v>1.1069</v>
          </cell>
          <cell r="AT3414">
            <v>2007</v>
          </cell>
          <cell r="AU3414">
            <v>5</v>
          </cell>
        </row>
        <row r="3415">
          <cell r="C3415">
            <v>1.1024</v>
          </cell>
          <cell r="AT3415">
            <v>2007</v>
          </cell>
          <cell r="AU3415">
            <v>5</v>
          </cell>
        </row>
        <row r="3416">
          <cell r="C3416">
            <v>1.1048</v>
          </cell>
          <cell r="AT3416">
            <v>2007</v>
          </cell>
          <cell r="AU3416">
            <v>5</v>
          </cell>
        </row>
        <row r="3417">
          <cell r="C3417">
            <v>1.1064000000000001</v>
          </cell>
          <cell r="AT3417">
            <v>2007</v>
          </cell>
          <cell r="AU3417">
            <v>5</v>
          </cell>
        </row>
        <row r="3418">
          <cell r="C3418">
            <v>1.1073</v>
          </cell>
          <cell r="AT3418">
            <v>2007</v>
          </cell>
          <cell r="AU3418">
            <v>5</v>
          </cell>
        </row>
        <row r="3419">
          <cell r="C3419">
            <v>1.1134999999999999</v>
          </cell>
          <cell r="AT3419">
            <v>2007</v>
          </cell>
          <cell r="AU3419">
            <v>5</v>
          </cell>
        </row>
        <row r="3420">
          <cell r="C3420">
            <v>1.1134999999999999</v>
          </cell>
          <cell r="AT3420">
            <v>2007</v>
          </cell>
          <cell r="AU3420">
            <v>5</v>
          </cell>
        </row>
        <row r="3421">
          <cell r="C3421">
            <v>1.1134999999999999</v>
          </cell>
          <cell r="AT3421">
            <v>2007</v>
          </cell>
          <cell r="AU3421">
            <v>5</v>
          </cell>
        </row>
        <row r="3422">
          <cell r="C3422">
            <v>1.1069</v>
          </cell>
          <cell r="AT3422">
            <v>2007</v>
          </cell>
          <cell r="AU3422">
            <v>5</v>
          </cell>
        </row>
        <row r="3423">
          <cell r="C3423">
            <v>1.0976999999999999</v>
          </cell>
          <cell r="AT3423">
            <v>2007</v>
          </cell>
          <cell r="AU3423">
            <v>5</v>
          </cell>
        </row>
        <row r="3424">
          <cell r="C3424">
            <v>1.1029</v>
          </cell>
          <cell r="AT3424">
            <v>2007</v>
          </cell>
          <cell r="AU3424">
            <v>5</v>
          </cell>
        </row>
        <row r="3425">
          <cell r="C3425">
            <v>1.0976999999999999</v>
          </cell>
          <cell r="AT3425">
            <v>2007</v>
          </cell>
          <cell r="AU3425">
            <v>5</v>
          </cell>
        </row>
        <row r="3426">
          <cell r="C3426">
            <v>1.0884</v>
          </cell>
          <cell r="AT3426">
            <v>2007</v>
          </cell>
          <cell r="AU3426">
            <v>5</v>
          </cell>
        </row>
        <row r="3427">
          <cell r="C3427">
            <v>1.0884</v>
          </cell>
          <cell r="AT3427">
            <v>2007</v>
          </cell>
          <cell r="AU3427">
            <v>5</v>
          </cell>
        </row>
        <row r="3428">
          <cell r="C3428">
            <v>1.0884</v>
          </cell>
          <cell r="AT3428">
            <v>2007</v>
          </cell>
          <cell r="AU3428">
            <v>5</v>
          </cell>
        </row>
        <row r="3429">
          <cell r="C3429">
            <v>1.0884</v>
          </cell>
          <cell r="AT3429">
            <v>2007</v>
          </cell>
          <cell r="AU3429">
            <v>5</v>
          </cell>
        </row>
        <row r="3430">
          <cell r="C3430">
            <v>1.0854999999999999</v>
          </cell>
          <cell r="AT3430">
            <v>2007</v>
          </cell>
          <cell r="AU3430">
            <v>5</v>
          </cell>
        </row>
        <row r="3431">
          <cell r="C3431">
            <v>1.0818000000000001</v>
          </cell>
          <cell r="AT3431">
            <v>2007</v>
          </cell>
          <cell r="AU3431">
            <v>5</v>
          </cell>
        </row>
        <row r="3432">
          <cell r="C3432">
            <v>1.0841000000000001</v>
          </cell>
          <cell r="AT3432">
            <v>2007</v>
          </cell>
          <cell r="AU3432">
            <v>5</v>
          </cell>
        </row>
        <row r="3433">
          <cell r="C3433">
            <v>1.0795999999999999</v>
          </cell>
          <cell r="AT3433">
            <v>2007</v>
          </cell>
          <cell r="AU3433">
            <v>5</v>
          </cell>
        </row>
        <row r="3434">
          <cell r="C3434">
            <v>1.0795999999999999</v>
          </cell>
          <cell r="AT3434">
            <v>2007</v>
          </cell>
          <cell r="AU3434">
            <v>5</v>
          </cell>
        </row>
        <row r="3435">
          <cell r="C3435">
            <v>1.0795999999999999</v>
          </cell>
          <cell r="AT3435">
            <v>2007</v>
          </cell>
          <cell r="AU3435">
            <v>5</v>
          </cell>
        </row>
        <row r="3436">
          <cell r="C3436">
            <v>1.0795999999999999</v>
          </cell>
          <cell r="AT3436">
            <v>2007</v>
          </cell>
          <cell r="AU3436">
            <v>5</v>
          </cell>
        </row>
        <row r="3437">
          <cell r="C3437">
            <v>1.0719000000000001</v>
          </cell>
          <cell r="AT3437">
            <v>2007</v>
          </cell>
          <cell r="AU3437">
            <v>5</v>
          </cell>
        </row>
        <row r="3438">
          <cell r="C3438">
            <v>1.0753999999999999</v>
          </cell>
          <cell r="AT3438">
            <v>2007</v>
          </cell>
          <cell r="AU3438">
            <v>5</v>
          </cell>
        </row>
        <row r="3439">
          <cell r="C3439">
            <v>1.0699000000000001</v>
          </cell>
          <cell r="AT3439">
            <v>2007</v>
          </cell>
          <cell r="AU3439">
            <v>6</v>
          </cell>
        </row>
        <row r="3440">
          <cell r="C3440">
            <v>1.0604</v>
          </cell>
          <cell r="AT3440">
            <v>2007</v>
          </cell>
          <cell r="AU3440">
            <v>6</v>
          </cell>
        </row>
        <row r="3441">
          <cell r="C3441">
            <v>1.0604</v>
          </cell>
          <cell r="AT3441">
            <v>2007</v>
          </cell>
          <cell r="AU3441">
            <v>6</v>
          </cell>
        </row>
        <row r="3442">
          <cell r="C3442">
            <v>1.0604</v>
          </cell>
          <cell r="AT3442">
            <v>2007</v>
          </cell>
          <cell r="AU3442">
            <v>6</v>
          </cell>
        </row>
        <row r="3443">
          <cell r="C3443">
            <v>1.0580000000000001</v>
          </cell>
          <cell r="AT3443">
            <v>2007</v>
          </cell>
          <cell r="AU3443">
            <v>6</v>
          </cell>
        </row>
        <row r="3444">
          <cell r="C3444">
            <v>1.0606</v>
          </cell>
          <cell r="AT3444">
            <v>2007</v>
          </cell>
          <cell r="AU3444">
            <v>6</v>
          </cell>
        </row>
        <row r="3445">
          <cell r="C3445">
            <v>1.0586</v>
          </cell>
          <cell r="AT3445">
            <v>2007</v>
          </cell>
          <cell r="AU3445">
            <v>6</v>
          </cell>
        </row>
        <row r="3446">
          <cell r="C3446">
            <v>1.0612999999999999</v>
          </cell>
          <cell r="AT3446">
            <v>2007</v>
          </cell>
          <cell r="AU3446">
            <v>6</v>
          </cell>
        </row>
        <row r="3447">
          <cell r="C3447">
            <v>1.0622</v>
          </cell>
          <cell r="AT3447">
            <v>2007</v>
          </cell>
          <cell r="AU3447">
            <v>6</v>
          </cell>
        </row>
        <row r="3448">
          <cell r="C3448">
            <v>1.0622</v>
          </cell>
          <cell r="AT3448">
            <v>2007</v>
          </cell>
          <cell r="AU3448">
            <v>6</v>
          </cell>
        </row>
        <row r="3449">
          <cell r="C3449">
            <v>1.0622</v>
          </cell>
          <cell r="AT3449">
            <v>2007</v>
          </cell>
          <cell r="AU3449">
            <v>6</v>
          </cell>
        </row>
        <row r="3450">
          <cell r="C3450">
            <v>1.0613999999999999</v>
          </cell>
          <cell r="AT3450">
            <v>2007</v>
          </cell>
          <cell r="AU3450">
            <v>6</v>
          </cell>
        </row>
        <row r="3451">
          <cell r="C3451">
            <v>1.0634999999999999</v>
          </cell>
          <cell r="AT3451">
            <v>2007</v>
          </cell>
          <cell r="AU3451">
            <v>6</v>
          </cell>
        </row>
        <row r="3452">
          <cell r="C3452">
            <v>1.0667</v>
          </cell>
          <cell r="AT3452">
            <v>2007</v>
          </cell>
          <cell r="AU3452">
            <v>6</v>
          </cell>
        </row>
        <row r="3453">
          <cell r="C3453">
            <v>1.0684</v>
          </cell>
          <cell r="AT3453">
            <v>2007</v>
          </cell>
          <cell r="AU3453">
            <v>6</v>
          </cell>
        </row>
        <row r="3454">
          <cell r="C3454">
            <v>1.0679000000000001</v>
          </cell>
          <cell r="AT3454">
            <v>2007</v>
          </cell>
          <cell r="AU3454">
            <v>6</v>
          </cell>
        </row>
        <row r="3455">
          <cell r="C3455">
            <v>1.0679000000000001</v>
          </cell>
          <cell r="AT3455">
            <v>2007</v>
          </cell>
          <cell r="AU3455">
            <v>6</v>
          </cell>
        </row>
        <row r="3456">
          <cell r="C3456">
            <v>1.0679000000000001</v>
          </cell>
          <cell r="AT3456">
            <v>2007</v>
          </cell>
          <cell r="AU3456">
            <v>6</v>
          </cell>
        </row>
        <row r="3457">
          <cell r="C3457">
            <v>1.0721000000000001</v>
          </cell>
          <cell r="AT3457">
            <v>2007</v>
          </cell>
          <cell r="AU3457">
            <v>6</v>
          </cell>
        </row>
        <row r="3458">
          <cell r="C3458">
            <v>1.0639000000000001</v>
          </cell>
          <cell r="AT3458">
            <v>2007</v>
          </cell>
          <cell r="AU3458">
            <v>6</v>
          </cell>
        </row>
        <row r="3459">
          <cell r="C3459">
            <v>1.0646</v>
          </cell>
          <cell r="AT3459">
            <v>2007</v>
          </cell>
          <cell r="AU3459">
            <v>6</v>
          </cell>
        </row>
        <row r="3460">
          <cell r="C3460">
            <v>1.073</v>
          </cell>
          <cell r="AT3460">
            <v>2007</v>
          </cell>
          <cell r="AU3460">
            <v>6</v>
          </cell>
        </row>
        <row r="3461">
          <cell r="C3461">
            <v>1.0676000000000001</v>
          </cell>
          <cell r="AT3461">
            <v>2007</v>
          </cell>
          <cell r="AU3461">
            <v>6</v>
          </cell>
        </row>
        <row r="3462">
          <cell r="C3462">
            <v>1.0676000000000001</v>
          </cell>
          <cell r="AT3462">
            <v>2007</v>
          </cell>
          <cell r="AU3462">
            <v>6</v>
          </cell>
        </row>
        <row r="3463">
          <cell r="C3463">
            <v>1.0676000000000001</v>
          </cell>
          <cell r="AT3463">
            <v>2007</v>
          </cell>
          <cell r="AU3463">
            <v>6</v>
          </cell>
        </row>
        <row r="3464">
          <cell r="C3464">
            <v>1.0712999999999999</v>
          </cell>
          <cell r="AT3464">
            <v>2007</v>
          </cell>
          <cell r="AU3464">
            <v>6</v>
          </cell>
        </row>
        <row r="3465">
          <cell r="C3465">
            <v>1.0692999999999999</v>
          </cell>
          <cell r="AT3465">
            <v>2007</v>
          </cell>
          <cell r="AU3465">
            <v>6</v>
          </cell>
        </row>
        <row r="3466">
          <cell r="C3466">
            <v>1.0716000000000001</v>
          </cell>
          <cell r="AT3466">
            <v>2007</v>
          </cell>
          <cell r="AU3466">
            <v>6</v>
          </cell>
        </row>
        <row r="3467">
          <cell r="C3467">
            <v>1.0627</v>
          </cell>
          <cell r="AT3467">
            <v>2007</v>
          </cell>
          <cell r="AU3467">
            <v>6</v>
          </cell>
        </row>
        <row r="3468">
          <cell r="C3468">
            <v>1.0633999999999999</v>
          </cell>
          <cell r="AT3468">
            <v>2007</v>
          </cell>
          <cell r="AU3468">
            <v>6</v>
          </cell>
        </row>
        <row r="3469">
          <cell r="C3469">
            <v>1.0633999999999999</v>
          </cell>
          <cell r="AT3469">
            <v>2007</v>
          </cell>
          <cell r="AU3469">
            <v>7</v>
          </cell>
        </row>
        <row r="3470">
          <cell r="C3470">
            <v>1.0633999999999999</v>
          </cell>
          <cell r="AT3470">
            <v>2007</v>
          </cell>
          <cell r="AU3470">
            <v>7</v>
          </cell>
        </row>
        <row r="3471">
          <cell r="C3471">
            <v>1.0633999999999999</v>
          </cell>
          <cell r="AT3471">
            <v>2007</v>
          </cell>
          <cell r="AU3471">
            <v>7</v>
          </cell>
        </row>
        <row r="3472">
          <cell r="C3472">
            <v>1.0596000000000001</v>
          </cell>
          <cell r="AT3472">
            <v>2007</v>
          </cell>
          <cell r="AU3472">
            <v>7</v>
          </cell>
        </row>
        <row r="3473">
          <cell r="C3473">
            <v>1.0596000000000001</v>
          </cell>
          <cell r="AT3473">
            <v>2007</v>
          </cell>
          <cell r="AU3473">
            <v>7</v>
          </cell>
        </row>
        <row r="3474">
          <cell r="C3474">
            <v>1.0566</v>
          </cell>
          <cell r="AT3474">
            <v>2007</v>
          </cell>
          <cell r="AU3474">
            <v>7</v>
          </cell>
        </row>
        <row r="3475">
          <cell r="C3475">
            <v>1.048</v>
          </cell>
          <cell r="AT3475">
            <v>2007</v>
          </cell>
          <cell r="AU3475">
            <v>7</v>
          </cell>
        </row>
        <row r="3476">
          <cell r="C3476">
            <v>1.048</v>
          </cell>
          <cell r="AT3476">
            <v>2007</v>
          </cell>
          <cell r="AU3476">
            <v>7</v>
          </cell>
        </row>
        <row r="3477">
          <cell r="C3477">
            <v>1.048</v>
          </cell>
          <cell r="AT3477">
            <v>2007</v>
          </cell>
          <cell r="AU3477">
            <v>7</v>
          </cell>
        </row>
        <row r="3478">
          <cell r="C3478">
            <v>1.0479000000000001</v>
          </cell>
          <cell r="AT3478">
            <v>2007</v>
          </cell>
          <cell r="AU3478">
            <v>7</v>
          </cell>
        </row>
        <row r="3479">
          <cell r="C3479">
            <v>1.0521</v>
          </cell>
          <cell r="AT3479">
            <v>2007</v>
          </cell>
          <cell r="AU3479">
            <v>7</v>
          </cell>
        </row>
        <row r="3480">
          <cell r="C3480">
            <v>1.0558000000000001</v>
          </cell>
          <cell r="AT3480">
            <v>2007</v>
          </cell>
          <cell r="AU3480">
            <v>7</v>
          </cell>
        </row>
        <row r="3481">
          <cell r="C3481">
            <v>1.0468999999999999</v>
          </cell>
          <cell r="AT3481">
            <v>2007</v>
          </cell>
          <cell r="AU3481">
            <v>7</v>
          </cell>
        </row>
        <row r="3482">
          <cell r="C3482">
            <v>1.0477000000000001</v>
          </cell>
          <cell r="AT3482">
            <v>2007</v>
          </cell>
          <cell r="AU3482">
            <v>7</v>
          </cell>
        </row>
        <row r="3483">
          <cell r="C3483">
            <v>1.0477000000000001</v>
          </cell>
          <cell r="AT3483">
            <v>2007</v>
          </cell>
          <cell r="AU3483">
            <v>7</v>
          </cell>
        </row>
        <row r="3484">
          <cell r="C3484">
            <v>1.0477000000000001</v>
          </cell>
          <cell r="AT3484">
            <v>2007</v>
          </cell>
          <cell r="AU3484">
            <v>7</v>
          </cell>
        </row>
        <row r="3485">
          <cell r="C3485">
            <v>1.0429999999999999</v>
          </cell>
          <cell r="AT3485">
            <v>2007</v>
          </cell>
          <cell r="AU3485">
            <v>7</v>
          </cell>
        </row>
        <row r="3486">
          <cell r="C3486">
            <v>1.0436000000000001</v>
          </cell>
          <cell r="AT3486">
            <v>2007</v>
          </cell>
          <cell r="AU3486">
            <v>7</v>
          </cell>
        </row>
        <row r="3487">
          <cell r="C3487">
            <v>1.0437000000000001</v>
          </cell>
          <cell r="AT3487">
            <v>2007</v>
          </cell>
          <cell r="AU3487">
            <v>7</v>
          </cell>
        </row>
        <row r="3488">
          <cell r="C3488">
            <v>1.0426</v>
          </cell>
          <cell r="AT3488">
            <v>2007</v>
          </cell>
          <cell r="AU3488">
            <v>7</v>
          </cell>
        </row>
        <row r="3489">
          <cell r="C3489">
            <v>1.044</v>
          </cell>
          <cell r="AT3489">
            <v>2007</v>
          </cell>
          <cell r="AU3489">
            <v>7</v>
          </cell>
        </row>
        <row r="3490">
          <cell r="C3490">
            <v>1.044</v>
          </cell>
          <cell r="AT3490">
            <v>2007</v>
          </cell>
          <cell r="AU3490">
            <v>7</v>
          </cell>
        </row>
        <row r="3491">
          <cell r="C3491">
            <v>1.044</v>
          </cell>
          <cell r="AT3491">
            <v>2007</v>
          </cell>
          <cell r="AU3491">
            <v>7</v>
          </cell>
        </row>
        <row r="3492">
          <cell r="C3492">
            <v>1.0450999999999999</v>
          </cell>
          <cell r="AT3492">
            <v>2007</v>
          </cell>
          <cell r="AU3492">
            <v>7</v>
          </cell>
        </row>
        <row r="3493">
          <cell r="C3493">
            <v>1.0371999999999999</v>
          </cell>
          <cell r="AT3493">
            <v>2007</v>
          </cell>
          <cell r="AU3493">
            <v>7</v>
          </cell>
        </row>
        <row r="3494">
          <cell r="C3494">
            <v>1.0425</v>
          </cell>
          <cell r="AT3494">
            <v>2007</v>
          </cell>
          <cell r="AU3494">
            <v>7</v>
          </cell>
        </row>
        <row r="3495">
          <cell r="C3495">
            <v>1.0505</v>
          </cell>
          <cell r="AT3495">
            <v>2007</v>
          </cell>
          <cell r="AU3495">
            <v>7</v>
          </cell>
        </row>
        <row r="3496">
          <cell r="C3496">
            <v>1.0589999999999999</v>
          </cell>
          <cell r="AT3496">
            <v>2007</v>
          </cell>
          <cell r="AU3496">
            <v>7</v>
          </cell>
        </row>
        <row r="3497">
          <cell r="C3497">
            <v>1.0589999999999999</v>
          </cell>
          <cell r="AT3497">
            <v>2007</v>
          </cell>
          <cell r="AU3497">
            <v>7</v>
          </cell>
        </row>
        <row r="3498">
          <cell r="C3498">
            <v>1.0589999999999999</v>
          </cell>
          <cell r="AT3498">
            <v>2007</v>
          </cell>
          <cell r="AU3498">
            <v>7</v>
          </cell>
        </row>
        <row r="3499">
          <cell r="C3499">
            <v>1.0686</v>
          </cell>
          <cell r="AT3499">
            <v>2007</v>
          </cell>
          <cell r="AU3499">
            <v>7</v>
          </cell>
        </row>
        <row r="3500">
          <cell r="C3500">
            <v>1.0657000000000001</v>
          </cell>
          <cell r="AT3500">
            <v>2007</v>
          </cell>
          <cell r="AU3500">
            <v>8</v>
          </cell>
        </row>
        <row r="3501">
          <cell r="C3501">
            <v>1.0569</v>
          </cell>
          <cell r="AT3501">
            <v>2007</v>
          </cell>
          <cell r="AU3501">
            <v>8</v>
          </cell>
        </row>
        <row r="3502">
          <cell r="C3502">
            <v>1.0527</v>
          </cell>
          <cell r="AT3502">
            <v>2007</v>
          </cell>
          <cell r="AU3502">
            <v>8</v>
          </cell>
        </row>
        <row r="3503">
          <cell r="C3503">
            <v>1.0528</v>
          </cell>
          <cell r="AT3503">
            <v>2007</v>
          </cell>
          <cell r="AU3503">
            <v>8</v>
          </cell>
        </row>
        <row r="3504">
          <cell r="C3504">
            <v>1.0528</v>
          </cell>
          <cell r="AT3504">
            <v>2007</v>
          </cell>
          <cell r="AU3504">
            <v>8</v>
          </cell>
        </row>
        <row r="3505">
          <cell r="C3505">
            <v>1.0528</v>
          </cell>
          <cell r="AT3505">
            <v>2007</v>
          </cell>
          <cell r="AU3505">
            <v>8</v>
          </cell>
        </row>
        <row r="3506">
          <cell r="C3506">
            <v>1.0528</v>
          </cell>
          <cell r="AT3506">
            <v>2007</v>
          </cell>
          <cell r="AU3506">
            <v>8</v>
          </cell>
        </row>
        <row r="3507">
          <cell r="C3507">
            <v>1.0552999999999999</v>
          </cell>
          <cell r="AT3507">
            <v>2007</v>
          </cell>
          <cell r="AU3507">
            <v>8</v>
          </cell>
        </row>
        <row r="3508">
          <cell r="C3508">
            <v>1.0499000000000001</v>
          </cell>
          <cell r="AT3508">
            <v>2007</v>
          </cell>
          <cell r="AU3508">
            <v>8</v>
          </cell>
        </row>
        <row r="3509">
          <cell r="C3509">
            <v>1.0565</v>
          </cell>
          <cell r="AT3509">
            <v>2007</v>
          </cell>
          <cell r="AU3509">
            <v>8</v>
          </cell>
        </row>
        <row r="3510">
          <cell r="C3510">
            <v>1.0536000000000001</v>
          </cell>
          <cell r="AT3510">
            <v>2007</v>
          </cell>
          <cell r="AU3510">
            <v>8</v>
          </cell>
        </row>
        <row r="3511">
          <cell r="C3511">
            <v>1.0536000000000001</v>
          </cell>
          <cell r="AT3511">
            <v>2007</v>
          </cell>
          <cell r="AU3511">
            <v>8</v>
          </cell>
        </row>
        <row r="3512">
          <cell r="C3512">
            <v>1.0536000000000001</v>
          </cell>
          <cell r="AT3512">
            <v>2007</v>
          </cell>
          <cell r="AU3512">
            <v>8</v>
          </cell>
        </row>
        <row r="3513">
          <cell r="C3513">
            <v>1.0508999999999999</v>
          </cell>
          <cell r="AT3513">
            <v>2007</v>
          </cell>
          <cell r="AU3513">
            <v>8</v>
          </cell>
        </row>
        <row r="3514">
          <cell r="C3514">
            <v>1.0636000000000001</v>
          </cell>
          <cell r="AT3514">
            <v>2007</v>
          </cell>
          <cell r="AU3514">
            <v>8</v>
          </cell>
        </row>
        <row r="3515">
          <cell r="C3515">
            <v>1.0746</v>
          </cell>
          <cell r="AT3515">
            <v>2007</v>
          </cell>
          <cell r="AU3515">
            <v>8</v>
          </cell>
        </row>
        <row r="3516">
          <cell r="C3516">
            <v>1.0754999999999999</v>
          </cell>
          <cell r="AT3516">
            <v>2007</v>
          </cell>
          <cell r="AU3516">
            <v>8</v>
          </cell>
        </row>
        <row r="3517">
          <cell r="C3517">
            <v>1.0634999999999999</v>
          </cell>
          <cell r="AT3517">
            <v>2007</v>
          </cell>
          <cell r="AU3517">
            <v>8</v>
          </cell>
        </row>
        <row r="3518">
          <cell r="C3518">
            <v>1.0634999999999999</v>
          </cell>
          <cell r="AT3518">
            <v>2007</v>
          </cell>
          <cell r="AU3518">
            <v>8</v>
          </cell>
        </row>
        <row r="3519">
          <cell r="C3519">
            <v>1.0634999999999999</v>
          </cell>
          <cell r="AT3519">
            <v>2007</v>
          </cell>
          <cell r="AU3519">
            <v>8</v>
          </cell>
        </row>
        <row r="3520">
          <cell r="C3520">
            <v>1.0582</v>
          </cell>
          <cell r="AT3520">
            <v>2007</v>
          </cell>
          <cell r="AU3520">
            <v>8</v>
          </cell>
        </row>
        <row r="3521">
          <cell r="C3521">
            <v>1.0601</v>
          </cell>
          <cell r="AT3521">
            <v>2007</v>
          </cell>
          <cell r="AU3521">
            <v>8</v>
          </cell>
        </row>
        <row r="3522">
          <cell r="C3522">
            <v>1.0621</v>
          </cell>
          <cell r="AT3522">
            <v>2007</v>
          </cell>
          <cell r="AU3522">
            <v>8</v>
          </cell>
        </row>
        <row r="3523">
          <cell r="C3523">
            <v>1.0568</v>
          </cell>
          <cell r="AT3523">
            <v>2007</v>
          </cell>
          <cell r="AU3523">
            <v>8</v>
          </cell>
        </row>
        <row r="3524">
          <cell r="C3524">
            <v>1.0525</v>
          </cell>
          <cell r="AT3524">
            <v>2007</v>
          </cell>
          <cell r="AU3524">
            <v>8</v>
          </cell>
        </row>
        <row r="3525">
          <cell r="C3525">
            <v>1.0525</v>
          </cell>
          <cell r="AT3525">
            <v>2007</v>
          </cell>
          <cell r="AU3525">
            <v>8</v>
          </cell>
        </row>
        <row r="3526">
          <cell r="C3526">
            <v>1.0525</v>
          </cell>
          <cell r="AT3526">
            <v>2007</v>
          </cell>
          <cell r="AU3526">
            <v>8</v>
          </cell>
        </row>
        <row r="3527">
          <cell r="C3527">
            <v>1.0516000000000001</v>
          </cell>
          <cell r="AT3527">
            <v>2007</v>
          </cell>
          <cell r="AU3527">
            <v>8</v>
          </cell>
        </row>
        <row r="3528">
          <cell r="C3528">
            <v>1.0615000000000001</v>
          </cell>
          <cell r="AT3528">
            <v>2007</v>
          </cell>
          <cell r="AU3528">
            <v>8</v>
          </cell>
        </row>
        <row r="3529">
          <cell r="C3529">
            <v>1.0591999999999999</v>
          </cell>
          <cell r="AT3529">
            <v>2007</v>
          </cell>
          <cell r="AU3529">
            <v>8</v>
          </cell>
        </row>
        <row r="3530">
          <cell r="C3530">
            <v>1.0567</v>
          </cell>
          <cell r="AT3530">
            <v>2007</v>
          </cell>
          <cell r="AU3530">
            <v>8</v>
          </cell>
        </row>
        <row r="3531">
          <cell r="C3531">
            <v>1.0564</v>
          </cell>
          <cell r="AT3531">
            <v>2007</v>
          </cell>
          <cell r="AU3531">
            <v>9</v>
          </cell>
        </row>
        <row r="3532">
          <cell r="C3532">
            <v>1.0564</v>
          </cell>
          <cell r="AT3532">
            <v>2007</v>
          </cell>
          <cell r="AU3532">
            <v>9</v>
          </cell>
        </row>
        <row r="3533">
          <cell r="C3533">
            <v>1.0564</v>
          </cell>
          <cell r="AT3533">
            <v>2007</v>
          </cell>
          <cell r="AU3533">
            <v>9</v>
          </cell>
        </row>
        <row r="3534">
          <cell r="C3534">
            <v>1.0564</v>
          </cell>
          <cell r="AT3534">
            <v>2007</v>
          </cell>
          <cell r="AU3534">
            <v>9</v>
          </cell>
        </row>
        <row r="3535">
          <cell r="C3535">
            <v>1.0496000000000001</v>
          </cell>
          <cell r="AT3535">
            <v>2007</v>
          </cell>
          <cell r="AU3535">
            <v>9</v>
          </cell>
        </row>
        <row r="3536">
          <cell r="C3536">
            <v>1.0508</v>
          </cell>
          <cell r="AT3536">
            <v>2007</v>
          </cell>
          <cell r="AU3536">
            <v>9</v>
          </cell>
        </row>
        <row r="3537">
          <cell r="C3537">
            <v>1.0532999999999999</v>
          </cell>
          <cell r="AT3537">
            <v>2007</v>
          </cell>
          <cell r="AU3537">
            <v>9</v>
          </cell>
        </row>
        <row r="3538">
          <cell r="C3538">
            <v>1.0546</v>
          </cell>
          <cell r="AT3538">
            <v>2007</v>
          </cell>
          <cell r="AU3538">
            <v>9</v>
          </cell>
        </row>
        <row r="3539">
          <cell r="C3539">
            <v>1.0546</v>
          </cell>
          <cell r="AT3539">
            <v>2007</v>
          </cell>
          <cell r="AU3539">
            <v>9</v>
          </cell>
        </row>
        <row r="3540">
          <cell r="C3540">
            <v>1.0546</v>
          </cell>
          <cell r="AT3540">
            <v>2007</v>
          </cell>
          <cell r="AU3540">
            <v>9</v>
          </cell>
        </row>
        <row r="3541">
          <cell r="C3541">
            <v>1.0532999999999999</v>
          </cell>
          <cell r="AT3541">
            <v>2007</v>
          </cell>
          <cell r="AU3541">
            <v>9</v>
          </cell>
        </row>
        <row r="3542">
          <cell r="C3542">
            <v>1.0430999999999999</v>
          </cell>
          <cell r="AT3542">
            <v>2007</v>
          </cell>
          <cell r="AU3542">
            <v>9</v>
          </cell>
        </row>
        <row r="3543">
          <cell r="C3543">
            <v>1.0370999999999999</v>
          </cell>
          <cell r="AT3543">
            <v>2007</v>
          </cell>
          <cell r="AU3543">
            <v>9</v>
          </cell>
        </row>
        <row r="3544">
          <cell r="C3544">
            <v>1.0326</v>
          </cell>
          <cell r="AT3544">
            <v>2007</v>
          </cell>
          <cell r="AU3544">
            <v>9</v>
          </cell>
        </row>
        <row r="3545">
          <cell r="C3545">
            <v>1.0293000000000001</v>
          </cell>
          <cell r="AT3545">
            <v>2007</v>
          </cell>
          <cell r="AU3545">
            <v>9</v>
          </cell>
        </row>
        <row r="3546">
          <cell r="C3546">
            <v>1.0293000000000001</v>
          </cell>
          <cell r="AT3546">
            <v>2007</v>
          </cell>
          <cell r="AU3546">
            <v>9</v>
          </cell>
        </row>
        <row r="3547">
          <cell r="C3547">
            <v>1.0293000000000001</v>
          </cell>
          <cell r="AT3547">
            <v>2007</v>
          </cell>
          <cell r="AU3547">
            <v>9</v>
          </cell>
        </row>
        <row r="3548">
          <cell r="C3548">
            <v>1.0307999999999999</v>
          </cell>
          <cell r="AT3548">
            <v>2007</v>
          </cell>
          <cell r="AU3548">
            <v>9</v>
          </cell>
        </row>
        <row r="3549">
          <cell r="C3549">
            <v>1.0236000000000001</v>
          </cell>
          <cell r="AT3549">
            <v>2007</v>
          </cell>
          <cell r="AU3549">
            <v>9</v>
          </cell>
        </row>
        <row r="3550">
          <cell r="C3550">
            <v>1.0146999999999999</v>
          </cell>
          <cell r="AT3550">
            <v>2007</v>
          </cell>
          <cell r="AU3550">
            <v>9</v>
          </cell>
        </row>
        <row r="3551">
          <cell r="C3551">
            <v>1.0016</v>
          </cell>
          <cell r="AT3551">
            <v>2007</v>
          </cell>
          <cell r="AU3551">
            <v>9</v>
          </cell>
        </row>
        <row r="3552">
          <cell r="C3552">
            <v>1.0008999999999999</v>
          </cell>
          <cell r="AT3552">
            <v>2007</v>
          </cell>
          <cell r="AU3552">
            <v>9</v>
          </cell>
        </row>
        <row r="3553">
          <cell r="C3553">
            <v>1.0008999999999999</v>
          </cell>
          <cell r="AT3553">
            <v>2007</v>
          </cell>
          <cell r="AU3553">
            <v>9</v>
          </cell>
        </row>
        <row r="3554">
          <cell r="C3554">
            <v>1.0008999999999999</v>
          </cell>
          <cell r="AT3554">
            <v>2007</v>
          </cell>
          <cell r="AU3554">
            <v>9</v>
          </cell>
        </row>
        <row r="3555">
          <cell r="C3555">
            <v>1.0012000000000001</v>
          </cell>
          <cell r="AT3555">
            <v>2007</v>
          </cell>
          <cell r="AU3555">
            <v>9</v>
          </cell>
        </row>
        <row r="3556">
          <cell r="C3556">
            <v>1.0009999999999999</v>
          </cell>
          <cell r="AT3556">
            <v>2007</v>
          </cell>
          <cell r="AU3556">
            <v>9</v>
          </cell>
        </row>
        <row r="3557">
          <cell r="C3557">
            <v>1.0047999999999999</v>
          </cell>
          <cell r="AT3557">
            <v>2007</v>
          </cell>
          <cell r="AU3557">
            <v>9</v>
          </cell>
        </row>
        <row r="3558">
          <cell r="C3558">
            <v>1.0031000000000001</v>
          </cell>
          <cell r="AT3558">
            <v>2007</v>
          </cell>
          <cell r="AU3558">
            <v>9</v>
          </cell>
        </row>
        <row r="3559">
          <cell r="C3559">
            <v>0.99629999999999996</v>
          </cell>
          <cell r="AT3559">
            <v>2007</v>
          </cell>
          <cell r="AU3559">
            <v>9</v>
          </cell>
        </row>
        <row r="3560">
          <cell r="C3560">
            <v>0.99629999999999996</v>
          </cell>
          <cell r="AT3560">
            <v>2007</v>
          </cell>
          <cell r="AU3560">
            <v>9</v>
          </cell>
        </row>
        <row r="3561">
          <cell r="C3561">
            <v>0.99629999999999996</v>
          </cell>
          <cell r="AT3561">
            <v>2007</v>
          </cell>
          <cell r="AU3561">
            <v>10</v>
          </cell>
        </row>
        <row r="3562">
          <cell r="C3562">
            <v>0.99309999999999998</v>
          </cell>
          <cell r="AT3562">
            <v>2007</v>
          </cell>
          <cell r="AU3562">
            <v>10</v>
          </cell>
        </row>
        <row r="3563">
          <cell r="C3563">
            <v>1.0004</v>
          </cell>
          <cell r="AT3563">
            <v>2007</v>
          </cell>
          <cell r="AU3563">
            <v>10</v>
          </cell>
        </row>
        <row r="3564">
          <cell r="C3564">
            <v>0.99609999999999999</v>
          </cell>
          <cell r="AT3564">
            <v>2007</v>
          </cell>
          <cell r="AU3564">
            <v>10</v>
          </cell>
        </row>
        <row r="3565">
          <cell r="C3565">
            <v>0.99829999999999997</v>
          </cell>
          <cell r="AT3565">
            <v>2007</v>
          </cell>
          <cell r="AU3565">
            <v>10</v>
          </cell>
        </row>
        <row r="3566">
          <cell r="C3566">
            <v>0.98119999999999996</v>
          </cell>
          <cell r="AT3566">
            <v>2007</v>
          </cell>
          <cell r="AU3566">
            <v>10</v>
          </cell>
        </row>
        <row r="3567">
          <cell r="C3567">
            <v>0.98119999999999996</v>
          </cell>
          <cell r="AT3567">
            <v>2007</v>
          </cell>
          <cell r="AU3567">
            <v>10</v>
          </cell>
        </row>
        <row r="3568">
          <cell r="C3568">
            <v>0.98119999999999996</v>
          </cell>
          <cell r="AT3568">
            <v>2007</v>
          </cell>
          <cell r="AU3568">
            <v>10</v>
          </cell>
        </row>
        <row r="3569">
          <cell r="C3569">
            <v>0.98119999999999996</v>
          </cell>
          <cell r="AT3569">
            <v>2007</v>
          </cell>
          <cell r="AU3569">
            <v>10</v>
          </cell>
        </row>
        <row r="3570">
          <cell r="C3570">
            <v>0.98460000000000003</v>
          </cell>
          <cell r="AT3570">
            <v>2007</v>
          </cell>
          <cell r="AU3570">
            <v>10</v>
          </cell>
        </row>
        <row r="3571">
          <cell r="C3571">
            <v>0.98140000000000005</v>
          </cell>
          <cell r="AT3571">
            <v>2007</v>
          </cell>
          <cell r="AU3571">
            <v>10</v>
          </cell>
        </row>
        <row r="3572">
          <cell r="C3572">
            <v>0.97430000000000005</v>
          </cell>
          <cell r="AT3572">
            <v>2007</v>
          </cell>
          <cell r="AU3572">
            <v>10</v>
          </cell>
        </row>
        <row r="3573">
          <cell r="C3573">
            <v>0.97389999999999999</v>
          </cell>
          <cell r="AT3573">
            <v>2007</v>
          </cell>
          <cell r="AU3573">
            <v>10</v>
          </cell>
        </row>
        <row r="3574">
          <cell r="C3574">
            <v>0.97389999999999999</v>
          </cell>
          <cell r="AT3574">
            <v>2007</v>
          </cell>
          <cell r="AU3574">
            <v>10</v>
          </cell>
        </row>
        <row r="3575">
          <cell r="C3575">
            <v>0.97389999999999999</v>
          </cell>
          <cell r="AT3575">
            <v>2007</v>
          </cell>
          <cell r="AU3575">
            <v>10</v>
          </cell>
        </row>
        <row r="3576">
          <cell r="C3576">
            <v>0.9758</v>
          </cell>
          <cell r="AT3576">
            <v>2007</v>
          </cell>
          <cell r="AU3576">
            <v>10</v>
          </cell>
        </row>
        <row r="3577">
          <cell r="C3577">
            <v>0.97789999999999999</v>
          </cell>
          <cell r="AT3577">
            <v>2007</v>
          </cell>
          <cell r="AU3577">
            <v>10</v>
          </cell>
        </row>
        <row r="3578">
          <cell r="C3578">
            <v>0.97370000000000001</v>
          </cell>
          <cell r="AT3578">
            <v>2007</v>
          </cell>
          <cell r="AU3578">
            <v>10</v>
          </cell>
        </row>
        <row r="3579">
          <cell r="C3579">
            <v>0.97340000000000004</v>
          </cell>
          <cell r="AT3579">
            <v>2007</v>
          </cell>
          <cell r="AU3579">
            <v>10</v>
          </cell>
        </row>
        <row r="3580">
          <cell r="C3580">
            <v>0.96379999999999999</v>
          </cell>
          <cell r="AT3580">
            <v>2007</v>
          </cell>
          <cell r="AU3580">
            <v>10</v>
          </cell>
        </row>
        <row r="3581">
          <cell r="C3581">
            <v>0.96379999999999999</v>
          </cell>
          <cell r="AT3581">
            <v>2007</v>
          </cell>
          <cell r="AU3581">
            <v>10</v>
          </cell>
        </row>
        <row r="3582">
          <cell r="C3582">
            <v>0.96379999999999999</v>
          </cell>
          <cell r="AT3582">
            <v>2007</v>
          </cell>
          <cell r="AU3582">
            <v>10</v>
          </cell>
        </row>
        <row r="3583">
          <cell r="C3583">
            <v>0.98109999999999997</v>
          </cell>
          <cell r="AT3583">
            <v>2007</v>
          </cell>
          <cell r="AU3583">
            <v>10</v>
          </cell>
        </row>
        <row r="3584">
          <cell r="C3584">
            <v>0.96740000000000004</v>
          </cell>
          <cell r="AT3584">
            <v>2007</v>
          </cell>
          <cell r="AU3584">
            <v>10</v>
          </cell>
        </row>
        <row r="3585">
          <cell r="C3585">
            <v>0.97119999999999995</v>
          </cell>
          <cell r="AT3585">
            <v>2007</v>
          </cell>
          <cell r="AU3585">
            <v>10</v>
          </cell>
        </row>
        <row r="3586">
          <cell r="C3586">
            <v>0.96740000000000004</v>
          </cell>
          <cell r="AT3586">
            <v>2007</v>
          </cell>
          <cell r="AU3586">
            <v>10</v>
          </cell>
        </row>
        <row r="3587">
          <cell r="C3587">
            <v>0.96189999999999998</v>
          </cell>
          <cell r="AT3587">
            <v>2007</v>
          </cell>
          <cell r="AU3587">
            <v>10</v>
          </cell>
        </row>
        <row r="3588">
          <cell r="C3588">
            <v>0.96189999999999998</v>
          </cell>
          <cell r="AT3588">
            <v>2007</v>
          </cell>
          <cell r="AU3588">
            <v>10</v>
          </cell>
        </row>
        <row r="3589">
          <cell r="C3589">
            <v>0.96189999999999998</v>
          </cell>
          <cell r="AT3589">
            <v>2007</v>
          </cell>
          <cell r="AU3589">
            <v>10</v>
          </cell>
        </row>
        <row r="3590">
          <cell r="C3590">
            <v>0.95479999999999998</v>
          </cell>
          <cell r="AT3590">
            <v>2007</v>
          </cell>
          <cell r="AU3590">
            <v>10</v>
          </cell>
        </row>
        <row r="3591">
          <cell r="C3591">
            <v>0.95350000000000001</v>
          </cell>
          <cell r="AT3591">
            <v>2007</v>
          </cell>
          <cell r="AU3591">
            <v>10</v>
          </cell>
        </row>
        <row r="3592">
          <cell r="C3592">
            <v>0.94989999999999997</v>
          </cell>
          <cell r="AT3592">
            <v>2007</v>
          </cell>
          <cell r="AU3592">
            <v>11</v>
          </cell>
        </row>
        <row r="3593">
          <cell r="C3593">
            <v>0.94989999999999997</v>
          </cell>
          <cell r="AT3593">
            <v>2007</v>
          </cell>
          <cell r="AU3593">
            <v>11</v>
          </cell>
        </row>
        <row r="3594">
          <cell r="C3594">
            <v>0.93589999999999995</v>
          </cell>
          <cell r="AT3594">
            <v>2007</v>
          </cell>
          <cell r="AU3594">
            <v>11</v>
          </cell>
        </row>
        <row r="3595">
          <cell r="C3595">
            <v>0.93589999999999995</v>
          </cell>
          <cell r="AT3595">
            <v>2007</v>
          </cell>
          <cell r="AU3595">
            <v>11</v>
          </cell>
        </row>
        <row r="3596">
          <cell r="C3596">
            <v>0.93589999999999995</v>
          </cell>
          <cell r="AT3596">
            <v>2007</v>
          </cell>
          <cell r="AU3596">
            <v>11</v>
          </cell>
        </row>
        <row r="3597">
          <cell r="C3597">
            <v>0.93389999999999995</v>
          </cell>
          <cell r="AT3597">
            <v>2007</v>
          </cell>
          <cell r="AU3597">
            <v>11</v>
          </cell>
        </row>
        <row r="3598">
          <cell r="C3598">
            <v>0.92449999999999999</v>
          </cell>
          <cell r="AT3598">
            <v>2007</v>
          </cell>
          <cell r="AU3598">
            <v>11</v>
          </cell>
        </row>
        <row r="3599">
          <cell r="C3599">
            <v>0.91700000000000004</v>
          </cell>
          <cell r="AT3599">
            <v>2007</v>
          </cell>
          <cell r="AU3599">
            <v>11</v>
          </cell>
        </row>
        <row r="3600">
          <cell r="C3600">
            <v>0.93059999999999998</v>
          </cell>
          <cell r="AT3600">
            <v>2007</v>
          </cell>
          <cell r="AU3600">
            <v>11</v>
          </cell>
        </row>
        <row r="3601">
          <cell r="C3601">
            <v>0.93910000000000005</v>
          </cell>
          <cell r="AT3601">
            <v>2007</v>
          </cell>
          <cell r="AU3601">
            <v>11</v>
          </cell>
        </row>
        <row r="3602">
          <cell r="C3602">
            <v>0.93910000000000005</v>
          </cell>
          <cell r="AT3602">
            <v>2007</v>
          </cell>
          <cell r="AU3602">
            <v>11</v>
          </cell>
        </row>
        <row r="3603">
          <cell r="C3603">
            <v>0.93910000000000005</v>
          </cell>
          <cell r="AT3603">
            <v>2007</v>
          </cell>
          <cell r="AU3603">
            <v>11</v>
          </cell>
        </row>
        <row r="3604">
          <cell r="C3604">
            <v>0.93910000000000005</v>
          </cell>
          <cell r="AT3604">
            <v>2007</v>
          </cell>
          <cell r="AU3604">
            <v>11</v>
          </cell>
        </row>
        <row r="3605">
          <cell r="C3605">
            <v>0.96430000000000005</v>
          </cell>
          <cell r="AT3605">
            <v>2007</v>
          </cell>
          <cell r="AU3605">
            <v>11</v>
          </cell>
        </row>
        <row r="3606">
          <cell r="C3606">
            <v>0.9607</v>
          </cell>
          <cell r="AT3606">
            <v>2007</v>
          </cell>
          <cell r="AU3606">
            <v>11</v>
          </cell>
        </row>
        <row r="3607">
          <cell r="C3607">
            <v>0.98080000000000001</v>
          </cell>
          <cell r="AT3607">
            <v>2007</v>
          </cell>
          <cell r="AU3607">
            <v>11</v>
          </cell>
        </row>
        <row r="3608">
          <cell r="C3608">
            <v>0.97289999999999999</v>
          </cell>
          <cell r="AT3608">
            <v>2007</v>
          </cell>
          <cell r="AU3608">
            <v>11</v>
          </cell>
        </row>
        <row r="3609">
          <cell r="C3609">
            <v>0.97289999999999999</v>
          </cell>
          <cell r="AT3609">
            <v>2007</v>
          </cell>
          <cell r="AU3609">
            <v>11</v>
          </cell>
        </row>
        <row r="3610">
          <cell r="C3610">
            <v>0.97289999999999999</v>
          </cell>
          <cell r="AT3610">
            <v>2007</v>
          </cell>
          <cell r="AU3610">
            <v>11</v>
          </cell>
        </row>
        <row r="3611">
          <cell r="C3611">
            <v>0.98370000000000002</v>
          </cell>
          <cell r="AT3611">
            <v>2007</v>
          </cell>
          <cell r="AU3611">
            <v>11</v>
          </cell>
        </row>
        <row r="3612">
          <cell r="C3612">
            <v>0.98499999999999999</v>
          </cell>
          <cell r="AT3612">
            <v>2007</v>
          </cell>
          <cell r="AU3612">
            <v>11</v>
          </cell>
        </row>
        <row r="3613">
          <cell r="C3613">
            <v>0.98950000000000005</v>
          </cell>
          <cell r="AT3613">
            <v>2007</v>
          </cell>
          <cell r="AU3613">
            <v>11</v>
          </cell>
        </row>
        <row r="3614">
          <cell r="C3614">
            <v>0.98950000000000005</v>
          </cell>
          <cell r="AT3614">
            <v>2007</v>
          </cell>
          <cell r="AU3614">
            <v>11</v>
          </cell>
        </row>
        <row r="3615">
          <cell r="C3615">
            <v>0.98950000000000005</v>
          </cell>
          <cell r="AT3615">
            <v>2007</v>
          </cell>
          <cell r="AU3615">
            <v>11</v>
          </cell>
        </row>
        <row r="3616">
          <cell r="C3616">
            <v>0.98950000000000005</v>
          </cell>
          <cell r="AT3616">
            <v>2007</v>
          </cell>
          <cell r="AU3616">
            <v>11</v>
          </cell>
        </row>
        <row r="3617">
          <cell r="C3617">
            <v>0.98950000000000005</v>
          </cell>
          <cell r="AT3617">
            <v>2007</v>
          </cell>
          <cell r="AU3617">
            <v>11</v>
          </cell>
        </row>
        <row r="3618">
          <cell r="C3618">
            <v>0.98770000000000002</v>
          </cell>
          <cell r="AT3618">
            <v>2007</v>
          </cell>
          <cell r="AU3618">
            <v>11</v>
          </cell>
        </row>
        <row r="3619">
          <cell r="C3619">
            <v>0.99650000000000005</v>
          </cell>
          <cell r="AT3619">
            <v>2007</v>
          </cell>
          <cell r="AU3619">
            <v>11</v>
          </cell>
        </row>
        <row r="3620">
          <cell r="C3620">
            <v>0.99080000000000001</v>
          </cell>
          <cell r="AT3620">
            <v>2007</v>
          </cell>
          <cell r="AU3620">
            <v>11</v>
          </cell>
        </row>
        <row r="3621">
          <cell r="C3621">
            <v>0.9929</v>
          </cell>
          <cell r="AT3621">
            <v>2007</v>
          </cell>
          <cell r="AU3621">
            <v>11</v>
          </cell>
        </row>
        <row r="3622">
          <cell r="C3622">
            <v>1.0007999999999999</v>
          </cell>
          <cell r="AT3622">
            <v>2007</v>
          </cell>
          <cell r="AU3622">
            <v>12</v>
          </cell>
        </row>
        <row r="3623">
          <cell r="C3623">
            <v>1.0007999999999999</v>
          </cell>
          <cell r="AT3623">
            <v>2007</v>
          </cell>
          <cell r="AU3623">
            <v>12</v>
          </cell>
        </row>
        <row r="3624">
          <cell r="C3624">
            <v>1.0007999999999999</v>
          </cell>
          <cell r="AT3624">
            <v>2007</v>
          </cell>
          <cell r="AU3624">
            <v>12</v>
          </cell>
        </row>
        <row r="3625">
          <cell r="C3625">
            <v>1.0007999999999999</v>
          </cell>
          <cell r="AT3625">
            <v>2007</v>
          </cell>
          <cell r="AU3625">
            <v>12</v>
          </cell>
        </row>
        <row r="3626">
          <cell r="C3626">
            <v>1.0104</v>
          </cell>
          <cell r="AT3626">
            <v>2007</v>
          </cell>
          <cell r="AU3626">
            <v>12</v>
          </cell>
        </row>
        <row r="3627">
          <cell r="C3627">
            <v>1.0130999999999999</v>
          </cell>
          <cell r="AT3627">
            <v>2007</v>
          </cell>
          <cell r="AU3627">
            <v>12</v>
          </cell>
        </row>
        <row r="3628">
          <cell r="C3628">
            <v>1.0124</v>
          </cell>
          <cell r="AT3628">
            <v>2007</v>
          </cell>
          <cell r="AU3628">
            <v>12</v>
          </cell>
        </row>
        <row r="3629">
          <cell r="C3629">
            <v>1.0053000000000001</v>
          </cell>
          <cell r="AT3629">
            <v>2007</v>
          </cell>
          <cell r="AU3629">
            <v>12</v>
          </cell>
        </row>
        <row r="3630">
          <cell r="C3630">
            <v>1.0053000000000001</v>
          </cell>
          <cell r="AT3630">
            <v>2007</v>
          </cell>
          <cell r="AU3630">
            <v>12</v>
          </cell>
        </row>
        <row r="3631">
          <cell r="C3631">
            <v>1.0053000000000001</v>
          </cell>
          <cell r="AT3631">
            <v>2007</v>
          </cell>
          <cell r="AU3631">
            <v>12</v>
          </cell>
        </row>
        <row r="3632">
          <cell r="C3632">
            <v>1.0103</v>
          </cell>
          <cell r="AT3632">
            <v>2007</v>
          </cell>
          <cell r="AU3632">
            <v>12</v>
          </cell>
        </row>
        <row r="3633">
          <cell r="C3633">
            <v>1.0107999999999999</v>
          </cell>
          <cell r="AT3633">
            <v>2007</v>
          </cell>
          <cell r="AU3633">
            <v>12</v>
          </cell>
        </row>
        <row r="3634">
          <cell r="C3634">
            <v>1.0106999999999999</v>
          </cell>
          <cell r="AT3634">
            <v>2007</v>
          </cell>
          <cell r="AU3634">
            <v>12</v>
          </cell>
        </row>
        <row r="3635">
          <cell r="C3635">
            <v>1.0217000000000001</v>
          </cell>
          <cell r="AT3635">
            <v>2007</v>
          </cell>
          <cell r="AU3635">
            <v>12</v>
          </cell>
        </row>
        <row r="3636">
          <cell r="C3636">
            <v>1.0137</v>
          </cell>
          <cell r="AT3636">
            <v>2007</v>
          </cell>
          <cell r="AU3636">
            <v>12</v>
          </cell>
        </row>
        <row r="3637">
          <cell r="C3637">
            <v>1.0137</v>
          </cell>
          <cell r="AT3637">
            <v>2007</v>
          </cell>
          <cell r="AU3637">
            <v>12</v>
          </cell>
        </row>
        <row r="3638">
          <cell r="C3638">
            <v>1.0137</v>
          </cell>
          <cell r="AT3638">
            <v>2007</v>
          </cell>
          <cell r="AU3638">
            <v>12</v>
          </cell>
        </row>
        <row r="3639">
          <cell r="C3639">
            <v>1.0073000000000001</v>
          </cell>
          <cell r="AT3639">
            <v>2007</v>
          </cell>
          <cell r="AU3639">
            <v>12</v>
          </cell>
        </row>
        <row r="3640">
          <cell r="C3640">
            <v>1.0105</v>
          </cell>
          <cell r="AT3640">
            <v>2007</v>
          </cell>
          <cell r="AU3640">
            <v>12</v>
          </cell>
        </row>
        <row r="3641">
          <cell r="C3641">
            <v>1.0056</v>
          </cell>
          <cell r="AT3641">
            <v>2007</v>
          </cell>
          <cell r="AU3641">
            <v>12</v>
          </cell>
        </row>
        <row r="3642">
          <cell r="C3642">
            <v>0.99829999999999997</v>
          </cell>
          <cell r="AT3642">
            <v>2007</v>
          </cell>
          <cell r="AU3642">
            <v>12</v>
          </cell>
        </row>
        <row r="3643">
          <cell r="C3643">
            <v>0.99439999999999995</v>
          </cell>
          <cell r="AT3643">
            <v>2007</v>
          </cell>
          <cell r="AU3643">
            <v>12</v>
          </cell>
        </row>
        <row r="3644">
          <cell r="C3644">
            <v>0.99439999999999995</v>
          </cell>
          <cell r="AT3644">
            <v>2007</v>
          </cell>
          <cell r="AU3644">
            <v>12</v>
          </cell>
        </row>
        <row r="3645">
          <cell r="C3645">
            <v>0.99439999999999995</v>
          </cell>
          <cell r="AT3645">
            <v>2007</v>
          </cell>
          <cell r="AU3645">
            <v>12</v>
          </cell>
        </row>
        <row r="3646">
          <cell r="C3646">
            <v>0.99439999999999995</v>
          </cell>
          <cell r="AT3646">
            <v>2007</v>
          </cell>
          <cell r="AU3646">
            <v>12</v>
          </cell>
        </row>
        <row r="3647">
          <cell r="C3647">
            <v>0.99439999999999995</v>
          </cell>
          <cell r="AT3647">
            <v>2007</v>
          </cell>
          <cell r="AU3647">
            <v>12</v>
          </cell>
        </row>
        <row r="3648">
          <cell r="C3648">
            <v>0.99439999999999995</v>
          </cell>
          <cell r="AT3648">
            <v>2007</v>
          </cell>
          <cell r="AU3648">
            <v>12</v>
          </cell>
        </row>
        <row r="3649">
          <cell r="C3649">
            <v>0.98109999999999997</v>
          </cell>
          <cell r="AT3649">
            <v>2007</v>
          </cell>
          <cell r="AU3649">
            <v>12</v>
          </cell>
        </row>
        <row r="3650">
          <cell r="C3650">
            <v>0.97850000000000004</v>
          </cell>
          <cell r="AT3650">
            <v>2007</v>
          </cell>
          <cell r="AU3650">
            <v>12</v>
          </cell>
        </row>
        <row r="3651">
          <cell r="C3651">
            <v>0.97850000000000004</v>
          </cell>
          <cell r="AT3651">
            <v>2007</v>
          </cell>
          <cell r="AU3651">
            <v>12</v>
          </cell>
        </row>
        <row r="3652">
          <cell r="C3652">
            <v>0.97850000000000004</v>
          </cell>
          <cell r="AT3652">
            <v>2007</v>
          </cell>
          <cell r="AU3652">
            <v>12</v>
          </cell>
        </row>
        <row r="3653">
          <cell r="C3653">
            <v>0.98809999999999998</v>
          </cell>
          <cell r="AT3653">
            <v>2008</v>
          </cell>
          <cell r="AU3653">
            <v>1</v>
          </cell>
        </row>
        <row r="3654">
          <cell r="C3654">
            <v>0.98809999999999998</v>
          </cell>
          <cell r="AT3654">
            <v>2008</v>
          </cell>
          <cell r="AU3654">
            <v>1</v>
          </cell>
        </row>
        <row r="3655">
          <cell r="C3655">
            <v>0.99270000000000003</v>
          </cell>
          <cell r="AT3655">
            <v>2008</v>
          </cell>
          <cell r="AU3655">
            <v>1</v>
          </cell>
        </row>
        <row r="3656">
          <cell r="C3656">
            <v>0.99050000000000005</v>
          </cell>
          <cell r="AT3656">
            <v>2008</v>
          </cell>
          <cell r="AU3656">
            <v>1</v>
          </cell>
        </row>
        <row r="3657">
          <cell r="C3657">
            <v>0.99909999999999999</v>
          </cell>
          <cell r="AT3657">
            <v>2008</v>
          </cell>
          <cell r="AU3657">
            <v>1</v>
          </cell>
        </row>
        <row r="3658">
          <cell r="C3658">
            <v>0.99909999999999999</v>
          </cell>
          <cell r="AT3658">
            <v>2008</v>
          </cell>
          <cell r="AU3658">
            <v>1</v>
          </cell>
        </row>
        <row r="3659">
          <cell r="C3659">
            <v>0.99909999999999999</v>
          </cell>
          <cell r="AT3659">
            <v>2008</v>
          </cell>
          <cell r="AU3659">
            <v>1</v>
          </cell>
        </row>
        <row r="3660">
          <cell r="C3660">
            <v>1.0051000000000001</v>
          </cell>
          <cell r="AT3660">
            <v>2008</v>
          </cell>
          <cell r="AU3660">
            <v>1</v>
          </cell>
        </row>
        <row r="3661">
          <cell r="C3661">
            <v>0.99860000000000004</v>
          </cell>
          <cell r="AT3661">
            <v>2008</v>
          </cell>
          <cell r="AU3661">
            <v>1</v>
          </cell>
        </row>
        <row r="3662">
          <cell r="C3662">
            <v>1.0085</v>
          </cell>
          <cell r="AT3662">
            <v>2008</v>
          </cell>
          <cell r="AU3662">
            <v>1</v>
          </cell>
        </row>
        <row r="3663">
          <cell r="C3663">
            <v>1.0139</v>
          </cell>
          <cell r="AT3663">
            <v>2008</v>
          </cell>
          <cell r="AU3663">
            <v>1</v>
          </cell>
        </row>
        <row r="3664">
          <cell r="C3664">
            <v>1.0199</v>
          </cell>
          <cell r="AT3664">
            <v>2008</v>
          </cell>
          <cell r="AU3664">
            <v>1</v>
          </cell>
        </row>
        <row r="3665">
          <cell r="C3665">
            <v>1.0199</v>
          </cell>
          <cell r="AT3665">
            <v>2008</v>
          </cell>
          <cell r="AU3665">
            <v>1</v>
          </cell>
        </row>
        <row r="3666">
          <cell r="C3666">
            <v>1.0199</v>
          </cell>
          <cell r="AT3666">
            <v>2008</v>
          </cell>
          <cell r="AU3666">
            <v>1</v>
          </cell>
        </row>
        <row r="3667">
          <cell r="C3667">
            <v>1.0210999999999999</v>
          </cell>
          <cell r="AT3667">
            <v>2008</v>
          </cell>
          <cell r="AU3667">
            <v>1</v>
          </cell>
        </row>
        <row r="3668">
          <cell r="C3668">
            <v>1.0168999999999999</v>
          </cell>
          <cell r="AT3668">
            <v>2008</v>
          </cell>
          <cell r="AU3668">
            <v>1</v>
          </cell>
        </row>
        <row r="3669">
          <cell r="C3669">
            <v>1.0239</v>
          </cell>
          <cell r="AT3669">
            <v>2008</v>
          </cell>
          <cell r="AU3669">
            <v>1</v>
          </cell>
        </row>
        <row r="3670">
          <cell r="C3670">
            <v>1.0293000000000001</v>
          </cell>
          <cell r="AT3670">
            <v>2008</v>
          </cell>
          <cell r="AU3670">
            <v>1</v>
          </cell>
        </row>
        <row r="3671">
          <cell r="C3671">
            <v>1.0295000000000001</v>
          </cell>
          <cell r="AT3671">
            <v>2008</v>
          </cell>
          <cell r="AU3671">
            <v>1</v>
          </cell>
        </row>
        <row r="3672">
          <cell r="C3672">
            <v>1.0295000000000001</v>
          </cell>
          <cell r="AT3672">
            <v>2008</v>
          </cell>
          <cell r="AU3672">
            <v>1</v>
          </cell>
        </row>
        <row r="3673">
          <cell r="C3673">
            <v>1.0295000000000001</v>
          </cell>
          <cell r="AT3673">
            <v>2008</v>
          </cell>
          <cell r="AU3673">
            <v>1</v>
          </cell>
        </row>
        <row r="3674">
          <cell r="C3674">
            <v>1.0295000000000001</v>
          </cell>
          <cell r="AT3674">
            <v>2008</v>
          </cell>
          <cell r="AU3674">
            <v>1</v>
          </cell>
        </row>
        <row r="3675">
          <cell r="C3675">
            <v>1.0253000000000001</v>
          </cell>
          <cell r="AT3675">
            <v>2008</v>
          </cell>
          <cell r="AU3675">
            <v>1</v>
          </cell>
        </row>
        <row r="3676">
          <cell r="C3676">
            <v>1.0286</v>
          </cell>
          <cell r="AT3676">
            <v>2008</v>
          </cell>
          <cell r="AU3676">
            <v>1</v>
          </cell>
        </row>
        <row r="3677">
          <cell r="C3677">
            <v>1.0072000000000001</v>
          </cell>
          <cell r="AT3677">
            <v>2008</v>
          </cell>
          <cell r="AU3677">
            <v>1</v>
          </cell>
        </row>
        <row r="3678">
          <cell r="C3678">
            <v>1.0044</v>
          </cell>
          <cell r="AT3678">
            <v>2008</v>
          </cell>
          <cell r="AU3678">
            <v>1</v>
          </cell>
        </row>
        <row r="3679">
          <cell r="C3679">
            <v>1.0044</v>
          </cell>
          <cell r="AT3679">
            <v>2008</v>
          </cell>
          <cell r="AU3679">
            <v>1</v>
          </cell>
        </row>
        <row r="3680">
          <cell r="C3680">
            <v>1.0044</v>
          </cell>
          <cell r="AT3680">
            <v>2008</v>
          </cell>
          <cell r="AU3680">
            <v>1</v>
          </cell>
        </row>
        <row r="3681">
          <cell r="C3681">
            <v>1.0044</v>
          </cell>
          <cell r="AT3681">
            <v>2008</v>
          </cell>
          <cell r="AU3681">
            <v>1</v>
          </cell>
        </row>
        <row r="3682">
          <cell r="C3682">
            <v>0.99770000000000003</v>
          </cell>
          <cell r="AT3682">
            <v>2008</v>
          </cell>
          <cell r="AU3682">
            <v>1</v>
          </cell>
        </row>
        <row r="3683">
          <cell r="C3683">
            <v>0.99370000000000003</v>
          </cell>
          <cell r="AT3683">
            <v>2008</v>
          </cell>
          <cell r="AU3683">
            <v>1</v>
          </cell>
        </row>
        <row r="3684">
          <cell r="C3684">
            <v>1.0022</v>
          </cell>
          <cell r="AT3684">
            <v>2008</v>
          </cell>
          <cell r="AU3684">
            <v>2</v>
          </cell>
        </row>
        <row r="3685">
          <cell r="C3685">
            <v>0.99429999999999996</v>
          </cell>
          <cell r="AT3685">
            <v>2008</v>
          </cell>
          <cell r="AU3685">
            <v>2</v>
          </cell>
        </row>
        <row r="3686">
          <cell r="C3686">
            <v>0.99429999999999996</v>
          </cell>
          <cell r="AT3686">
            <v>2008</v>
          </cell>
          <cell r="AU3686">
            <v>2</v>
          </cell>
        </row>
        <row r="3687">
          <cell r="C3687">
            <v>0.99429999999999996</v>
          </cell>
          <cell r="AT3687">
            <v>2008</v>
          </cell>
          <cell r="AU3687">
            <v>2</v>
          </cell>
        </row>
        <row r="3688">
          <cell r="C3688">
            <v>0.99309999999999998</v>
          </cell>
          <cell r="AT3688">
            <v>2008</v>
          </cell>
          <cell r="AU3688">
            <v>2</v>
          </cell>
        </row>
        <row r="3689">
          <cell r="C3689">
            <v>1.0043</v>
          </cell>
          <cell r="AT3689">
            <v>2008</v>
          </cell>
          <cell r="AU3689">
            <v>2</v>
          </cell>
        </row>
        <row r="3690">
          <cell r="C3690">
            <v>1.0025999999999999</v>
          </cell>
          <cell r="AT3690">
            <v>2008</v>
          </cell>
          <cell r="AU3690">
            <v>2</v>
          </cell>
        </row>
        <row r="3691">
          <cell r="C3691">
            <v>1.0115000000000001</v>
          </cell>
          <cell r="AT3691">
            <v>2008</v>
          </cell>
          <cell r="AU3691">
            <v>2</v>
          </cell>
        </row>
        <row r="3692">
          <cell r="C3692">
            <v>0.99909999999999999</v>
          </cell>
          <cell r="AT3692">
            <v>2008</v>
          </cell>
          <cell r="AU3692">
            <v>2</v>
          </cell>
        </row>
        <row r="3693">
          <cell r="C3693">
            <v>0.99909999999999999</v>
          </cell>
          <cell r="AT3693">
            <v>2008</v>
          </cell>
          <cell r="AU3693">
            <v>2</v>
          </cell>
        </row>
        <row r="3694">
          <cell r="C3694">
            <v>0.99909999999999999</v>
          </cell>
          <cell r="AT3694">
            <v>2008</v>
          </cell>
          <cell r="AU3694">
            <v>2</v>
          </cell>
        </row>
        <row r="3695">
          <cell r="C3695">
            <v>1.0017</v>
          </cell>
          <cell r="AT3695">
            <v>2008</v>
          </cell>
          <cell r="AU3695">
            <v>2</v>
          </cell>
        </row>
        <row r="3696">
          <cell r="C3696">
            <v>0.99629999999999996</v>
          </cell>
          <cell r="AT3696">
            <v>2008</v>
          </cell>
          <cell r="AU3696">
            <v>2</v>
          </cell>
        </row>
        <row r="3697">
          <cell r="C3697">
            <v>0.99950000000000006</v>
          </cell>
          <cell r="AT3697">
            <v>2008</v>
          </cell>
          <cell r="AU3697">
            <v>2</v>
          </cell>
        </row>
        <row r="3698">
          <cell r="C3698">
            <v>0.997</v>
          </cell>
          <cell r="AT3698">
            <v>2008</v>
          </cell>
          <cell r="AU3698">
            <v>2</v>
          </cell>
        </row>
        <row r="3699">
          <cell r="C3699">
            <v>1.0071000000000001</v>
          </cell>
          <cell r="AT3699">
            <v>2008</v>
          </cell>
          <cell r="AU3699">
            <v>2</v>
          </cell>
        </row>
        <row r="3700">
          <cell r="C3700">
            <v>1.0071000000000001</v>
          </cell>
          <cell r="AT3700">
            <v>2008</v>
          </cell>
          <cell r="AU3700">
            <v>2</v>
          </cell>
        </row>
        <row r="3701">
          <cell r="C3701">
            <v>1.0071000000000001</v>
          </cell>
          <cell r="AT3701">
            <v>2008</v>
          </cell>
          <cell r="AU3701">
            <v>2</v>
          </cell>
        </row>
        <row r="3702">
          <cell r="C3702">
            <v>1.0071000000000001</v>
          </cell>
          <cell r="AT3702">
            <v>2008</v>
          </cell>
          <cell r="AU3702">
            <v>2</v>
          </cell>
        </row>
        <row r="3703">
          <cell r="C3703">
            <v>1.016</v>
          </cell>
          <cell r="AT3703">
            <v>2008</v>
          </cell>
          <cell r="AU3703">
            <v>2</v>
          </cell>
        </row>
        <row r="3704">
          <cell r="C3704">
            <v>1.0189999999999999</v>
          </cell>
          <cell r="AT3704">
            <v>2008</v>
          </cell>
          <cell r="AU3704">
            <v>2</v>
          </cell>
        </row>
        <row r="3705">
          <cell r="C3705">
            <v>1.0086999999999999</v>
          </cell>
          <cell r="AT3705">
            <v>2008</v>
          </cell>
          <cell r="AU3705">
            <v>2</v>
          </cell>
        </row>
        <row r="3706">
          <cell r="C3706">
            <v>1.0156000000000001</v>
          </cell>
          <cell r="AT3706">
            <v>2008</v>
          </cell>
          <cell r="AU3706">
            <v>2</v>
          </cell>
        </row>
        <row r="3707">
          <cell r="C3707">
            <v>1.0156000000000001</v>
          </cell>
          <cell r="AT3707">
            <v>2008</v>
          </cell>
          <cell r="AU3707">
            <v>2</v>
          </cell>
        </row>
        <row r="3708">
          <cell r="C3708">
            <v>1.0156000000000001</v>
          </cell>
          <cell r="AT3708">
            <v>2008</v>
          </cell>
          <cell r="AU3708">
            <v>2</v>
          </cell>
        </row>
        <row r="3709">
          <cell r="C3709">
            <v>0.998</v>
          </cell>
          <cell r="AT3709">
            <v>2008</v>
          </cell>
          <cell r="AU3709">
            <v>2</v>
          </cell>
        </row>
        <row r="3710">
          <cell r="C3710">
            <v>0.9859</v>
          </cell>
          <cell r="AT3710">
            <v>2008</v>
          </cell>
          <cell r="AU3710">
            <v>2</v>
          </cell>
        </row>
        <row r="3711">
          <cell r="C3711">
            <v>0.9778</v>
          </cell>
          <cell r="AT3711">
            <v>2008</v>
          </cell>
          <cell r="AU3711">
            <v>2</v>
          </cell>
        </row>
        <row r="3712">
          <cell r="C3712">
            <v>0.97189999999999999</v>
          </cell>
          <cell r="AT3712">
            <v>2008</v>
          </cell>
          <cell r="AU3712">
            <v>2</v>
          </cell>
        </row>
        <row r="3713">
          <cell r="C3713">
            <v>0.9798</v>
          </cell>
          <cell r="AT3713">
            <v>2008</v>
          </cell>
          <cell r="AU3713">
            <v>3</v>
          </cell>
        </row>
        <row r="3714">
          <cell r="C3714">
            <v>0.9798</v>
          </cell>
          <cell r="AT3714">
            <v>2008</v>
          </cell>
          <cell r="AU3714">
            <v>3</v>
          </cell>
        </row>
        <row r="3715">
          <cell r="C3715">
            <v>0.9798</v>
          </cell>
          <cell r="AT3715">
            <v>2008</v>
          </cell>
          <cell r="AU3715">
            <v>3</v>
          </cell>
        </row>
        <row r="3716">
          <cell r="C3716">
            <v>0.98699999999999999</v>
          </cell>
          <cell r="AT3716">
            <v>2008</v>
          </cell>
          <cell r="AU3716">
            <v>3</v>
          </cell>
        </row>
        <row r="3717">
          <cell r="C3717">
            <v>0.99560000000000004</v>
          </cell>
          <cell r="AT3717">
            <v>2008</v>
          </cell>
          <cell r="AU3717">
            <v>3</v>
          </cell>
        </row>
        <row r="3718">
          <cell r="C3718">
            <v>0.98980000000000001</v>
          </cell>
          <cell r="AT3718">
            <v>2008</v>
          </cell>
          <cell r="AU3718">
            <v>3</v>
          </cell>
        </row>
        <row r="3719">
          <cell r="C3719">
            <v>0.98480000000000001</v>
          </cell>
          <cell r="AT3719">
            <v>2008</v>
          </cell>
          <cell r="AU3719">
            <v>3</v>
          </cell>
        </row>
        <row r="3720">
          <cell r="C3720">
            <v>0.99150000000000005</v>
          </cell>
          <cell r="AT3720">
            <v>2008</v>
          </cell>
          <cell r="AU3720">
            <v>3</v>
          </cell>
        </row>
        <row r="3721">
          <cell r="C3721">
            <v>0.99150000000000005</v>
          </cell>
          <cell r="AT3721">
            <v>2008</v>
          </cell>
          <cell r="AU3721">
            <v>3</v>
          </cell>
        </row>
        <row r="3722">
          <cell r="C3722">
            <v>0.99150000000000005</v>
          </cell>
          <cell r="AT3722">
            <v>2008</v>
          </cell>
          <cell r="AU3722">
            <v>3</v>
          </cell>
        </row>
        <row r="3723">
          <cell r="C3723">
            <v>0.99760000000000004</v>
          </cell>
          <cell r="AT3723">
            <v>2008</v>
          </cell>
          <cell r="AU3723">
            <v>3</v>
          </cell>
        </row>
        <row r="3724">
          <cell r="C3724">
            <v>0.99529999999999996</v>
          </cell>
          <cell r="AT3724">
            <v>2008</v>
          </cell>
          <cell r="AU3724">
            <v>3</v>
          </cell>
        </row>
        <row r="3725">
          <cell r="C3725">
            <v>0.98970000000000002</v>
          </cell>
          <cell r="AT3725">
            <v>2008</v>
          </cell>
          <cell r="AU3725">
            <v>3</v>
          </cell>
        </row>
        <row r="3726">
          <cell r="C3726">
            <v>0.98419999999999996</v>
          </cell>
          <cell r="AT3726">
            <v>2008</v>
          </cell>
          <cell r="AU3726">
            <v>3</v>
          </cell>
        </row>
        <row r="3727">
          <cell r="C3727">
            <v>0.98699999999999999</v>
          </cell>
          <cell r="AT3727">
            <v>2008</v>
          </cell>
          <cell r="AU3727">
            <v>3</v>
          </cell>
        </row>
        <row r="3728">
          <cell r="C3728">
            <v>0.98699999999999999</v>
          </cell>
          <cell r="AT3728">
            <v>2008</v>
          </cell>
          <cell r="AU3728">
            <v>3</v>
          </cell>
        </row>
        <row r="3729">
          <cell r="C3729">
            <v>0.98699999999999999</v>
          </cell>
          <cell r="AT3729">
            <v>2008</v>
          </cell>
          <cell r="AU3729">
            <v>3</v>
          </cell>
        </row>
        <row r="3730">
          <cell r="C3730">
            <v>0.99780000000000002</v>
          </cell>
          <cell r="AT3730">
            <v>2008</v>
          </cell>
          <cell r="AU3730">
            <v>3</v>
          </cell>
        </row>
        <row r="3731">
          <cell r="C3731">
            <v>0.99380000000000002</v>
          </cell>
          <cell r="AT3731">
            <v>2008</v>
          </cell>
          <cell r="AU3731">
            <v>3</v>
          </cell>
        </row>
        <row r="3732">
          <cell r="C3732">
            <v>1.0027999999999999</v>
          </cell>
          <cell r="AT3732">
            <v>2008</v>
          </cell>
          <cell r="AU3732">
            <v>3</v>
          </cell>
        </row>
        <row r="3733">
          <cell r="C3733">
            <v>1.0268999999999999</v>
          </cell>
          <cell r="AT3733">
            <v>2008</v>
          </cell>
          <cell r="AU3733">
            <v>3</v>
          </cell>
        </row>
        <row r="3734">
          <cell r="C3734">
            <v>1.0268999999999999</v>
          </cell>
          <cell r="AT3734">
            <v>2008</v>
          </cell>
          <cell r="AU3734">
            <v>3</v>
          </cell>
        </row>
        <row r="3735">
          <cell r="C3735">
            <v>1.0268999999999999</v>
          </cell>
          <cell r="AT3735">
            <v>2008</v>
          </cell>
          <cell r="AU3735">
            <v>3</v>
          </cell>
        </row>
        <row r="3736">
          <cell r="C3736">
            <v>1.0268999999999999</v>
          </cell>
          <cell r="AT3736">
            <v>2008</v>
          </cell>
          <cell r="AU3736">
            <v>3</v>
          </cell>
        </row>
        <row r="3737">
          <cell r="C3737">
            <v>1.0203</v>
          </cell>
          <cell r="AT3737">
            <v>2008</v>
          </cell>
          <cell r="AU3737">
            <v>3</v>
          </cell>
        </row>
        <row r="3738">
          <cell r="C3738">
            <v>1.0177</v>
          </cell>
          <cell r="AT3738">
            <v>2008</v>
          </cell>
          <cell r="AU3738">
            <v>3</v>
          </cell>
        </row>
        <row r="3739">
          <cell r="C3739">
            <v>1.018</v>
          </cell>
          <cell r="AT3739">
            <v>2008</v>
          </cell>
          <cell r="AU3739">
            <v>3</v>
          </cell>
        </row>
        <row r="3740">
          <cell r="C3740">
            <v>1.0146999999999999</v>
          </cell>
          <cell r="AT3740">
            <v>2008</v>
          </cell>
          <cell r="AU3740">
            <v>3</v>
          </cell>
        </row>
        <row r="3741">
          <cell r="C3741">
            <v>1.0181</v>
          </cell>
          <cell r="AT3741">
            <v>2008</v>
          </cell>
          <cell r="AU3741">
            <v>3</v>
          </cell>
        </row>
        <row r="3742">
          <cell r="C3742">
            <v>1.0181</v>
          </cell>
          <cell r="AT3742">
            <v>2008</v>
          </cell>
          <cell r="AU3742">
            <v>3</v>
          </cell>
        </row>
        <row r="3743">
          <cell r="C3743">
            <v>1.0181</v>
          </cell>
          <cell r="AT3743">
            <v>2008</v>
          </cell>
          <cell r="AU3743">
            <v>3</v>
          </cell>
        </row>
        <row r="3744">
          <cell r="C3744">
            <v>1.0279</v>
          </cell>
          <cell r="AT3744">
            <v>2008</v>
          </cell>
          <cell r="AU3744">
            <v>4</v>
          </cell>
        </row>
        <row r="3745">
          <cell r="C3745">
            <v>1.0269999999999999</v>
          </cell>
          <cell r="AT3745">
            <v>2008</v>
          </cell>
          <cell r="AU3745">
            <v>4</v>
          </cell>
        </row>
        <row r="3746">
          <cell r="C3746">
            <v>1.0177</v>
          </cell>
          <cell r="AT3746">
            <v>2008</v>
          </cell>
          <cell r="AU3746">
            <v>4</v>
          </cell>
        </row>
        <row r="3747">
          <cell r="C3747">
            <v>1.0082</v>
          </cell>
          <cell r="AT3747">
            <v>2008</v>
          </cell>
          <cell r="AU3747">
            <v>4</v>
          </cell>
        </row>
        <row r="3748">
          <cell r="C3748">
            <v>1.0091000000000001</v>
          </cell>
          <cell r="AT3748">
            <v>2008</v>
          </cell>
          <cell r="AU3748">
            <v>4</v>
          </cell>
        </row>
        <row r="3749">
          <cell r="C3749">
            <v>1.0091000000000001</v>
          </cell>
          <cell r="AT3749">
            <v>2008</v>
          </cell>
          <cell r="AU3749">
            <v>4</v>
          </cell>
        </row>
        <row r="3750">
          <cell r="C3750">
            <v>1.0091000000000001</v>
          </cell>
          <cell r="AT3750">
            <v>2008</v>
          </cell>
          <cell r="AU3750">
            <v>4</v>
          </cell>
        </row>
        <row r="3751">
          <cell r="C3751">
            <v>1.0109999999999999</v>
          </cell>
          <cell r="AT3751">
            <v>2008</v>
          </cell>
          <cell r="AU3751">
            <v>4</v>
          </cell>
        </row>
        <row r="3752">
          <cell r="C3752">
            <v>1.0149999999999999</v>
          </cell>
          <cell r="AT3752">
            <v>2008</v>
          </cell>
          <cell r="AU3752">
            <v>4</v>
          </cell>
        </row>
        <row r="3753">
          <cell r="C3753">
            <v>1.0194000000000001</v>
          </cell>
          <cell r="AT3753">
            <v>2008</v>
          </cell>
          <cell r="AU3753">
            <v>4</v>
          </cell>
        </row>
        <row r="3754">
          <cell r="C3754">
            <v>1.0179</v>
          </cell>
          <cell r="AT3754">
            <v>2008</v>
          </cell>
          <cell r="AU3754">
            <v>4</v>
          </cell>
        </row>
        <row r="3755">
          <cell r="C3755">
            <v>1.0215000000000001</v>
          </cell>
          <cell r="AT3755">
            <v>2008</v>
          </cell>
          <cell r="AU3755">
            <v>4</v>
          </cell>
        </row>
        <row r="3756">
          <cell r="C3756">
            <v>1.0215000000000001</v>
          </cell>
          <cell r="AT3756">
            <v>2008</v>
          </cell>
          <cell r="AU3756">
            <v>4</v>
          </cell>
        </row>
        <row r="3757">
          <cell r="C3757">
            <v>1.0215000000000001</v>
          </cell>
          <cell r="AT3757">
            <v>2008</v>
          </cell>
          <cell r="AU3757">
            <v>4</v>
          </cell>
        </row>
        <row r="3758">
          <cell r="C3758">
            <v>1.0207999999999999</v>
          </cell>
          <cell r="AT3758">
            <v>2008</v>
          </cell>
          <cell r="AU3758">
            <v>4</v>
          </cell>
        </row>
        <row r="3759">
          <cell r="C3759">
            <v>1.0181</v>
          </cell>
          <cell r="AT3759">
            <v>2008</v>
          </cell>
          <cell r="AU3759">
            <v>4</v>
          </cell>
        </row>
        <row r="3760">
          <cell r="C3760">
            <v>1.0024999999999999</v>
          </cell>
          <cell r="AT3760">
            <v>2008</v>
          </cell>
          <cell r="AU3760">
            <v>4</v>
          </cell>
        </row>
        <row r="3761">
          <cell r="C3761">
            <v>1.0113000000000001</v>
          </cell>
          <cell r="AT3761">
            <v>2008</v>
          </cell>
          <cell r="AU3761">
            <v>4</v>
          </cell>
        </row>
        <row r="3762">
          <cell r="C3762">
            <v>1.0084</v>
          </cell>
          <cell r="AT3762">
            <v>2008</v>
          </cell>
          <cell r="AU3762">
            <v>4</v>
          </cell>
        </row>
        <row r="3763">
          <cell r="C3763">
            <v>1.0084</v>
          </cell>
          <cell r="AT3763">
            <v>2008</v>
          </cell>
          <cell r="AU3763">
            <v>4</v>
          </cell>
        </row>
        <row r="3764">
          <cell r="C3764">
            <v>1.0084</v>
          </cell>
          <cell r="AT3764">
            <v>2008</v>
          </cell>
          <cell r="AU3764">
            <v>4</v>
          </cell>
        </row>
        <row r="3765">
          <cell r="C3765">
            <v>1.0065999999999999</v>
          </cell>
          <cell r="AT3765">
            <v>2008</v>
          </cell>
          <cell r="AU3765">
            <v>4</v>
          </cell>
        </row>
        <row r="3766">
          <cell r="C3766">
            <v>1.0033000000000001</v>
          </cell>
          <cell r="AT3766">
            <v>2008</v>
          </cell>
          <cell r="AU3766">
            <v>4</v>
          </cell>
        </row>
        <row r="3767">
          <cell r="C3767">
            <v>1.0195000000000001</v>
          </cell>
          <cell r="AT3767">
            <v>2008</v>
          </cell>
          <cell r="AU3767">
            <v>4</v>
          </cell>
        </row>
        <row r="3768">
          <cell r="C3768">
            <v>1.0132000000000001</v>
          </cell>
          <cell r="AT3768">
            <v>2008</v>
          </cell>
          <cell r="AU3768">
            <v>4</v>
          </cell>
        </row>
        <row r="3769">
          <cell r="C3769">
            <v>1.0164</v>
          </cell>
          <cell r="AT3769">
            <v>2008</v>
          </cell>
          <cell r="AU3769">
            <v>4</v>
          </cell>
        </row>
        <row r="3770">
          <cell r="C3770">
            <v>1.0164</v>
          </cell>
          <cell r="AT3770">
            <v>2008</v>
          </cell>
          <cell r="AU3770">
            <v>4</v>
          </cell>
        </row>
        <row r="3771">
          <cell r="C3771">
            <v>1.0164</v>
          </cell>
          <cell r="AT3771">
            <v>2008</v>
          </cell>
          <cell r="AU3771">
            <v>4</v>
          </cell>
        </row>
        <row r="3772">
          <cell r="C3772">
            <v>1.016</v>
          </cell>
          <cell r="AT3772">
            <v>2008</v>
          </cell>
          <cell r="AU3772">
            <v>4</v>
          </cell>
        </row>
        <row r="3773">
          <cell r="C3773">
            <v>1.0130999999999999</v>
          </cell>
          <cell r="AT3773">
            <v>2008</v>
          </cell>
          <cell r="AU3773">
            <v>4</v>
          </cell>
        </row>
        <row r="3774">
          <cell r="C3774">
            <v>1.0095000000000001</v>
          </cell>
          <cell r="AT3774">
            <v>2008</v>
          </cell>
          <cell r="AU3774">
            <v>5</v>
          </cell>
        </row>
        <row r="3775">
          <cell r="C3775">
            <v>1.0188999999999999</v>
          </cell>
          <cell r="AT3775">
            <v>2008</v>
          </cell>
          <cell r="AU3775">
            <v>5</v>
          </cell>
        </row>
        <row r="3776">
          <cell r="C3776">
            <v>1.0183</v>
          </cell>
          <cell r="AT3776">
            <v>2008</v>
          </cell>
          <cell r="AU3776">
            <v>5</v>
          </cell>
        </row>
        <row r="3777">
          <cell r="C3777">
            <v>1.0183</v>
          </cell>
          <cell r="AT3777">
            <v>2008</v>
          </cell>
          <cell r="AU3777">
            <v>5</v>
          </cell>
        </row>
        <row r="3778">
          <cell r="C3778">
            <v>1.0183</v>
          </cell>
          <cell r="AT3778">
            <v>2008</v>
          </cell>
          <cell r="AU3778">
            <v>5</v>
          </cell>
        </row>
        <row r="3779">
          <cell r="C3779">
            <v>1.0125</v>
          </cell>
          <cell r="AT3779">
            <v>2008</v>
          </cell>
          <cell r="AU3779">
            <v>5</v>
          </cell>
        </row>
        <row r="3780">
          <cell r="C3780">
            <v>1.0035000000000001</v>
          </cell>
          <cell r="AT3780">
            <v>2008</v>
          </cell>
          <cell r="AU3780">
            <v>5</v>
          </cell>
        </row>
        <row r="3781">
          <cell r="C3781">
            <v>1.0021</v>
          </cell>
          <cell r="AT3781">
            <v>2008</v>
          </cell>
          <cell r="AU3781">
            <v>5</v>
          </cell>
        </row>
        <row r="3782">
          <cell r="C3782">
            <v>1.0148999999999999</v>
          </cell>
          <cell r="AT3782">
            <v>2008</v>
          </cell>
          <cell r="AU3782">
            <v>5</v>
          </cell>
        </row>
        <row r="3783">
          <cell r="C3783">
            <v>1.0061</v>
          </cell>
          <cell r="AT3783">
            <v>2008</v>
          </cell>
          <cell r="AU3783">
            <v>5</v>
          </cell>
        </row>
        <row r="3784">
          <cell r="C3784">
            <v>1.0061</v>
          </cell>
          <cell r="AT3784">
            <v>2008</v>
          </cell>
          <cell r="AU3784">
            <v>5</v>
          </cell>
        </row>
        <row r="3785">
          <cell r="C3785">
            <v>1.0061</v>
          </cell>
          <cell r="AT3785">
            <v>2008</v>
          </cell>
          <cell r="AU3785">
            <v>5</v>
          </cell>
        </row>
        <row r="3786">
          <cell r="C3786">
            <v>1.0039</v>
          </cell>
          <cell r="AT3786">
            <v>2008</v>
          </cell>
          <cell r="AU3786">
            <v>5</v>
          </cell>
        </row>
        <row r="3787">
          <cell r="C3787">
            <v>1.0004999999999999</v>
          </cell>
          <cell r="AT3787">
            <v>2008</v>
          </cell>
          <cell r="AU3787">
            <v>5</v>
          </cell>
        </row>
        <row r="3788">
          <cell r="C3788">
            <v>1.002</v>
          </cell>
          <cell r="AT3788">
            <v>2008</v>
          </cell>
          <cell r="AU3788">
            <v>5</v>
          </cell>
        </row>
        <row r="3789">
          <cell r="C3789">
            <v>0.99980000000000002</v>
          </cell>
          <cell r="AT3789">
            <v>2008</v>
          </cell>
          <cell r="AU3789">
            <v>5</v>
          </cell>
        </row>
        <row r="3790">
          <cell r="C3790">
            <v>0.99680000000000002</v>
          </cell>
          <cell r="AT3790">
            <v>2008</v>
          </cell>
          <cell r="AU3790">
            <v>5</v>
          </cell>
        </row>
        <row r="3791">
          <cell r="C3791">
            <v>0.99680000000000002</v>
          </cell>
          <cell r="AT3791">
            <v>2008</v>
          </cell>
          <cell r="AU3791">
            <v>5</v>
          </cell>
        </row>
        <row r="3792">
          <cell r="C3792">
            <v>0.99680000000000002</v>
          </cell>
          <cell r="AT3792">
            <v>2008</v>
          </cell>
          <cell r="AU3792">
            <v>5</v>
          </cell>
        </row>
        <row r="3793">
          <cell r="C3793">
            <v>0.99680000000000002</v>
          </cell>
          <cell r="AT3793">
            <v>2008</v>
          </cell>
          <cell r="AU3793">
            <v>5</v>
          </cell>
        </row>
        <row r="3794">
          <cell r="C3794">
            <v>0.99299999999999999</v>
          </cell>
          <cell r="AT3794">
            <v>2008</v>
          </cell>
          <cell r="AU3794">
            <v>5</v>
          </cell>
        </row>
        <row r="3795">
          <cell r="C3795">
            <v>0.98440000000000005</v>
          </cell>
          <cell r="AT3795">
            <v>2008</v>
          </cell>
          <cell r="AU3795">
            <v>5</v>
          </cell>
        </row>
        <row r="3796">
          <cell r="C3796">
            <v>0.98609999999999998</v>
          </cell>
          <cell r="AT3796">
            <v>2008</v>
          </cell>
          <cell r="AU3796">
            <v>5</v>
          </cell>
        </row>
        <row r="3797">
          <cell r="C3797">
            <v>0.98829999999999996</v>
          </cell>
          <cell r="AT3797">
            <v>2008</v>
          </cell>
          <cell r="AU3797">
            <v>5</v>
          </cell>
        </row>
        <row r="3798">
          <cell r="C3798">
            <v>0.98829999999999996</v>
          </cell>
          <cell r="AT3798">
            <v>2008</v>
          </cell>
          <cell r="AU3798">
            <v>5</v>
          </cell>
        </row>
        <row r="3799">
          <cell r="C3799">
            <v>0.98829999999999996</v>
          </cell>
          <cell r="AT3799">
            <v>2008</v>
          </cell>
          <cell r="AU3799">
            <v>5</v>
          </cell>
        </row>
        <row r="3800">
          <cell r="C3800">
            <v>0.98829999999999996</v>
          </cell>
          <cell r="AT3800">
            <v>2008</v>
          </cell>
          <cell r="AU3800">
            <v>5</v>
          </cell>
        </row>
        <row r="3801">
          <cell r="C3801">
            <v>0.99319999999999997</v>
          </cell>
          <cell r="AT3801">
            <v>2008</v>
          </cell>
          <cell r="AU3801">
            <v>5</v>
          </cell>
        </row>
        <row r="3802">
          <cell r="C3802">
            <v>0.99150000000000005</v>
          </cell>
          <cell r="AT3802">
            <v>2008</v>
          </cell>
          <cell r="AU3802">
            <v>5</v>
          </cell>
        </row>
        <row r="3803">
          <cell r="C3803">
            <v>0.98719999999999997</v>
          </cell>
          <cell r="AT3803">
            <v>2008</v>
          </cell>
          <cell r="AU3803">
            <v>5</v>
          </cell>
        </row>
        <row r="3804">
          <cell r="C3804">
            <v>0.99419999999999997</v>
          </cell>
          <cell r="AT3804">
            <v>2008</v>
          </cell>
          <cell r="AU3804">
            <v>5</v>
          </cell>
        </row>
        <row r="3805">
          <cell r="C3805">
            <v>0.99419999999999997</v>
          </cell>
          <cell r="AT3805">
            <v>2008</v>
          </cell>
          <cell r="AU3805">
            <v>6</v>
          </cell>
        </row>
        <row r="3806">
          <cell r="C3806">
            <v>0.99419999999999997</v>
          </cell>
          <cell r="AT3806">
            <v>2008</v>
          </cell>
          <cell r="AU3806">
            <v>6</v>
          </cell>
        </row>
        <row r="3807">
          <cell r="C3807">
            <v>1.0013000000000001</v>
          </cell>
          <cell r="AT3807">
            <v>2008</v>
          </cell>
          <cell r="AU3807">
            <v>6</v>
          </cell>
        </row>
        <row r="3808">
          <cell r="C3808">
            <v>1.0051000000000001</v>
          </cell>
          <cell r="AT3808">
            <v>2008</v>
          </cell>
          <cell r="AU3808">
            <v>6</v>
          </cell>
        </row>
        <row r="3809">
          <cell r="C3809">
            <v>1.0145</v>
          </cell>
          <cell r="AT3809">
            <v>2008</v>
          </cell>
          <cell r="AU3809">
            <v>6</v>
          </cell>
        </row>
        <row r="3810">
          <cell r="C3810">
            <v>1.0198</v>
          </cell>
          <cell r="AT3810">
            <v>2008</v>
          </cell>
          <cell r="AU3810">
            <v>6</v>
          </cell>
        </row>
        <row r="3811">
          <cell r="C3811">
            <v>1.0186999999999999</v>
          </cell>
          <cell r="AT3811">
            <v>2008</v>
          </cell>
          <cell r="AU3811">
            <v>6</v>
          </cell>
        </row>
        <row r="3812">
          <cell r="C3812">
            <v>1.0186999999999999</v>
          </cell>
          <cell r="AT3812">
            <v>2008</v>
          </cell>
          <cell r="AU3812">
            <v>6</v>
          </cell>
        </row>
        <row r="3813">
          <cell r="C3813">
            <v>1.0186999999999999</v>
          </cell>
          <cell r="AT3813">
            <v>2008</v>
          </cell>
          <cell r="AU3813">
            <v>6</v>
          </cell>
        </row>
        <row r="3814">
          <cell r="C3814">
            <v>1.0225</v>
          </cell>
          <cell r="AT3814">
            <v>2008</v>
          </cell>
          <cell r="AU3814">
            <v>6</v>
          </cell>
        </row>
        <row r="3815">
          <cell r="C3815">
            <v>1.0243</v>
          </cell>
          <cell r="AT3815">
            <v>2008</v>
          </cell>
          <cell r="AU3815">
            <v>6</v>
          </cell>
        </row>
        <row r="3816">
          <cell r="C3816">
            <v>1.0174000000000001</v>
          </cell>
          <cell r="AT3816">
            <v>2008</v>
          </cell>
          <cell r="AU3816">
            <v>6</v>
          </cell>
        </row>
        <row r="3817">
          <cell r="C3817">
            <v>1.0232000000000001</v>
          </cell>
          <cell r="AT3817">
            <v>2008</v>
          </cell>
          <cell r="AU3817">
            <v>6</v>
          </cell>
        </row>
        <row r="3818">
          <cell r="C3818">
            <v>1.0282</v>
          </cell>
          <cell r="AT3818">
            <v>2008</v>
          </cell>
          <cell r="AU3818">
            <v>6</v>
          </cell>
        </row>
        <row r="3819">
          <cell r="C3819">
            <v>1.0282</v>
          </cell>
          <cell r="AT3819">
            <v>2008</v>
          </cell>
          <cell r="AU3819">
            <v>6</v>
          </cell>
        </row>
        <row r="3820">
          <cell r="C3820">
            <v>1.0282</v>
          </cell>
          <cell r="AT3820">
            <v>2008</v>
          </cell>
          <cell r="AU3820">
            <v>6</v>
          </cell>
        </row>
        <row r="3821">
          <cell r="C3821">
            <v>1.0210999999999999</v>
          </cell>
          <cell r="AT3821">
            <v>2008</v>
          </cell>
          <cell r="AU3821">
            <v>6</v>
          </cell>
        </row>
        <row r="3822">
          <cell r="C3822">
            <v>1.0199</v>
          </cell>
          <cell r="AT3822">
            <v>2008</v>
          </cell>
          <cell r="AU3822">
            <v>6</v>
          </cell>
        </row>
        <row r="3823">
          <cell r="C3823">
            <v>1.0185999999999999</v>
          </cell>
          <cell r="AT3823">
            <v>2008</v>
          </cell>
          <cell r="AU3823">
            <v>6</v>
          </cell>
        </row>
        <row r="3824">
          <cell r="C3824">
            <v>1.0132000000000001</v>
          </cell>
          <cell r="AT3824">
            <v>2008</v>
          </cell>
          <cell r="AU3824">
            <v>6</v>
          </cell>
        </row>
        <row r="3825">
          <cell r="C3825">
            <v>1.0172000000000001</v>
          </cell>
          <cell r="AT3825">
            <v>2008</v>
          </cell>
          <cell r="AU3825">
            <v>6</v>
          </cell>
        </row>
        <row r="3826">
          <cell r="C3826">
            <v>1.0172000000000001</v>
          </cell>
          <cell r="AT3826">
            <v>2008</v>
          </cell>
          <cell r="AU3826">
            <v>6</v>
          </cell>
        </row>
        <row r="3827">
          <cell r="C3827">
            <v>1.0172000000000001</v>
          </cell>
          <cell r="AT3827">
            <v>2008</v>
          </cell>
          <cell r="AU3827">
            <v>6</v>
          </cell>
        </row>
        <row r="3828">
          <cell r="C3828">
            <v>1.0163</v>
          </cell>
          <cell r="AT3828">
            <v>2008</v>
          </cell>
          <cell r="AU3828">
            <v>6</v>
          </cell>
        </row>
        <row r="3829">
          <cell r="C3829">
            <v>1.0136000000000001</v>
          </cell>
          <cell r="AT3829">
            <v>2008</v>
          </cell>
          <cell r="AU3829">
            <v>6</v>
          </cell>
        </row>
        <row r="3830">
          <cell r="C3830">
            <v>1.0135000000000001</v>
          </cell>
          <cell r="AT3830">
            <v>2008</v>
          </cell>
          <cell r="AU3830">
            <v>6</v>
          </cell>
        </row>
        <row r="3831">
          <cell r="C3831">
            <v>1.0121</v>
          </cell>
          <cell r="AT3831">
            <v>2008</v>
          </cell>
          <cell r="AU3831">
            <v>6</v>
          </cell>
        </row>
        <row r="3832">
          <cell r="C3832">
            <v>1.0123</v>
          </cell>
          <cell r="AT3832">
            <v>2008</v>
          </cell>
          <cell r="AU3832">
            <v>6</v>
          </cell>
        </row>
        <row r="3833">
          <cell r="C3833">
            <v>1.0123</v>
          </cell>
          <cell r="AT3833">
            <v>2008</v>
          </cell>
          <cell r="AU3833">
            <v>6</v>
          </cell>
        </row>
        <row r="3834">
          <cell r="C3834">
            <v>1.0123</v>
          </cell>
          <cell r="AT3834">
            <v>2008</v>
          </cell>
          <cell r="AU3834">
            <v>6</v>
          </cell>
        </row>
        <row r="3835">
          <cell r="C3835">
            <v>1.0185999999999999</v>
          </cell>
          <cell r="AT3835">
            <v>2008</v>
          </cell>
          <cell r="AU3835">
            <v>7</v>
          </cell>
        </row>
        <row r="3836">
          <cell r="C3836">
            <v>1.0185999999999999</v>
          </cell>
          <cell r="AT3836">
            <v>2008</v>
          </cell>
          <cell r="AU3836">
            <v>7</v>
          </cell>
        </row>
        <row r="3837">
          <cell r="C3837">
            <v>1.0128999999999999</v>
          </cell>
          <cell r="AT3837">
            <v>2008</v>
          </cell>
          <cell r="AU3837">
            <v>7</v>
          </cell>
        </row>
        <row r="3838">
          <cell r="C3838">
            <v>1.0206</v>
          </cell>
          <cell r="AT3838">
            <v>2008</v>
          </cell>
          <cell r="AU3838">
            <v>7</v>
          </cell>
        </row>
        <row r="3839">
          <cell r="C3839">
            <v>1.0173000000000001</v>
          </cell>
          <cell r="AT3839">
            <v>2008</v>
          </cell>
          <cell r="AU3839">
            <v>7</v>
          </cell>
        </row>
        <row r="3840">
          <cell r="C3840">
            <v>1.0173000000000001</v>
          </cell>
          <cell r="AT3840">
            <v>2008</v>
          </cell>
          <cell r="AU3840">
            <v>7</v>
          </cell>
        </row>
        <row r="3841">
          <cell r="C3841">
            <v>1.0173000000000001</v>
          </cell>
          <cell r="AT3841">
            <v>2008</v>
          </cell>
          <cell r="AU3841">
            <v>7</v>
          </cell>
        </row>
        <row r="3842">
          <cell r="C3842">
            <v>1.0173000000000001</v>
          </cell>
          <cell r="AT3842">
            <v>2008</v>
          </cell>
          <cell r="AU3842">
            <v>7</v>
          </cell>
        </row>
        <row r="3843">
          <cell r="C3843">
            <v>1.0206999999999999</v>
          </cell>
          <cell r="AT3843">
            <v>2008</v>
          </cell>
          <cell r="AU3843">
            <v>7</v>
          </cell>
        </row>
        <row r="3844">
          <cell r="C3844">
            <v>1.0107999999999999</v>
          </cell>
          <cell r="AT3844">
            <v>2008</v>
          </cell>
          <cell r="AU3844">
            <v>7</v>
          </cell>
        </row>
        <row r="3845">
          <cell r="C3845">
            <v>1.0102</v>
          </cell>
          <cell r="AT3845">
            <v>2008</v>
          </cell>
          <cell r="AU3845">
            <v>7</v>
          </cell>
        </row>
        <row r="3846">
          <cell r="C3846">
            <v>1.0092000000000001</v>
          </cell>
          <cell r="AT3846">
            <v>2008</v>
          </cell>
          <cell r="AU3846">
            <v>7</v>
          </cell>
        </row>
        <row r="3847">
          <cell r="C3847">
            <v>1.0092000000000001</v>
          </cell>
          <cell r="AT3847">
            <v>2008</v>
          </cell>
          <cell r="AU3847">
            <v>7</v>
          </cell>
        </row>
        <row r="3848">
          <cell r="C3848">
            <v>1.0092000000000001</v>
          </cell>
          <cell r="AT3848">
            <v>2008</v>
          </cell>
          <cell r="AU3848">
            <v>7</v>
          </cell>
        </row>
        <row r="3849">
          <cell r="C3849">
            <v>1.0061</v>
          </cell>
          <cell r="AT3849">
            <v>2008</v>
          </cell>
          <cell r="AU3849">
            <v>7</v>
          </cell>
        </row>
        <row r="3850">
          <cell r="C3850">
            <v>1.002</v>
          </cell>
          <cell r="AT3850">
            <v>2008</v>
          </cell>
          <cell r="AU3850">
            <v>7</v>
          </cell>
        </row>
        <row r="3851">
          <cell r="C3851">
            <v>1.0017</v>
          </cell>
          <cell r="AT3851">
            <v>2008</v>
          </cell>
          <cell r="AU3851">
            <v>7</v>
          </cell>
        </row>
        <row r="3852">
          <cell r="C3852">
            <v>1.0016</v>
          </cell>
          <cell r="AT3852">
            <v>2008</v>
          </cell>
          <cell r="AU3852">
            <v>7</v>
          </cell>
        </row>
        <row r="3853">
          <cell r="C3853">
            <v>1.0053000000000001</v>
          </cell>
          <cell r="AT3853">
            <v>2008</v>
          </cell>
          <cell r="AU3853">
            <v>7</v>
          </cell>
        </row>
        <row r="3854">
          <cell r="C3854">
            <v>1.0053000000000001</v>
          </cell>
          <cell r="AT3854">
            <v>2008</v>
          </cell>
          <cell r="AU3854">
            <v>7</v>
          </cell>
        </row>
        <row r="3855">
          <cell r="C3855">
            <v>1.0053000000000001</v>
          </cell>
          <cell r="AT3855">
            <v>2008</v>
          </cell>
          <cell r="AU3855">
            <v>7</v>
          </cell>
        </row>
        <row r="3856">
          <cell r="C3856">
            <v>1.0021</v>
          </cell>
          <cell r="AT3856">
            <v>2008</v>
          </cell>
          <cell r="AU3856">
            <v>7</v>
          </cell>
        </row>
        <row r="3857">
          <cell r="C3857">
            <v>1.0085</v>
          </cell>
          <cell r="AT3857">
            <v>2008</v>
          </cell>
          <cell r="AU3857">
            <v>7</v>
          </cell>
        </row>
        <row r="3858">
          <cell r="C3858">
            <v>1.0087999999999999</v>
          </cell>
          <cell r="AT3858">
            <v>2008</v>
          </cell>
          <cell r="AU3858">
            <v>7</v>
          </cell>
        </row>
        <row r="3859">
          <cell r="C3859">
            <v>1.0114000000000001</v>
          </cell>
          <cell r="AT3859">
            <v>2008</v>
          </cell>
          <cell r="AU3859">
            <v>7</v>
          </cell>
        </row>
        <row r="3860">
          <cell r="C3860">
            <v>1.0164</v>
          </cell>
          <cell r="AT3860">
            <v>2008</v>
          </cell>
          <cell r="AU3860">
            <v>7</v>
          </cell>
        </row>
        <row r="3861">
          <cell r="C3861">
            <v>1.0164</v>
          </cell>
          <cell r="AT3861">
            <v>2008</v>
          </cell>
          <cell r="AU3861">
            <v>7</v>
          </cell>
        </row>
        <row r="3862">
          <cell r="C3862">
            <v>1.0164</v>
          </cell>
          <cell r="AT3862">
            <v>2008</v>
          </cell>
          <cell r="AU3862">
            <v>7</v>
          </cell>
        </row>
        <row r="3863">
          <cell r="C3863">
            <v>1.0222</v>
          </cell>
          <cell r="AT3863">
            <v>2008</v>
          </cell>
          <cell r="AU3863">
            <v>7</v>
          </cell>
        </row>
        <row r="3864">
          <cell r="C3864">
            <v>1.0261</v>
          </cell>
          <cell r="AT3864">
            <v>2008</v>
          </cell>
          <cell r="AU3864">
            <v>7</v>
          </cell>
        </row>
        <row r="3865">
          <cell r="C3865">
            <v>1.0242</v>
          </cell>
          <cell r="AT3865">
            <v>2008</v>
          </cell>
          <cell r="AU3865">
            <v>7</v>
          </cell>
        </row>
        <row r="3866">
          <cell r="C3866">
            <v>1.0257000000000001</v>
          </cell>
          <cell r="AT3866">
            <v>2008</v>
          </cell>
          <cell r="AU3866">
            <v>8</v>
          </cell>
        </row>
        <row r="3867">
          <cell r="C3867">
            <v>1.0253000000000001</v>
          </cell>
          <cell r="AT3867">
            <v>2008</v>
          </cell>
          <cell r="AU3867">
            <v>8</v>
          </cell>
        </row>
        <row r="3868">
          <cell r="C3868">
            <v>1.0253000000000001</v>
          </cell>
          <cell r="AT3868">
            <v>2008</v>
          </cell>
          <cell r="AU3868">
            <v>8</v>
          </cell>
        </row>
        <row r="3869">
          <cell r="C3869">
            <v>1.0253000000000001</v>
          </cell>
          <cell r="AT3869">
            <v>2008</v>
          </cell>
          <cell r="AU3869">
            <v>8</v>
          </cell>
        </row>
        <row r="3870">
          <cell r="C3870">
            <v>1.0253000000000001</v>
          </cell>
          <cell r="AT3870">
            <v>2008</v>
          </cell>
          <cell r="AU3870">
            <v>8</v>
          </cell>
        </row>
        <row r="3871">
          <cell r="C3871">
            <v>1.0426</v>
          </cell>
          <cell r="AT3871">
            <v>2008</v>
          </cell>
          <cell r="AU3871">
            <v>8</v>
          </cell>
        </row>
        <row r="3872">
          <cell r="C3872">
            <v>1.0469999999999999</v>
          </cell>
          <cell r="AT3872">
            <v>2008</v>
          </cell>
          <cell r="AU3872">
            <v>8</v>
          </cell>
        </row>
        <row r="3873">
          <cell r="C3873">
            <v>1.0510999999999999</v>
          </cell>
          <cell r="AT3873">
            <v>2008</v>
          </cell>
          <cell r="AU3873">
            <v>8</v>
          </cell>
        </row>
        <row r="3874">
          <cell r="C3874">
            <v>1.0678000000000001</v>
          </cell>
          <cell r="AT3874">
            <v>2008</v>
          </cell>
          <cell r="AU3874">
            <v>8</v>
          </cell>
        </row>
        <row r="3875">
          <cell r="C3875">
            <v>1.0678000000000001</v>
          </cell>
          <cell r="AT3875">
            <v>2008</v>
          </cell>
          <cell r="AU3875">
            <v>8</v>
          </cell>
        </row>
        <row r="3876">
          <cell r="C3876">
            <v>1.0678000000000001</v>
          </cell>
          <cell r="AT3876">
            <v>2008</v>
          </cell>
          <cell r="AU3876">
            <v>8</v>
          </cell>
        </row>
        <row r="3877">
          <cell r="C3877">
            <v>1.0676000000000001</v>
          </cell>
          <cell r="AT3877">
            <v>2008</v>
          </cell>
          <cell r="AU3877">
            <v>8</v>
          </cell>
        </row>
        <row r="3878">
          <cell r="C3878">
            <v>1.0640000000000001</v>
          </cell>
          <cell r="AT3878">
            <v>2008</v>
          </cell>
          <cell r="AU3878">
            <v>8</v>
          </cell>
        </row>
        <row r="3879">
          <cell r="C3879">
            <v>1.0657000000000001</v>
          </cell>
          <cell r="AT3879">
            <v>2008</v>
          </cell>
          <cell r="AU3879">
            <v>8</v>
          </cell>
        </row>
        <row r="3880">
          <cell r="C3880">
            <v>1.0620000000000001</v>
          </cell>
          <cell r="AT3880">
            <v>2008</v>
          </cell>
          <cell r="AU3880">
            <v>8</v>
          </cell>
        </row>
        <row r="3881">
          <cell r="C3881">
            <v>1.0609</v>
          </cell>
          <cell r="AT3881">
            <v>2008</v>
          </cell>
          <cell r="AU3881">
            <v>8</v>
          </cell>
        </row>
        <row r="3882">
          <cell r="C3882">
            <v>1.0609</v>
          </cell>
          <cell r="AT3882">
            <v>2008</v>
          </cell>
          <cell r="AU3882">
            <v>8</v>
          </cell>
        </row>
        <row r="3883">
          <cell r="C3883">
            <v>1.0609</v>
          </cell>
          <cell r="AT3883">
            <v>2008</v>
          </cell>
          <cell r="AU3883">
            <v>8</v>
          </cell>
        </row>
        <row r="3884">
          <cell r="C3884">
            <v>1.0605</v>
          </cell>
          <cell r="AT3884">
            <v>2008</v>
          </cell>
          <cell r="AU3884">
            <v>8</v>
          </cell>
        </row>
        <row r="3885">
          <cell r="C3885">
            <v>1.0607</v>
          </cell>
          <cell r="AT3885">
            <v>2008</v>
          </cell>
          <cell r="AU3885">
            <v>8</v>
          </cell>
        </row>
        <row r="3886">
          <cell r="C3886">
            <v>1.0628</v>
          </cell>
          <cell r="AT3886">
            <v>2008</v>
          </cell>
          <cell r="AU3886">
            <v>8</v>
          </cell>
        </row>
        <row r="3887">
          <cell r="C3887">
            <v>1.0456000000000001</v>
          </cell>
          <cell r="AT3887">
            <v>2008</v>
          </cell>
          <cell r="AU3887">
            <v>8</v>
          </cell>
        </row>
        <row r="3888">
          <cell r="C3888">
            <v>1.0458000000000001</v>
          </cell>
          <cell r="AT3888">
            <v>2008</v>
          </cell>
          <cell r="AU3888">
            <v>8</v>
          </cell>
        </row>
        <row r="3889">
          <cell r="C3889">
            <v>1.0458000000000001</v>
          </cell>
          <cell r="AT3889">
            <v>2008</v>
          </cell>
          <cell r="AU3889">
            <v>8</v>
          </cell>
        </row>
        <row r="3890">
          <cell r="C3890">
            <v>1.0458000000000001</v>
          </cell>
          <cell r="AT3890">
            <v>2008</v>
          </cell>
          <cell r="AU3890">
            <v>8</v>
          </cell>
        </row>
        <row r="3891">
          <cell r="C3891">
            <v>1.0464</v>
          </cell>
          <cell r="AT3891">
            <v>2008</v>
          </cell>
          <cell r="AU3891">
            <v>8</v>
          </cell>
        </row>
        <row r="3892">
          <cell r="C3892">
            <v>1.0483</v>
          </cell>
          <cell r="AT3892">
            <v>2008</v>
          </cell>
          <cell r="AU3892">
            <v>8</v>
          </cell>
        </row>
        <row r="3893">
          <cell r="C3893">
            <v>1.0486</v>
          </cell>
          <cell r="AT3893">
            <v>2008</v>
          </cell>
          <cell r="AU3893">
            <v>8</v>
          </cell>
        </row>
        <row r="3894">
          <cell r="C3894">
            <v>1.0526</v>
          </cell>
          <cell r="AT3894">
            <v>2008</v>
          </cell>
          <cell r="AU3894">
            <v>8</v>
          </cell>
        </row>
        <row r="3895">
          <cell r="C3895">
            <v>1.0626</v>
          </cell>
          <cell r="AT3895">
            <v>2008</v>
          </cell>
          <cell r="AU3895">
            <v>8</v>
          </cell>
        </row>
        <row r="3896">
          <cell r="C3896">
            <v>1.0626</v>
          </cell>
          <cell r="AT3896">
            <v>2008</v>
          </cell>
          <cell r="AU3896">
            <v>8</v>
          </cell>
        </row>
        <row r="3897">
          <cell r="C3897">
            <v>1.0626</v>
          </cell>
          <cell r="AT3897">
            <v>2008</v>
          </cell>
          <cell r="AU3897">
            <v>9</v>
          </cell>
        </row>
        <row r="3898">
          <cell r="C3898">
            <v>1.0626</v>
          </cell>
          <cell r="AT3898">
            <v>2008</v>
          </cell>
          <cell r="AU3898">
            <v>9</v>
          </cell>
        </row>
        <row r="3899">
          <cell r="C3899">
            <v>1.0701000000000001</v>
          </cell>
          <cell r="AT3899">
            <v>2008</v>
          </cell>
          <cell r="AU3899">
            <v>9</v>
          </cell>
        </row>
        <row r="3900">
          <cell r="C3900">
            <v>1.0607</v>
          </cell>
          <cell r="AT3900">
            <v>2008</v>
          </cell>
          <cell r="AU3900">
            <v>9</v>
          </cell>
        </row>
        <row r="3901">
          <cell r="C3901">
            <v>1.0642</v>
          </cell>
          <cell r="AT3901">
            <v>2008</v>
          </cell>
          <cell r="AU3901">
            <v>9</v>
          </cell>
        </row>
        <row r="3902">
          <cell r="C3902">
            <v>1.0641</v>
          </cell>
          <cell r="AT3902">
            <v>2008</v>
          </cell>
          <cell r="AU3902">
            <v>9</v>
          </cell>
        </row>
        <row r="3903">
          <cell r="C3903">
            <v>1.0641</v>
          </cell>
          <cell r="AT3903">
            <v>2008</v>
          </cell>
          <cell r="AU3903">
            <v>9</v>
          </cell>
        </row>
        <row r="3904">
          <cell r="C3904">
            <v>1.0641</v>
          </cell>
          <cell r="AT3904">
            <v>2008</v>
          </cell>
          <cell r="AU3904">
            <v>9</v>
          </cell>
        </row>
        <row r="3905">
          <cell r="C3905">
            <v>1.0696000000000001</v>
          </cell>
          <cell r="AT3905">
            <v>2008</v>
          </cell>
          <cell r="AU3905">
            <v>9</v>
          </cell>
        </row>
        <row r="3906">
          <cell r="C3906">
            <v>1.0679000000000001</v>
          </cell>
          <cell r="AT3906">
            <v>2008</v>
          </cell>
          <cell r="AU3906">
            <v>9</v>
          </cell>
        </row>
        <row r="3907">
          <cell r="C3907">
            <v>1.0738000000000001</v>
          </cell>
          <cell r="AT3907">
            <v>2008</v>
          </cell>
          <cell r="AU3907">
            <v>9</v>
          </cell>
        </row>
        <row r="3908">
          <cell r="C3908">
            <v>1.0795999999999999</v>
          </cell>
          <cell r="AT3908">
            <v>2008</v>
          </cell>
          <cell r="AU3908">
            <v>9</v>
          </cell>
        </row>
        <row r="3909">
          <cell r="C3909">
            <v>1.0609</v>
          </cell>
          <cell r="AT3909">
            <v>2008</v>
          </cell>
          <cell r="AU3909">
            <v>9</v>
          </cell>
        </row>
        <row r="3910">
          <cell r="C3910">
            <v>1.0609</v>
          </cell>
          <cell r="AT3910">
            <v>2008</v>
          </cell>
          <cell r="AU3910">
            <v>9</v>
          </cell>
        </row>
        <row r="3911">
          <cell r="C3911">
            <v>1.0609</v>
          </cell>
          <cell r="AT3911">
            <v>2008</v>
          </cell>
          <cell r="AU3911">
            <v>9</v>
          </cell>
        </row>
        <row r="3912">
          <cell r="C3912">
            <v>1.0677000000000001</v>
          </cell>
          <cell r="AT3912">
            <v>2008</v>
          </cell>
          <cell r="AU3912">
            <v>9</v>
          </cell>
        </row>
        <row r="3913">
          <cell r="C3913">
            <v>1.0733999999999999</v>
          </cell>
          <cell r="AT3913">
            <v>2008</v>
          </cell>
          <cell r="AU3913">
            <v>9</v>
          </cell>
        </row>
        <row r="3914">
          <cell r="C3914">
            <v>1.0783</v>
          </cell>
          <cell r="AT3914">
            <v>2008</v>
          </cell>
          <cell r="AU3914">
            <v>9</v>
          </cell>
        </row>
        <row r="3915">
          <cell r="C3915">
            <v>1.0701000000000001</v>
          </cell>
          <cell r="AT3915">
            <v>2008</v>
          </cell>
          <cell r="AU3915">
            <v>9</v>
          </cell>
        </row>
        <row r="3916">
          <cell r="C3916">
            <v>1.0469999999999999</v>
          </cell>
          <cell r="AT3916">
            <v>2008</v>
          </cell>
          <cell r="AU3916">
            <v>9</v>
          </cell>
        </row>
        <row r="3917">
          <cell r="C3917">
            <v>1.0469999999999999</v>
          </cell>
          <cell r="AT3917">
            <v>2008</v>
          </cell>
          <cell r="AU3917">
            <v>9</v>
          </cell>
        </row>
        <row r="3918">
          <cell r="C3918">
            <v>1.0469999999999999</v>
          </cell>
          <cell r="AT3918">
            <v>2008</v>
          </cell>
          <cell r="AU3918">
            <v>9</v>
          </cell>
        </row>
        <row r="3919">
          <cell r="C3919">
            <v>1.0382</v>
          </cell>
          <cell r="AT3919">
            <v>2008</v>
          </cell>
          <cell r="AU3919">
            <v>9</v>
          </cell>
        </row>
        <row r="3920">
          <cell r="C3920">
            <v>1.0355000000000001</v>
          </cell>
          <cell r="AT3920">
            <v>2008</v>
          </cell>
          <cell r="AU3920">
            <v>9</v>
          </cell>
        </row>
        <row r="3921">
          <cell r="C3921">
            <v>1.0350999999999999</v>
          </cell>
          <cell r="AT3921">
            <v>2008</v>
          </cell>
          <cell r="AU3921">
            <v>9</v>
          </cell>
        </row>
        <row r="3922">
          <cell r="C3922">
            <v>1.0338000000000001</v>
          </cell>
          <cell r="AT3922">
            <v>2008</v>
          </cell>
          <cell r="AU3922">
            <v>9</v>
          </cell>
        </row>
        <row r="3923">
          <cell r="C3923">
            <v>1.0348999999999999</v>
          </cell>
          <cell r="AT3923">
            <v>2008</v>
          </cell>
          <cell r="AU3923">
            <v>9</v>
          </cell>
        </row>
        <row r="3924">
          <cell r="C3924">
            <v>1.0348999999999999</v>
          </cell>
          <cell r="AT3924">
            <v>2008</v>
          </cell>
          <cell r="AU3924">
            <v>9</v>
          </cell>
        </row>
        <row r="3925">
          <cell r="C3925">
            <v>1.0348999999999999</v>
          </cell>
          <cell r="AT3925">
            <v>2008</v>
          </cell>
          <cell r="AU3925">
            <v>9</v>
          </cell>
        </row>
        <row r="3926">
          <cell r="C3926">
            <v>1.0394000000000001</v>
          </cell>
          <cell r="AT3926">
            <v>2008</v>
          </cell>
          <cell r="AU3926">
            <v>9</v>
          </cell>
        </row>
        <row r="3927">
          <cell r="C3927">
            <v>1.0599000000000001</v>
          </cell>
          <cell r="AT3927">
            <v>2008</v>
          </cell>
          <cell r="AU3927">
            <v>10</v>
          </cell>
        </row>
        <row r="3928">
          <cell r="C3928">
            <v>1.0609</v>
          </cell>
          <cell r="AT3928">
            <v>2008</v>
          </cell>
          <cell r="AU3928">
            <v>10</v>
          </cell>
        </row>
        <row r="3929">
          <cell r="C3929">
            <v>1.0769</v>
          </cell>
          <cell r="AT3929">
            <v>2008</v>
          </cell>
          <cell r="AU3929">
            <v>10</v>
          </cell>
        </row>
        <row r="3930">
          <cell r="C3930">
            <v>1.0811999999999999</v>
          </cell>
          <cell r="AT3930">
            <v>2008</v>
          </cell>
          <cell r="AU3930">
            <v>10</v>
          </cell>
        </row>
        <row r="3931">
          <cell r="C3931">
            <v>1.0811999999999999</v>
          </cell>
          <cell r="AT3931">
            <v>2008</v>
          </cell>
          <cell r="AU3931">
            <v>10</v>
          </cell>
        </row>
        <row r="3932">
          <cell r="C3932">
            <v>1.0811999999999999</v>
          </cell>
          <cell r="AT3932">
            <v>2008</v>
          </cell>
          <cell r="AU3932">
            <v>10</v>
          </cell>
        </row>
        <row r="3933">
          <cell r="C3933">
            <v>1.1027</v>
          </cell>
          <cell r="AT3933">
            <v>2008</v>
          </cell>
          <cell r="AU3933">
            <v>10</v>
          </cell>
        </row>
        <row r="3934">
          <cell r="C3934">
            <v>1.1057999999999999</v>
          </cell>
          <cell r="AT3934">
            <v>2008</v>
          </cell>
          <cell r="AU3934">
            <v>10</v>
          </cell>
        </row>
        <row r="3935">
          <cell r="C3935">
            <v>1.1249</v>
          </cell>
          <cell r="AT3935">
            <v>2008</v>
          </cell>
          <cell r="AU3935">
            <v>10</v>
          </cell>
        </row>
        <row r="3936">
          <cell r="C3936">
            <v>1.1486000000000001</v>
          </cell>
          <cell r="AT3936">
            <v>2008</v>
          </cell>
          <cell r="AU3936">
            <v>10</v>
          </cell>
        </row>
        <row r="3937">
          <cell r="C3937">
            <v>1.1907000000000001</v>
          </cell>
          <cell r="AT3937">
            <v>2008</v>
          </cell>
          <cell r="AU3937">
            <v>10</v>
          </cell>
        </row>
        <row r="3938">
          <cell r="C3938">
            <v>1.1907000000000001</v>
          </cell>
          <cell r="AT3938">
            <v>2008</v>
          </cell>
          <cell r="AU3938">
            <v>10</v>
          </cell>
        </row>
        <row r="3939">
          <cell r="C3939">
            <v>1.1907000000000001</v>
          </cell>
          <cell r="AT3939">
            <v>2008</v>
          </cell>
          <cell r="AU3939">
            <v>10</v>
          </cell>
        </row>
        <row r="3940">
          <cell r="C3940">
            <v>1.1907000000000001</v>
          </cell>
          <cell r="AT3940">
            <v>2008</v>
          </cell>
          <cell r="AU3940">
            <v>10</v>
          </cell>
        </row>
        <row r="3941">
          <cell r="C3941">
            <v>1.1601999999999999</v>
          </cell>
          <cell r="AT3941">
            <v>2008</v>
          </cell>
          <cell r="AU3941">
            <v>10</v>
          </cell>
        </row>
        <row r="3942">
          <cell r="C3942">
            <v>1.1801999999999999</v>
          </cell>
          <cell r="AT3942">
            <v>2008</v>
          </cell>
          <cell r="AU3942">
            <v>10</v>
          </cell>
        </row>
        <row r="3943">
          <cell r="C3943">
            <v>1.1952</v>
          </cell>
          <cell r="AT3943">
            <v>2008</v>
          </cell>
          <cell r="AU3943">
            <v>10</v>
          </cell>
        </row>
        <row r="3944">
          <cell r="C3944">
            <v>1.1822999999999999</v>
          </cell>
          <cell r="AT3944">
            <v>2008</v>
          </cell>
          <cell r="AU3944">
            <v>10</v>
          </cell>
        </row>
        <row r="3945">
          <cell r="C3945">
            <v>1.1822999999999999</v>
          </cell>
          <cell r="AT3945">
            <v>2008</v>
          </cell>
          <cell r="AU3945">
            <v>10</v>
          </cell>
        </row>
        <row r="3946">
          <cell r="C3946">
            <v>1.1822999999999999</v>
          </cell>
          <cell r="AT3946">
            <v>2008</v>
          </cell>
          <cell r="AU3946">
            <v>10</v>
          </cell>
        </row>
        <row r="3947">
          <cell r="C3947">
            <v>1.1976</v>
          </cell>
          <cell r="AT3947">
            <v>2008</v>
          </cell>
          <cell r="AU3947">
            <v>10</v>
          </cell>
        </row>
        <row r="3948">
          <cell r="C3948">
            <v>1.2202</v>
          </cell>
          <cell r="AT3948">
            <v>2008</v>
          </cell>
          <cell r="AU3948">
            <v>10</v>
          </cell>
        </row>
        <row r="3949">
          <cell r="C3949">
            <v>1.2499</v>
          </cell>
          <cell r="AT3949">
            <v>2008</v>
          </cell>
          <cell r="AU3949">
            <v>10</v>
          </cell>
        </row>
        <row r="3950">
          <cell r="C3950">
            <v>1.2573000000000001</v>
          </cell>
          <cell r="AT3950">
            <v>2008</v>
          </cell>
          <cell r="AU3950">
            <v>10</v>
          </cell>
        </row>
        <row r="3951">
          <cell r="C3951">
            <v>1.2732000000000001</v>
          </cell>
          <cell r="AT3951">
            <v>2008</v>
          </cell>
          <cell r="AU3951">
            <v>10</v>
          </cell>
        </row>
        <row r="3952">
          <cell r="C3952">
            <v>1.2732000000000001</v>
          </cell>
          <cell r="AT3952">
            <v>2008</v>
          </cell>
          <cell r="AU3952">
            <v>10</v>
          </cell>
        </row>
        <row r="3953">
          <cell r="C3953">
            <v>1.2732000000000001</v>
          </cell>
          <cell r="AT3953">
            <v>2008</v>
          </cell>
          <cell r="AU3953">
            <v>10</v>
          </cell>
        </row>
        <row r="3954">
          <cell r="C3954">
            <v>1.2929999999999999</v>
          </cell>
          <cell r="AT3954">
            <v>2008</v>
          </cell>
          <cell r="AU3954">
            <v>10</v>
          </cell>
        </row>
        <row r="3955">
          <cell r="C3955">
            <v>1.2943</v>
          </cell>
          <cell r="AT3955">
            <v>2008</v>
          </cell>
          <cell r="AU3955">
            <v>10</v>
          </cell>
        </row>
        <row r="3956">
          <cell r="C3956">
            <v>1.2307999999999999</v>
          </cell>
          <cell r="AT3956">
            <v>2008</v>
          </cell>
          <cell r="AU3956">
            <v>10</v>
          </cell>
        </row>
        <row r="3957">
          <cell r="C3957">
            <v>1.2221</v>
          </cell>
          <cell r="AT3957">
            <v>2008</v>
          </cell>
          <cell r="AU3957">
            <v>10</v>
          </cell>
        </row>
        <row r="3958">
          <cell r="C3958">
            <v>1.2164999999999999</v>
          </cell>
          <cell r="AT3958">
            <v>2008</v>
          </cell>
          <cell r="AU3958">
            <v>11</v>
          </cell>
        </row>
        <row r="3959">
          <cell r="C3959">
            <v>1.2164999999999999</v>
          </cell>
          <cell r="AT3959">
            <v>2008</v>
          </cell>
          <cell r="AU3959">
            <v>11</v>
          </cell>
        </row>
        <row r="3960">
          <cell r="C3960">
            <v>1.2164999999999999</v>
          </cell>
          <cell r="AT3960">
            <v>2008</v>
          </cell>
          <cell r="AU3960">
            <v>11</v>
          </cell>
        </row>
        <row r="3961">
          <cell r="C3961">
            <v>1.1875</v>
          </cell>
          <cell r="AT3961">
            <v>2008</v>
          </cell>
          <cell r="AU3961">
            <v>11</v>
          </cell>
        </row>
        <row r="3962">
          <cell r="C3962">
            <v>1.1498999999999999</v>
          </cell>
          <cell r="AT3962">
            <v>2008</v>
          </cell>
          <cell r="AU3962">
            <v>11</v>
          </cell>
        </row>
        <row r="3963">
          <cell r="C3963">
            <v>1.1596</v>
          </cell>
          <cell r="AT3963">
            <v>2008</v>
          </cell>
          <cell r="AU3963">
            <v>11</v>
          </cell>
        </row>
        <row r="3964">
          <cell r="C3964">
            <v>1.1818</v>
          </cell>
          <cell r="AT3964">
            <v>2008</v>
          </cell>
          <cell r="AU3964">
            <v>11</v>
          </cell>
        </row>
        <row r="3965">
          <cell r="C3965">
            <v>1.1835</v>
          </cell>
          <cell r="AT3965">
            <v>2008</v>
          </cell>
          <cell r="AU3965">
            <v>11</v>
          </cell>
        </row>
        <row r="3966">
          <cell r="C3966">
            <v>1.1835</v>
          </cell>
          <cell r="AT3966">
            <v>2008</v>
          </cell>
          <cell r="AU3966">
            <v>11</v>
          </cell>
        </row>
        <row r="3967">
          <cell r="C3967">
            <v>1.1835</v>
          </cell>
          <cell r="AT3967">
            <v>2008</v>
          </cell>
          <cell r="AU3967">
            <v>11</v>
          </cell>
        </row>
        <row r="3968">
          <cell r="C3968">
            <v>1.1941999999999999</v>
          </cell>
          <cell r="AT3968">
            <v>2008</v>
          </cell>
          <cell r="AU3968">
            <v>11</v>
          </cell>
        </row>
        <row r="3969">
          <cell r="C3969">
            <v>1.1941999999999999</v>
          </cell>
          <cell r="AT3969">
            <v>2008</v>
          </cell>
          <cell r="AU3969">
            <v>11</v>
          </cell>
        </row>
        <row r="3970">
          <cell r="C3970">
            <v>1.2295</v>
          </cell>
          <cell r="AT3970">
            <v>2008</v>
          </cell>
          <cell r="AU3970">
            <v>11</v>
          </cell>
        </row>
        <row r="3971">
          <cell r="C3971">
            <v>1.2315</v>
          </cell>
          <cell r="AT3971">
            <v>2008</v>
          </cell>
          <cell r="AU3971">
            <v>11</v>
          </cell>
        </row>
        <row r="3972">
          <cell r="C3972">
            <v>1.2246999999999999</v>
          </cell>
          <cell r="AT3972">
            <v>2008</v>
          </cell>
          <cell r="AU3972">
            <v>11</v>
          </cell>
        </row>
        <row r="3973">
          <cell r="C3973">
            <v>1.2246999999999999</v>
          </cell>
          <cell r="AT3973">
            <v>2008</v>
          </cell>
          <cell r="AU3973">
            <v>11</v>
          </cell>
        </row>
        <row r="3974">
          <cell r="C3974">
            <v>1.2246999999999999</v>
          </cell>
          <cell r="AT3974">
            <v>2008</v>
          </cell>
          <cell r="AU3974">
            <v>11</v>
          </cell>
        </row>
        <row r="3975">
          <cell r="C3975">
            <v>1.2211000000000001</v>
          </cell>
          <cell r="AT3975">
            <v>2008</v>
          </cell>
          <cell r="AU3975">
            <v>11</v>
          </cell>
        </row>
        <row r="3976">
          <cell r="C3976">
            <v>1.2239</v>
          </cell>
          <cell r="AT3976">
            <v>2008</v>
          </cell>
          <cell r="AU3976">
            <v>11</v>
          </cell>
        </row>
        <row r="3977">
          <cell r="C3977">
            <v>1.2370000000000001</v>
          </cell>
          <cell r="AT3977">
            <v>2008</v>
          </cell>
          <cell r="AU3977">
            <v>11</v>
          </cell>
        </row>
        <row r="3978">
          <cell r="C3978">
            <v>1.2855000000000001</v>
          </cell>
          <cell r="AT3978">
            <v>2008</v>
          </cell>
          <cell r="AU3978">
            <v>11</v>
          </cell>
        </row>
        <row r="3979">
          <cell r="C3979">
            <v>1.2854000000000001</v>
          </cell>
          <cell r="AT3979">
            <v>2008</v>
          </cell>
          <cell r="AU3979">
            <v>11</v>
          </cell>
        </row>
        <row r="3980">
          <cell r="C3980">
            <v>1.2854000000000001</v>
          </cell>
          <cell r="AT3980">
            <v>2008</v>
          </cell>
          <cell r="AU3980">
            <v>11</v>
          </cell>
        </row>
        <row r="3981">
          <cell r="C3981">
            <v>1.2854000000000001</v>
          </cell>
          <cell r="AT3981">
            <v>2008</v>
          </cell>
          <cell r="AU3981">
            <v>11</v>
          </cell>
        </row>
        <row r="3982">
          <cell r="C3982">
            <v>1.2250000000000001</v>
          </cell>
          <cell r="AT3982">
            <v>2008</v>
          </cell>
          <cell r="AU3982">
            <v>11</v>
          </cell>
        </row>
        <row r="3983">
          <cell r="C3983">
            <v>1.2209000000000001</v>
          </cell>
          <cell r="AT3983">
            <v>2008</v>
          </cell>
          <cell r="AU3983">
            <v>11</v>
          </cell>
        </row>
        <row r="3984">
          <cell r="C3984">
            <v>1.2342</v>
          </cell>
          <cell r="AT3984">
            <v>2008</v>
          </cell>
          <cell r="AU3984">
            <v>11</v>
          </cell>
        </row>
        <row r="3985">
          <cell r="C3985">
            <v>1.2342</v>
          </cell>
          <cell r="AT3985">
            <v>2008</v>
          </cell>
          <cell r="AU3985">
            <v>11</v>
          </cell>
        </row>
        <row r="3986">
          <cell r="C3986">
            <v>1.2342</v>
          </cell>
          <cell r="AT3986">
            <v>2008</v>
          </cell>
          <cell r="AU3986">
            <v>11</v>
          </cell>
        </row>
        <row r="3987">
          <cell r="C3987">
            <v>1.2342</v>
          </cell>
          <cell r="AT3987">
            <v>2008</v>
          </cell>
          <cell r="AU3987">
            <v>11</v>
          </cell>
        </row>
        <row r="3988">
          <cell r="C3988">
            <v>1.2342</v>
          </cell>
          <cell r="AT3988">
            <v>2008</v>
          </cell>
          <cell r="AU3988">
            <v>12</v>
          </cell>
        </row>
        <row r="3989">
          <cell r="C3989">
            <v>1.2377</v>
          </cell>
          <cell r="AT3989">
            <v>2008</v>
          </cell>
          <cell r="AU3989">
            <v>12</v>
          </cell>
        </row>
        <row r="3990">
          <cell r="C3990">
            <v>1.2421</v>
          </cell>
          <cell r="AT3990">
            <v>2008</v>
          </cell>
          <cell r="AU3990">
            <v>12</v>
          </cell>
        </row>
        <row r="3991">
          <cell r="C3991">
            <v>1.2573000000000001</v>
          </cell>
          <cell r="AT3991">
            <v>2008</v>
          </cell>
          <cell r="AU3991">
            <v>12</v>
          </cell>
        </row>
        <row r="3992">
          <cell r="C3992">
            <v>1.254</v>
          </cell>
          <cell r="AT3992">
            <v>2008</v>
          </cell>
          <cell r="AU3992">
            <v>12</v>
          </cell>
        </row>
        <row r="3993">
          <cell r="C3993">
            <v>1.2968999999999999</v>
          </cell>
          <cell r="AT3993">
            <v>2008</v>
          </cell>
          <cell r="AU3993">
            <v>12</v>
          </cell>
        </row>
        <row r="3994">
          <cell r="C3994">
            <v>1.2968999999999999</v>
          </cell>
          <cell r="AT3994">
            <v>2008</v>
          </cell>
          <cell r="AU3994">
            <v>12</v>
          </cell>
        </row>
        <row r="3995">
          <cell r="C3995">
            <v>1.2968999999999999</v>
          </cell>
          <cell r="AT3995">
            <v>2008</v>
          </cell>
          <cell r="AU3995">
            <v>12</v>
          </cell>
        </row>
        <row r="3996">
          <cell r="C3996">
            <v>1.2572000000000001</v>
          </cell>
          <cell r="AT3996">
            <v>2008</v>
          </cell>
          <cell r="AU3996">
            <v>12</v>
          </cell>
        </row>
        <row r="3997">
          <cell r="C3997">
            <v>1.2603</v>
          </cell>
          <cell r="AT3997">
            <v>2008</v>
          </cell>
          <cell r="AU3997">
            <v>12</v>
          </cell>
        </row>
        <row r="3998">
          <cell r="C3998">
            <v>1.2557</v>
          </cell>
          <cell r="AT3998">
            <v>2008</v>
          </cell>
          <cell r="AU3998">
            <v>12</v>
          </cell>
        </row>
        <row r="3999">
          <cell r="C3999">
            <v>1.2182999999999999</v>
          </cell>
          <cell r="AT3999">
            <v>2008</v>
          </cell>
          <cell r="AU3999">
            <v>12</v>
          </cell>
        </row>
        <row r="4000">
          <cell r="C4000">
            <v>1.2452000000000001</v>
          </cell>
          <cell r="AT4000">
            <v>2008</v>
          </cell>
          <cell r="AU4000">
            <v>12</v>
          </cell>
        </row>
        <row r="4001">
          <cell r="C4001">
            <v>1.2452000000000001</v>
          </cell>
          <cell r="AT4001">
            <v>2008</v>
          </cell>
          <cell r="AU4001">
            <v>12</v>
          </cell>
        </row>
        <row r="4002">
          <cell r="C4002">
            <v>1.2452000000000001</v>
          </cell>
          <cell r="AT4002">
            <v>2008</v>
          </cell>
          <cell r="AU4002">
            <v>12</v>
          </cell>
        </row>
        <row r="4003">
          <cell r="C4003">
            <v>1.2352000000000001</v>
          </cell>
          <cell r="AT4003">
            <v>2008</v>
          </cell>
          <cell r="AU4003">
            <v>12</v>
          </cell>
        </row>
        <row r="4004">
          <cell r="C4004">
            <v>1.2239</v>
          </cell>
          <cell r="AT4004">
            <v>2008</v>
          </cell>
          <cell r="AU4004">
            <v>12</v>
          </cell>
        </row>
        <row r="4005">
          <cell r="C4005">
            <v>1.2058</v>
          </cell>
          <cell r="AT4005">
            <v>2008</v>
          </cell>
          <cell r="AU4005">
            <v>12</v>
          </cell>
        </row>
        <row r="4006">
          <cell r="C4006">
            <v>1.1964999999999999</v>
          </cell>
          <cell r="AT4006">
            <v>2008</v>
          </cell>
          <cell r="AU4006">
            <v>12</v>
          </cell>
        </row>
        <row r="4007">
          <cell r="C4007">
            <v>1.2275</v>
          </cell>
          <cell r="AT4007">
            <v>2008</v>
          </cell>
          <cell r="AU4007">
            <v>12</v>
          </cell>
        </row>
        <row r="4008">
          <cell r="C4008">
            <v>1.2275</v>
          </cell>
          <cell r="AT4008">
            <v>2008</v>
          </cell>
          <cell r="AU4008">
            <v>12</v>
          </cell>
        </row>
        <row r="4009">
          <cell r="C4009">
            <v>1.2275</v>
          </cell>
          <cell r="AT4009">
            <v>2008</v>
          </cell>
          <cell r="AU4009">
            <v>12</v>
          </cell>
        </row>
        <row r="4010">
          <cell r="C4010">
            <v>1.2188000000000001</v>
          </cell>
          <cell r="AT4010">
            <v>2008</v>
          </cell>
          <cell r="AU4010">
            <v>12</v>
          </cell>
        </row>
        <row r="4011">
          <cell r="C4011">
            <v>1.2165999999999999</v>
          </cell>
          <cell r="AT4011">
            <v>2008</v>
          </cell>
          <cell r="AU4011">
            <v>12</v>
          </cell>
        </row>
        <row r="4012">
          <cell r="C4012">
            <v>1.2124999999999999</v>
          </cell>
          <cell r="AT4012">
            <v>2008</v>
          </cell>
          <cell r="AU4012">
            <v>12</v>
          </cell>
        </row>
        <row r="4013">
          <cell r="C4013">
            <v>1.2124999999999999</v>
          </cell>
          <cell r="AT4013">
            <v>2008</v>
          </cell>
          <cell r="AU4013">
            <v>12</v>
          </cell>
        </row>
        <row r="4014">
          <cell r="C4014">
            <v>1.2124999999999999</v>
          </cell>
          <cell r="AT4014">
            <v>2008</v>
          </cell>
          <cell r="AU4014">
            <v>12</v>
          </cell>
        </row>
        <row r="4015">
          <cell r="C4015">
            <v>1.2124999999999999</v>
          </cell>
          <cell r="AT4015">
            <v>2008</v>
          </cell>
          <cell r="AU4015">
            <v>12</v>
          </cell>
        </row>
        <row r="4016">
          <cell r="C4016">
            <v>1.2124999999999999</v>
          </cell>
          <cell r="AT4016">
            <v>2008</v>
          </cell>
          <cell r="AU4016">
            <v>12</v>
          </cell>
        </row>
        <row r="4017">
          <cell r="C4017">
            <v>1.2166999999999999</v>
          </cell>
          <cell r="AT4017">
            <v>2008</v>
          </cell>
          <cell r="AU4017">
            <v>12</v>
          </cell>
        </row>
        <row r="4018">
          <cell r="C4018">
            <v>1.2217</v>
          </cell>
          <cell r="AT4018">
            <v>2008</v>
          </cell>
          <cell r="AU4018">
            <v>12</v>
          </cell>
        </row>
        <row r="4019">
          <cell r="C4019">
            <v>1.2245999999999999</v>
          </cell>
          <cell r="AT4019">
            <v>2009</v>
          </cell>
          <cell r="AU4019">
            <v>1</v>
          </cell>
        </row>
        <row r="4020">
          <cell r="C4020">
            <v>1.2245999999999999</v>
          </cell>
          <cell r="AT4020">
            <v>2009</v>
          </cell>
          <cell r="AU4020">
            <v>1</v>
          </cell>
        </row>
        <row r="4021">
          <cell r="C4021">
            <v>1.2107000000000001</v>
          </cell>
          <cell r="AT4021">
            <v>2009</v>
          </cell>
          <cell r="AU4021">
            <v>1</v>
          </cell>
        </row>
        <row r="4022">
          <cell r="C4022">
            <v>1.2107000000000001</v>
          </cell>
          <cell r="AT4022">
            <v>2009</v>
          </cell>
          <cell r="AU4022">
            <v>1</v>
          </cell>
        </row>
        <row r="4023">
          <cell r="C4023">
            <v>1.2107000000000001</v>
          </cell>
          <cell r="AT4023">
            <v>2009</v>
          </cell>
          <cell r="AU4023">
            <v>1</v>
          </cell>
        </row>
        <row r="4024">
          <cell r="C4024">
            <v>1.1914</v>
          </cell>
          <cell r="AT4024">
            <v>2009</v>
          </cell>
          <cell r="AU4024">
            <v>1</v>
          </cell>
        </row>
        <row r="4025">
          <cell r="C4025">
            <v>1.1822999999999999</v>
          </cell>
          <cell r="AT4025">
            <v>2009</v>
          </cell>
          <cell r="AU4025">
            <v>1</v>
          </cell>
        </row>
        <row r="4026">
          <cell r="C4026">
            <v>1.1853</v>
          </cell>
          <cell r="AT4026">
            <v>2009</v>
          </cell>
          <cell r="AU4026">
            <v>1</v>
          </cell>
        </row>
        <row r="4027">
          <cell r="C4027">
            <v>1.1888000000000001</v>
          </cell>
          <cell r="AT4027">
            <v>2009</v>
          </cell>
          <cell r="AU4027">
            <v>1</v>
          </cell>
        </row>
        <row r="4028">
          <cell r="C4028">
            <v>1.1922999999999999</v>
          </cell>
          <cell r="AT4028">
            <v>2009</v>
          </cell>
          <cell r="AU4028">
            <v>1</v>
          </cell>
        </row>
        <row r="4029">
          <cell r="C4029">
            <v>1.1922999999999999</v>
          </cell>
          <cell r="AT4029">
            <v>2009</v>
          </cell>
          <cell r="AU4029">
            <v>1</v>
          </cell>
        </row>
        <row r="4030">
          <cell r="C4030">
            <v>1.1922999999999999</v>
          </cell>
          <cell r="AT4030">
            <v>2009</v>
          </cell>
          <cell r="AU4030">
            <v>1</v>
          </cell>
        </row>
        <row r="4031">
          <cell r="C4031">
            <v>1.2077</v>
          </cell>
          <cell r="AT4031">
            <v>2009</v>
          </cell>
          <cell r="AU4031">
            <v>1</v>
          </cell>
        </row>
        <row r="4032">
          <cell r="C4032">
            <v>1.2257</v>
          </cell>
          <cell r="AT4032">
            <v>2009</v>
          </cell>
          <cell r="AU4032">
            <v>1</v>
          </cell>
        </row>
        <row r="4033">
          <cell r="C4033">
            <v>1.2383</v>
          </cell>
          <cell r="AT4033">
            <v>2009</v>
          </cell>
          <cell r="AU4033">
            <v>1</v>
          </cell>
        </row>
        <row r="4034">
          <cell r="C4034">
            <v>1.2625</v>
          </cell>
          <cell r="AT4034">
            <v>2009</v>
          </cell>
          <cell r="AU4034">
            <v>1</v>
          </cell>
        </row>
        <row r="4035">
          <cell r="C4035">
            <v>1.2542</v>
          </cell>
          <cell r="AT4035">
            <v>2009</v>
          </cell>
          <cell r="AU4035">
            <v>1</v>
          </cell>
        </row>
        <row r="4036">
          <cell r="C4036">
            <v>1.2542</v>
          </cell>
          <cell r="AT4036">
            <v>2009</v>
          </cell>
          <cell r="AU4036">
            <v>1</v>
          </cell>
        </row>
        <row r="4037">
          <cell r="C4037">
            <v>1.2542</v>
          </cell>
          <cell r="AT4037">
            <v>2009</v>
          </cell>
          <cell r="AU4037">
            <v>1</v>
          </cell>
        </row>
        <row r="4038">
          <cell r="C4038">
            <v>1.2542</v>
          </cell>
          <cell r="AT4038">
            <v>2009</v>
          </cell>
          <cell r="AU4038">
            <v>1</v>
          </cell>
        </row>
        <row r="4039">
          <cell r="C4039">
            <v>1.2605</v>
          </cell>
          <cell r="AT4039">
            <v>2009</v>
          </cell>
          <cell r="AU4039">
            <v>1</v>
          </cell>
        </row>
        <row r="4040">
          <cell r="C4040">
            <v>1.2741</v>
          </cell>
          <cell r="AT4040">
            <v>2009</v>
          </cell>
          <cell r="AU4040">
            <v>1</v>
          </cell>
        </row>
        <row r="4041">
          <cell r="C4041">
            <v>1.2629999999999999</v>
          </cell>
          <cell r="AT4041">
            <v>2009</v>
          </cell>
          <cell r="AU4041">
            <v>1</v>
          </cell>
        </row>
        <row r="4042">
          <cell r="C4042">
            <v>1.248</v>
          </cell>
          <cell r="AT4042">
            <v>2009</v>
          </cell>
          <cell r="AU4042">
            <v>1</v>
          </cell>
        </row>
        <row r="4043">
          <cell r="C4043">
            <v>1.248</v>
          </cell>
          <cell r="AT4043">
            <v>2009</v>
          </cell>
          <cell r="AU4043">
            <v>1</v>
          </cell>
        </row>
        <row r="4044">
          <cell r="C4044">
            <v>1.248</v>
          </cell>
          <cell r="AT4044">
            <v>2009</v>
          </cell>
          <cell r="AU4044">
            <v>1</v>
          </cell>
        </row>
        <row r="4045">
          <cell r="C4045">
            <v>1.2204999999999999</v>
          </cell>
          <cell r="AT4045">
            <v>2009</v>
          </cell>
          <cell r="AU4045">
            <v>1</v>
          </cell>
        </row>
        <row r="4046">
          <cell r="C4046">
            <v>1.2299</v>
          </cell>
          <cell r="AT4046">
            <v>2009</v>
          </cell>
          <cell r="AU4046">
            <v>1</v>
          </cell>
        </row>
        <row r="4047">
          <cell r="C4047">
            <v>1.2098</v>
          </cell>
          <cell r="AT4047">
            <v>2009</v>
          </cell>
          <cell r="AU4047">
            <v>1</v>
          </cell>
        </row>
        <row r="4048">
          <cell r="C4048">
            <v>1.2188000000000001</v>
          </cell>
          <cell r="AT4048">
            <v>2009</v>
          </cell>
          <cell r="AU4048">
            <v>1</v>
          </cell>
        </row>
        <row r="4049">
          <cell r="C4049">
            <v>1.2363999999999999</v>
          </cell>
          <cell r="AT4049">
            <v>2009</v>
          </cell>
          <cell r="AU4049">
            <v>1</v>
          </cell>
        </row>
        <row r="4050">
          <cell r="C4050">
            <v>1.2363999999999999</v>
          </cell>
          <cell r="AT4050">
            <v>2009</v>
          </cell>
          <cell r="AU4050">
            <v>2</v>
          </cell>
        </row>
        <row r="4051">
          <cell r="C4051">
            <v>1.2363999999999999</v>
          </cell>
          <cell r="AT4051">
            <v>2009</v>
          </cell>
          <cell r="AU4051">
            <v>2</v>
          </cell>
        </row>
        <row r="4052">
          <cell r="C4052">
            <v>1.2403999999999999</v>
          </cell>
          <cell r="AT4052">
            <v>2009</v>
          </cell>
          <cell r="AU4052">
            <v>2</v>
          </cell>
        </row>
        <row r="4053">
          <cell r="C4053">
            <v>1.2337</v>
          </cell>
          <cell r="AT4053">
            <v>2009</v>
          </cell>
          <cell r="AU4053">
            <v>2</v>
          </cell>
        </row>
        <row r="4054">
          <cell r="C4054">
            <v>1.2265999999999999</v>
          </cell>
          <cell r="AT4054">
            <v>2009</v>
          </cell>
          <cell r="AU4054">
            <v>2</v>
          </cell>
        </row>
        <row r="4055">
          <cell r="C4055">
            <v>1.2302999999999999</v>
          </cell>
          <cell r="AT4055">
            <v>2009</v>
          </cell>
          <cell r="AU4055">
            <v>2</v>
          </cell>
        </row>
        <row r="4056">
          <cell r="C4056">
            <v>1.2388999999999999</v>
          </cell>
          <cell r="AT4056">
            <v>2009</v>
          </cell>
          <cell r="AU4056">
            <v>2</v>
          </cell>
        </row>
        <row r="4057">
          <cell r="C4057">
            <v>1.2388999999999999</v>
          </cell>
          <cell r="AT4057">
            <v>2009</v>
          </cell>
          <cell r="AU4057">
            <v>2</v>
          </cell>
        </row>
        <row r="4058">
          <cell r="C4058">
            <v>1.2388999999999999</v>
          </cell>
          <cell r="AT4058">
            <v>2009</v>
          </cell>
          <cell r="AU4058">
            <v>2</v>
          </cell>
        </row>
        <row r="4059">
          <cell r="C4059">
            <v>1.2192000000000001</v>
          </cell>
          <cell r="AT4059">
            <v>2009</v>
          </cell>
          <cell r="AU4059">
            <v>2</v>
          </cell>
        </row>
        <row r="4060">
          <cell r="C4060">
            <v>1.2332000000000001</v>
          </cell>
          <cell r="AT4060">
            <v>2009</v>
          </cell>
          <cell r="AU4060">
            <v>2</v>
          </cell>
        </row>
        <row r="4061">
          <cell r="C4061">
            <v>1.2423999999999999</v>
          </cell>
          <cell r="AT4061">
            <v>2009</v>
          </cell>
          <cell r="AU4061">
            <v>2</v>
          </cell>
        </row>
        <row r="4062">
          <cell r="C4062">
            <v>1.2477</v>
          </cell>
          <cell r="AT4062">
            <v>2009</v>
          </cell>
          <cell r="AU4062">
            <v>2</v>
          </cell>
        </row>
        <row r="4063">
          <cell r="C4063">
            <v>1.2437</v>
          </cell>
          <cell r="AT4063">
            <v>2009</v>
          </cell>
          <cell r="AU4063">
            <v>2</v>
          </cell>
        </row>
        <row r="4064">
          <cell r="C4064">
            <v>1.2437</v>
          </cell>
          <cell r="AT4064">
            <v>2009</v>
          </cell>
          <cell r="AU4064">
            <v>2</v>
          </cell>
        </row>
        <row r="4065">
          <cell r="C4065">
            <v>1.2437</v>
          </cell>
          <cell r="AT4065">
            <v>2009</v>
          </cell>
          <cell r="AU4065">
            <v>2</v>
          </cell>
        </row>
        <row r="4066">
          <cell r="C4066">
            <v>1.2437</v>
          </cell>
          <cell r="AT4066">
            <v>2009</v>
          </cell>
          <cell r="AU4066">
            <v>2</v>
          </cell>
        </row>
        <row r="4067">
          <cell r="C4067">
            <v>1.2601</v>
          </cell>
          <cell r="AT4067">
            <v>2009</v>
          </cell>
          <cell r="AU4067">
            <v>2</v>
          </cell>
        </row>
        <row r="4068">
          <cell r="C4068">
            <v>1.2596000000000001</v>
          </cell>
          <cell r="AT4068">
            <v>2009</v>
          </cell>
          <cell r="AU4068">
            <v>2</v>
          </cell>
        </row>
        <row r="4069">
          <cell r="C4069">
            <v>1.2595000000000001</v>
          </cell>
          <cell r="AT4069">
            <v>2009</v>
          </cell>
          <cell r="AU4069">
            <v>2</v>
          </cell>
        </row>
        <row r="4070">
          <cell r="C4070">
            <v>1.2541</v>
          </cell>
          <cell r="AT4070">
            <v>2009</v>
          </cell>
          <cell r="AU4070">
            <v>2</v>
          </cell>
        </row>
        <row r="4071">
          <cell r="C4071">
            <v>1.2541</v>
          </cell>
          <cell r="AT4071">
            <v>2009</v>
          </cell>
          <cell r="AU4071">
            <v>2</v>
          </cell>
        </row>
        <row r="4072">
          <cell r="C4072">
            <v>1.2541</v>
          </cell>
          <cell r="AT4072">
            <v>2009</v>
          </cell>
          <cell r="AU4072">
            <v>2</v>
          </cell>
        </row>
        <row r="4073">
          <cell r="C4073">
            <v>1.2512000000000001</v>
          </cell>
          <cell r="AT4073">
            <v>2009</v>
          </cell>
          <cell r="AU4073">
            <v>2</v>
          </cell>
        </row>
        <row r="4074">
          <cell r="C4074">
            <v>1.2470000000000001</v>
          </cell>
          <cell r="AT4074">
            <v>2009</v>
          </cell>
          <cell r="AU4074">
            <v>2</v>
          </cell>
        </row>
        <row r="4075">
          <cell r="C4075">
            <v>1.2556</v>
          </cell>
          <cell r="AT4075">
            <v>2009</v>
          </cell>
          <cell r="AU4075">
            <v>2</v>
          </cell>
        </row>
        <row r="4076">
          <cell r="C4076">
            <v>1.2456</v>
          </cell>
          <cell r="AT4076">
            <v>2009</v>
          </cell>
          <cell r="AU4076">
            <v>2</v>
          </cell>
        </row>
        <row r="4077">
          <cell r="C4077">
            <v>1.2706999999999999</v>
          </cell>
          <cell r="AT4077">
            <v>2009</v>
          </cell>
          <cell r="AU4077">
            <v>2</v>
          </cell>
        </row>
        <row r="4078">
          <cell r="C4078">
            <v>1.2706999999999999</v>
          </cell>
          <cell r="AT4078">
            <v>2009</v>
          </cell>
          <cell r="AU4078">
            <v>3</v>
          </cell>
        </row>
        <row r="4079">
          <cell r="C4079">
            <v>1.2706999999999999</v>
          </cell>
          <cell r="AT4079">
            <v>2009</v>
          </cell>
          <cell r="AU4079">
            <v>3</v>
          </cell>
        </row>
        <row r="4080">
          <cell r="C4080">
            <v>1.2889999999999999</v>
          </cell>
          <cell r="AT4080">
            <v>2009</v>
          </cell>
          <cell r="AU4080">
            <v>3</v>
          </cell>
        </row>
        <row r="4081">
          <cell r="C4081">
            <v>1.2938000000000001</v>
          </cell>
          <cell r="AT4081">
            <v>2009</v>
          </cell>
          <cell r="AU4081">
            <v>3</v>
          </cell>
        </row>
        <row r="4082">
          <cell r="C4082">
            <v>1.2765</v>
          </cell>
          <cell r="AT4082">
            <v>2009</v>
          </cell>
          <cell r="AU4082">
            <v>3</v>
          </cell>
        </row>
        <row r="4083">
          <cell r="C4083">
            <v>1.2877000000000001</v>
          </cell>
          <cell r="AT4083">
            <v>2009</v>
          </cell>
          <cell r="AU4083">
            <v>3</v>
          </cell>
        </row>
        <row r="4084">
          <cell r="C4084">
            <v>1.2863</v>
          </cell>
          <cell r="AT4084">
            <v>2009</v>
          </cell>
          <cell r="AU4084">
            <v>3</v>
          </cell>
        </row>
        <row r="4085">
          <cell r="C4085">
            <v>1.2863</v>
          </cell>
          <cell r="AT4085">
            <v>2009</v>
          </cell>
          <cell r="AU4085">
            <v>3</v>
          </cell>
        </row>
        <row r="4086">
          <cell r="C4086">
            <v>1.2863</v>
          </cell>
          <cell r="AT4086">
            <v>2009</v>
          </cell>
          <cell r="AU4086">
            <v>3</v>
          </cell>
        </row>
        <row r="4087">
          <cell r="C4087">
            <v>1.3</v>
          </cell>
          <cell r="AT4087">
            <v>2009</v>
          </cell>
          <cell r="AU4087">
            <v>3</v>
          </cell>
        </row>
        <row r="4088">
          <cell r="C4088">
            <v>1.2797000000000001</v>
          </cell>
          <cell r="AT4088">
            <v>2009</v>
          </cell>
          <cell r="AU4088">
            <v>3</v>
          </cell>
        </row>
        <row r="4089">
          <cell r="C4089">
            <v>1.2806999999999999</v>
          </cell>
          <cell r="AT4089">
            <v>2009</v>
          </cell>
          <cell r="AU4089">
            <v>3</v>
          </cell>
        </row>
        <row r="4090">
          <cell r="C4090">
            <v>1.2905</v>
          </cell>
          <cell r="AT4090">
            <v>2009</v>
          </cell>
          <cell r="AU4090">
            <v>3</v>
          </cell>
        </row>
        <row r="4091">
          <cell r="C4091">
            <v>1.2748999999999999</v>
          </cell>
          <cell r="AT4091">
            <v>2009</v>
          </cell>
          <cell r="AU4091">
            <v>3</v>
          </cell>
        </row>
        <row r="4092">
          <cell r="C4092">
            <v>1.2748999999999999</v>
          </cell>
          <cell r="AT4092">
            <v>2009</v>
          </cell>
          <cell r="AU4092">
            <v>3</v>
          </cell>
        </row>
        <row r="4093">
          <cell r="C4093">
            <v>1.2748999999999999</v>
          </cell>
          <cell r="AT4093">
            <v>2009</v>
          </cell>
          <cell r="AU4093">
            <v>3</v>
          </cell>
        </row>
        <row r="4094">
          <cell r="C4094">
            <v>1.2724</v>
          </cell>
          <cell r="AT4094">
            <v>2009</v>
          </cell>
          <cell r="AU4094">
            <v>3</v>
          </cell>
        </row>
        <row r="4095">
          <cell r="C4095">
            <v>1.2718</v>
          </cell>
          <cell r="AT4095">
            <v>2009</v>
          </cell>
          <cell r="AU4095">
            <v>3</v>
          </cell>
        </row>
        <row r="4096">
          <cell r="C4096">
            <v>1.272</v>
          </cell>
          <cell r="AT4096">
            <v>2009</v>
          </cell>
          <cell r="AU4096">
            <v>3</v>
          </cell>
        </row>
        <row r="4097">
          <cell r="C4097">
            <v>1.2324999999999999</v>
          </cell>
          <cell r="AT4097">
            <v>2009</v>
          </cell>
          <cell r="AU4097">
            <v>3</v>
          </cell>
        </row>
        <row r="4098">
          <cell r="C4098">
            <v>1.2371000000000001</v>
          </cell>
          <cell r="AT4098">
            <v>2009</v>
          </cell>
          <cell r="AU4098">
            <v>3</v>
          </cell>
        </row>
        <row r="4099">
          <cell r="C4099">
            <v>1.2371000000000001</v>
          </cell>
          <cell r="AT4099">
            <v>2009</v>
          </cell>
          <cell r="AU4099">
            <v>3</v>
          </cell>
        </row>
        <row r="4100">
          <cell r="C4100">
            <v>1.2371000000000001</v>
          </cell>
          <cell r="AT4100">
            <v>2009</v>
          </cell>
          <cell r="AU4100">
            <v>3</v>
          </cell>
        </row>
        <row r="4101">
          <cell r="C4101">
            <v>1.2323</v>
          </cell>
          <cell r="AT4101">
            <v>2009</v>
          </cell>
          <cell r="AU4101">
            <v>3</v>
          </cell>
        </row>
        <row r="4102">
          <cell r="C4102">
            <v>1.2262</v>
          </cell>
          <cell r="AT4102">
            <v>2009</v>
          </cell>
          <cell r="AU4102">
            <v>3</v>
          </cell>
        </row>
        <row r="4103">
          <cell r="C4103">
            <v>1.2244999999999999</v>
          </cell>
          <cell r="AT4103">
            <v>2009</v>
          </cell>
          <cell r="AU4103">
            <v>3</v>
          </cell>
        </row>
        <row r="4104">
          <cell r="C4104">
            <v>1.2330000000000001</v>
          </cell>
          <cell r="AT4104">
            <v>2009</v>
          </cell>
          <cell r="AU4104">
            <v>3</v>
          </cell>
        </row>
        <row r="4105">
          <cell r="C4105">
            <v>1.2392000000000001</v>
          </cell>
          <cell r="AT4105">
            <v>2009</v>
          </cell>
          <cell r="AU4105">
            <v>3</v>
          </cell>
        </row>
        <row r="4106">
          <cell r="C4106">
            <v>1.2392000000000001</v>
          </cell>
          <cell r="AT4106">
            <v>2009</v>
          </cell>
          <cell r="AU4106">
            <v>3</v>
          </cell>
        </row>
        <row r="4107">
          <cell r="C4107">
            <v>1.2392000000000001</v>
          </cell>
          <cell r="AT4107">
            <v>2009</v>
          </cell>
          <cell r="AU4107">
            <v>3</v>
          </cell>
        </row>
        <row r="4108">
          <cell r="C4108">
            <v>1.2589999999999999</v>
          </cell>
          <cell r="AT4108">
            <v>2009</v>
          </cell>
          <cell r="AU4108">
            <v>3</v>
          </cell>
        </row>
        <row r="4109">
          <cell r="C4109">
            <v>1.2602</v>
          </cell>
          <cell r="AT4109">
            <v>2009</v>
          </cell>
          <cell r="AU4109">
            <v>4</v>
          </cell>
        </row>
        <row r="4110">
          <cell r="C4110">
            <v>1.2643</v>
          </cell>
          <cell r="AT4110">
            <v>2009</v>
          </cell>
          <cell r="AU4110">
            <v>4</v>
          </cell>
        </row>
        <row r="4111">
          <cell r="C4111">
            <v>1.2383999999999999</v>
          </cell>
          <cell r="AT4111">
            <v>2009</v>
          </cell>
          <cell r="AU4111">
            <v>4</v>
          </cell>
        </row>
        <row r="4112">
          <cell r="C4112">
            <v>1.2337</v>
          </cell>
          <cell r="AT4112">
            <v>2009</v>
          </cell>
          <cell r="AU4112">
            <v>4</v>
          </cell>
        </row>
        <row r="4113">
          <cell r="C4113">
            <v>1.2337</v>
          </cell>
          <cell r="AT4113">
            <v>2009</v>
          </cell>
          <cell r="AU4113">
            <v>4</v>
          </cell>
        </row>
        <row r="4114">
          <cell r="C4114">
            <v>1.2337</v>
          </cell>
          <cell r="AT4114">
            <v>2009</v>
          </cell>
          <cell r="AU4114">
            <v>4</v>
          </cell>
        </row>
        <row r="4115">
          <cell r="C4115">
            <v>1.2428999999999999</v>
          </cell>
          <cell r="AT4115">
            <v>2009</v>
          </cell>
          <cell r="AU4115">
            <v>4</v>
          </cell>
        </row>
        <row r="4116">
          <cell r="C4116">
            <v>1.2341</v>
          </cell>
          <cell r="AT4116">
            <v>2009</v>
          </cell>
          <cell r="AU4116">
            <v>4</v>
          </cell>
        </row>
        <row r="4117">
          <cell r="C4117">
            <v>1.2354000000000001</v>
          </cell>
          <cell r="AT4117">
            <v>2009</v>
          </cell>
          <cell r="AU4117">
            <v>4</v>
          </cell>
        </row>
        <row r="4118">
          <cell r="C4118">
            <v>1.2274</v>
          </cell>
          <cell r="AT4118">
            <v>2009</v>
          </cell>
          <cell r="AU4118">
            <v>4</v>
          </cell>
        </row>
        <row r="4119">
          <cell r="C4119">
            <v>1.2274</v>
          </cell>
          <cell r="AT4119">
            <v>2009</v>
          </cell>
          <cell r="AU4119">
            <v>4</v>
          </cell>
        </row>
        <row r="4120">
          <cell r="C4120">
            <v>1.2274</v>
          </cell>
          <cell r="AT4120">
            <v>2009</v>
          </cell>
          <cell r="AU4120">
            <v>4</v>
          </cell>
        </row>
        <row r="4121">
          <cell r="C4121">
            <v>1.2274</v>
          </cell>
          <cell r="AT4121">
            <v>2009</v>
          </cell>
          <cell r="AU4121">
            <v>4</v>
          </cell>
        </row>
        <row r="4122">
          <cell r="C4122">
            <v>1.2212000000000001</v>
          </cell>
          <cell r="AT4122">
            <v>2009</v>
          </cell>
          <cell r="AU4122">
            <v>4</v>
          </cell>
        </row>
        <row r="4123">
          <cell r="C4123">
            <v>1.2092000000000001</v>
          </cell>
          <cell r="AT4123">
            <v>2009</v>
          </cell>
          <cell r="AU4123">
            <v>4</v>
          </cell>
        </row>
        <row r="4124">
          <cell r="C4124">
            <v>1.2038</v>
          </cell>
          <cell r="AT4124">
            <v>2009</v>
          </cell>
          <cell r="AU4124">
            <v>4</v>
          </cell>
        </row>
        <row r="4125">
          <cell r="C4125">
            <v>1.2061999999999999</v>
          </cell>
          <cell r="AT4125">
            <v>2009</v>
          </cell>
          <cell r="AU4125">
            <v>4</v>
          </cell>
        </row>
        <row r="4126">
          <cell r="C4126">
            <v>1.2145999999999999</v>
          </cell>
          <cell r="AT4126">
            <v>2009</v>
          </cell>
          <cell r="AU4126">
            <v>4</v>
          </cell>
        </row>
        <row r="4127">
          <cell r="C4127">
            <v>1.2145999999999999</v>
          </cell>
          <cell r="AT4127">
            <v>2009</v>
          </cell>
          <cell r="AU4127">
            <v>4</v>
          </cell>
        </row>
        <row r="4128">
          <cell r="C4128">
            <v>1.2145999999999999</v>
          </cell>
          <cell r="AT4128">
            <v>2009</v>
          </cell>
          <cell r="AU4128">
            <v>4</v>
          </cell>
        </row>
        <row r="4129">
          <cell r="C4129">
            <v>1.2343</v>
          </cell>
          <cell r="AT4129">
            <v>2009</v>
          </cell>
          <cell r="AU4129">
            <v>4</v>
          </cell>
        </row>
        <row r="4130">
          <cell r="C4130">
            <v>1.2358</v>
          </cell>
          <cell r="AT4130">
            <v>2009</v>
          </cell>
          <cell r="AU4130">
            <v>4</v>
          </cell>
        </row>
        <row r="4131">
          <cell r="C4131">
            <v>1.236</v>
          </cell>
          <cell r="AT4131">
            <v>2009</v>
          </cell>
          <cell r="AU4131">
            <v>4</v>
          </cell>
        </row>
        <row r="4132">
          <cell r="C4132">
            <v>1.2290000000000001</v>
          </cell>
          <cell r="AT4132">
            <v>2009</v>
          </cell>
          <cell r="AU4132">
            <v>4</v>
          </cell>
        </row>
        <row r="4133">
          <cell r="C4133">
            <v>1.2093</v>
          </cell>
          <cell r="AT4133">
            <v>2009</v>
          </cell>
          <cell r="AU4133">
            <v>4</v>
          </cell>
        </row>
        <row r="4134">
          <cell r="C4134">
            <v>1.2093</v>
          </cell>
          <cell r="AT4134">
            <v>2009</v>
          </cell>
          <cell r="AU4134">
            <v>4</v>
          </cell>
        </row>
        <row r="4135">
          <cell r="C4135">
            <v>1.2093</v>
          </cell>
          <cell r="AT4135">
            <v>2009</v>
          </cell>
          <cell r="AU4135">
            <v>4</v>
          </cell>
        </row>
        <row r="4136">
          <cell r="C4136">
            <v>1.2107000000000001</v>
          </cell>
          <cell r="AT4136">
            <v>2009</v>
          </cell>
          <cell r="AU4136">
            <v>4</v>
          </cell>
        </row>
        <row r="4137">
          <cell r="C4137">
            <v>1.2238</v>
          </cell>
          <cell r="AT4137">
            <v>2009</v>
          </cell>
          <cell r="AU4137">
            <v>4</v>
          </cell>
        </row>
        <row r="4138">
          <cell r="C4138">
            <v>1.2008000000000001</v>
          </cell>
          <cell r="AT4138">
            <v>2009</v>
          </cell>
          <cell r="AU4138">
            <v>4</v>
          </cell>
        </row>
        <row r="4139">
          <cell r="C4139">
            <v>1.194</v>
          </cell>
          <cell r="AT4139">
            <v>2009</v>
          </cell>
          <cell r="AU4139">
            <v>5</v>
          </cell>
        </row>
        <row r="4140">
          <cell r="C4140">
            <v>1.1872</v>
          </cell>
          <cell r="AT4140">
            <v>2009</v>
          </cell>
          <cell r="AU4140">
            <v>5</v>
          </cell>
        </row>
        <row r="4141">
          <cell r="C4141">
            <v>1.1872</v>
          </cell>
          <cell r="AT4141">
            <v>2009</v>
          </cell>
          <cell r="AU4141">
            <v>5</v>
          </cell>
        </row>
        <row r="4142">
          <cell r="C4142">
            <v>1.1872</v>
          </cell>
          <cell r="AT4142">
            <v>2009</v>
          </cell>
          <cell r="AU4142">
            <v>5</v>
          </cell>
        </row>
        <row r="4143">
          <cell r="C4143">
            <v>1.1780999999999999</v>
          </cell>
          <cell r="AT4143">
            <v>2009</v>
          </cell>
          <cell r="AU4143">
            <v>5</v>
          </cell>
        </row>
        <row r="4144">
          <cell r="C4144">
            <v>1.1759999999999999</v>
          </cell>
          <cell r="AT4144">
            <v>2009</v>
          </cell>
          <cell r="AU4144">
            <v>5</v>
          </cell>
        </row>
        <row r="4145">
          <cell r="C4145">
            <v>1.1731</v>
          </cell>
          <cell r="AT4145">
            <v>2009</v>
          </cell>
          <cell r="AU4145">
            <v>5</v>
          </cell>
        </row>
        <row r="4146">
          <cell r="C4146">
            <v>1.1714</v>
          </cell>
          <cell r="AT4146">
            <v>2009</v>
          </cell>
          <cell r="AU4146">
            <v>5</v>
          </cell>
        </row>
        <row r="4147">
          <cell r="C4147">
            <v>1.1580999999999999</v>
          </cell>
          <cell r="AT4147">
            <v>2009</v>
          </cell>
          <cell r="AU4147">
            <v>5</v>
          </cell>
        </row>
        <row r="4148">
          <cell r="C4148">
            <v>1.1580999999999999</v>
          </cell>
          <cell r="AT4148">
            <v>2009</v>
          </cell>
          <cell r="AU4148">
            <v>5</v>
          </cell>
        </row>
        <row r="4149">
          <cell r="C4149">
            <v>1.1580999999999999</v>
          </cell>
          <cell r="AT4149">
            <v>2009</v>
          </cell>
          <cell r="AU4149">
            <v>5</v>
          </cell>
        </row>
        <row r="4150">
          <cell r="C4150">
            <v>1.1591</v>
          </cell>
          <cell r="AT4150">
            <v>2009</v>
          </cell>
          <cell r="AU4150">
            <v>5</v>
          </cell>
        </row>
        <row r="4151">
          <cell r="C4151">
            <v>1.1676</v>
          </cell>
          <cell r="AT4151">
            <v>2009</v>
          </cell>
          <cell r="AU4151">
            <v>5</v>
          </cell>
        </row>
        <row r="4152">
          <cell r="C4152">
            <v>1.1682999999999999</v>
          </cell>
          <cell r="AT4152">
            <v>2009</v>
          </cell>
          <cell r="AU4152">
            <v>5</v>
          </cell>
        </row>
        <row r="4153">
          <cell r="C4153">
            <v>1.1727000000000001</v>
          </cell>
          <cell r="AT4153">
            <v>2009</v>
          </cell>
          <cell r="AU4153">
            <v>5</v>
          </cell>
        </row>
        <row r="4154">
          <cell r="C4154">
            <v>1.1756</v>
          </cell>
          <cell r="AT4154">
            <v>2009</v>
          </cell>
          <cell r="AU4154">
            <v>5</v>
          </cell>
        </row>
        <row r="4155">
          <cell r="C4155">
            <v>1.1756</v>
          </cell>
          <cell r="AT4155">
            <v>2009</v>
          </cell>
          <cell r="AU4155">
            <v>5</v>
          </cell>
        </row>
        <row r="4156">
          <cell r="C4156">
            <v>1.1756</v>
          </cell>
          <cell r="AT4156">
            <v>2009</v>
          </cell>
          <cell r="AU4156">
            <v>5</v>
          </cell>
        </row>
        <row r="4157">
          <cell r="C4157">
            <v>1.1756</v>
          </cell>
          <cell r="AT4157">
            <v>2009</v>
          </cell>
          <cell r="AU4157">
            <v>5</v>
          </cell>
        </row>
        <row r="4158">
          <cell r="C4158">
            <v>1.1569</v>
          </cell>
          <cell r="AT4158">
            <v>2009</v>
          </cell>
          <cell r="AU4158">
            <v>5</v>
          </cell>
        </row>
        <row r="4159">
          <cell r="C4159">
            <v>1.1434</v>
          </cell>
          <cell r="AT4159">
            <v>2009</v>
          </cell>
          <cell r="AU4159">
            <v>5</v>
          </cell>
        </row>
        <row r="4160">
          <cell r="C4160">
            <v>1.1414</v>
          </cell>
          <cell r="AT4160">
            <v>2009</v>
          </cell>
          <cell r="AU4160">
            <v>5</v>
          </cell>
        </row>
        <row r="4161">
          <cell r="C4161">
            <v>1.1233</v>
          </cell>
          <cell r="AT4161">
            <v>2009</v>
          </cell>
          <cell r="AU4161">
            <v>5</v>
          </cell>
        </row>
        <row r="4162">
          <cell r="C4162">
            <v>1.1233</v>
          </cell>
          <cell r="AT4162">
            <v>2009</v>
          </cell>
          <cell r="AU4162">
            <v>5</v>
          </cell>
        </row>
        <row r="4163">
          <cell r="C4163">
            <v>1.1233</v>
          </cell>
          <cell r="AT4163">
            <v>2009</v>
          </cell>
          <cell r="AU4163">
            <v>5</v>
          </cell>
        </row>
        <row r="4164">
          <cell r="C4164">
            <v>1.1233</v>
          </cell>
          <cell r="AT4164">
            <v>2009</v>
          </cell>
          <cell r="AU4164">
            <v>5</v>
          </cell>
        </row>
        <row r="4165">
          <cell r="C4165">
            <v>1.1198999999999999</v>
          </cell>
          <cell r="AT4165">
            <v>2009</v>
          </cell>
          <cell r="AU4165">
            <v>5</v>
          </cell>
        </row>
        <row r="4166">
          <cell r="C4166">
            <v>1.1120000000000001</v>
          </cell>
          <cell r="AT4166">
            <v>2009</v>
          </cell>
          <cell r="AU4166">
            <v>5</v>
          </cell>
        </row>
        <row r="4167">
          <cell r="C4167">
            <v>1.1124000000000001</v>
          </cell>
          <cell r="AT4167">
            <v>2009</v>
          </cell>
          <cell r="AU4167">
            <v>5</v>
          </cell>
        </row>
        <row r="4168">
          <cell r="C4168">
            <v>1.0961000000000001</v>
          </cell>
          <cell r="AT4168">
            <v>2009</v>
          </cell>
          <cell r="AU4168">
            <v>5</v>
          </cell>
        </row>
        <row r="4169">
          <cell r="C4169">
            <v>1.0961000000000001</v>
          </cell>
          <cell r="AT4169">
            <v>2009</v>
          </cell>
          <cell r="AU4169">
            <v>5</v>
          </cell>
        </row>
        <row r="4170">
          <cell r="C4170">
            <v>1.0961000000000001</v>
          </cell>
          <cell r="AT4170">
            <v>2009</v>
          </cell>
          <cell r="AU4170">
            <v>6</v>
          </cell>
        </row>
        <row r="4171">
          <cell r="C4171">
            <v>1.0871999999999999</v>
          </cell>
          <cell r="AT4171">
            <v>2009</v>
          </cell>
          <cell r="AU4171">
            <v>6</v>
          </cell>
        </row>
        <row r="4172">
          <cell r="C4172">
            <v>1.0827</v>
          </cell>
          <cell r="AT4172">
            <v>2009</v>
          </cell>
          <cell r="AU4172">
            <v>6</v>
          </cell>
        </row>
        <row r="4173">
          <cell r="C4173">
            <v>1.0975999999999999</v>
          </cell>
          <cell r="AT4173">
            <v>2009</v>
          </cell>
          <cell r="AU4173">
            <v>6</v>
          </cell>
        </row>
        <row r="4174">
          <cell r="C4174">
            <v>1.0999000000000001</v>
          </cell>
          <cell r="AT4174">
            <v>2009</v>
          </cell>
          <cell r="AU4174">
            <v>6</v>
          </cell>
        </row>
        <row r="4175">
          <cell r="C4175">
            <v>1.1146</v>
          </cell>
          <cell r="AT4175">
            <v>2009</v>
          </cell>
          <cell r="AU4175">
            <v>6</v>
          </cell>
        </row>
        <row r="4176">
          <cell r="C4176">
            <v>1.1146</v>
          </cell>
          <cell r="AT4176">
            <v>2009</v>
          </cell>
          <cell r="AU4176">
            <v>6</v>
          </cell>
        </row>
        <row r="4177">
          <cell r="C4177">
            <v>1.1146</v>
          </cell>
          <cell r="AT4177">
            <v>2009</v>
          </cell>
          <cell r="AU4177">
            <v>6</v>
          </cell>
        </row>
        <row r="4178">
          <cell r="C4178">
            <v>1.123</v>
          </cell>
          <cell r="AT4178">
            <v>2009</v>
          </cell>
          <cell r="AU4178">
            <v>6</v>
          </cell>
        </row>
        <row r="4179">
          <cell r="C4179">
            <v>1.1041000000000001</v>
          </cell>
          <cell r="AT4179">
            <v>2009</v>
          </cell>
          <cell r="AU4179">
            <v>6</v>
          </cell>
        </row>
        <row r="4180">
          <cell r="C4180">
            <v>1.1101000000000001</v>
          </cell>
          <cell r="AT4180">
            <v>2009</v>
          </cell>
          <cell r="AU4180">
            <v>6</v>
          </cell>
        </row>
        <row r="4181">
          <cell r="C4181">
            <v>1.0982000000000001</v>
          </cell>
          <cell r="AT4181">
            <v>2009</v>
          </cell>
          <cell r="AU4181">
            <v>6</v>
          </cell>
        </row>
        <row r="4182">
          <cell r="C4182">
            <v>1.1176999999999999</v>
          </cell>
          <cell r="AT4182">
            <v>2009</v>
          </cell>
          <cell r="AU4182">
            <v>6</v>
          </cell>
        </row>
        <row r="4183">
          <cell r="C4183">
            <v>1.1176999999999999</v>
          </cell>
          <cell r="AT4183">
            <v>2009</v>
          </cell>
          <cell r="AU4183">
            <v>6</v>
          </cell>
        </row>
        <row r="4184">
          <cell r="C4184">
            <v>1.1176999999999999</v>
          </cell>
          <cell r="AT4184">
            <v>2009</v>
          </cell>
          <cell r="AU4184">
            <v>6</v>
          </cell>
        </row>
        <row r="4185">
          <cell r="C4185">
            <v>1.1341000000000001</v>
          </cell>
          <cell r="AT4185">
            <v>2009</v>
          </cell>
          <cell r="AU4185">
            <v>6</v>
          </cell>
        </row>
        <row r="4186">
          <cell r="C4186">
            <v>1.1327</v>
          </cell>
          <cell r="AT4186">
            <v>2009</v>
          </cell>
          <cell r="AU4186">
            <v>6</v>
          </cell>
        </row>
        <row r="4187">
          <cell r="C4187">
            <v>1.1371</v>
          </cell>
          <cell r="AT4187">
            <v>2009</v>
          </cell>
          <cell r="AU4187">
            <v>6</v>
          </cell>
        </row>
        <row r="4188">
          <cell r="C4188">
            <v>1.1273</v>
          </cell>
          <cell r="AT4188">
            <v>2009</v>
          </cell>
          <cell r="AU4188">
            <v>6</v>
          </cell>
        </row>
        <row r="4189">
          <cell r="C4189">
            <v>1.1287</v>
          </cell>
          <cell r="AT4189">
            <v>2009</v>
          </cell>
          <cell r="AU4189">
            <v>6</v>
          </cell>
        </row>
        <row r="4190">
          <cell r="C4190">
            <v>1.1287</v>
          </cell>
          <cell r="AT4190">
            <v>2009</v>
          </cell>
          <cell r="AU4190">
            <v>6</v>
          </cell>
        </row>
        <row r="4191">
          <cell r="C4191">
            <v>1.1287</v>
          </cell>
          <cell r="AT4191">
            <v>2009</v>
          </cell>
          <cell r="AU4191">
            <v>6</v>
          </cell>
        </row>
        <row r="4192">
          <cell r="C4192">
            <v>1.1547000000000001</v>
          </cell>
          <cell r="AT4192">
            <v>2009</v>
          </cell>
          <cell r="AU4192">
            <v>6</v>
          </cell>
        </row>
        <row r="4193">
          <cell r="C4193">
            <v>1.1559999999999999</v>
          </cell>
          <cell r="AT4193">
            <v>2009</v>
          </cell>
          <cell r="AU4193">
            <v>6</v>
          </cell>
        </row>
        <row r="4194">
          <cell r="C4194">
            <v>1.1460999999999999</v>
          </cell>
          <cell r="AT4194">
            <v>2009</v>
          </cell>
          <cell r="AU4194">
            <v>6</v>
          </cell>
        </row>
        <row r="4195">
          <cell r="C4195">
            <v>1.1579999999999999</v>
          </cell>
          <cell r="AT4195">
            <v>2009</v>
          </cell>
          <cell r="AU4195">
            <v>6</v>
          </cell>
        </row>
        <row r="4196">
          <cell r="C4196">
            <v>1.1531</v>
          </cell>
          <cell r="AT4196">
            <v>2009</v>
          </cell>
          <cell r="AU4196">
            <v>6</v>
          </cell>
        </row>
        <row r="4197">
          <cell r="C4197">
            <v>1.1531</v>
          </cell>
          <cell r="AT4197">
            <v>2009</v>
          </cell>
          <cell r="AU4197">
            <v>6</v>
          </cell>
        </row>
        <row r="4198">
          <cell r="C4198">
            <v>1.1531</v>
          </cell>
          <cell r="AT4198">
            <v>2009</v>
          </cell>
          <cell r="AU4198">
            <v>6</v>
          </cell>
        </row>
        <row r="4199">
          <cell r="C4199">
            <v>1.1583000000000001</v>
          </cell>
          <cell r="AT4199">
            <v>2009</v>
          </cell>
          <cell r="AU4199">
            <v>6</v>
          </cell>
        </row>
        <row r="4200">
          <cell r="C4200">
            <v>1.1625000000000001</v>
          </cell>
          <cell r="AT4200">
            <v>2009</v>
          </cell>
          <cell r="AU4200">
            <v>7</v>
          </cell>
        </row>
        <row r="4201">
          <cell r="C4201">
            <v>1.1625000000000001</v>
          </cell>
          <cell r="AT4201">
            <v>2009</v>
          </cell>
          <cell r="AU4201">
            <v>7</v>
          </cell>
        </row>
        <row r="4202">
          <cell r="C4202">
            <v>1.1620999999999999</v>
          </cell>
          <cell r="AT4202">
            <v>2009</v>
          </cell>
          <cell r="AU4202">
            <v>7</v>
          </cell>
        </row>
        <row r="4203">
          <cell r="C4203">
            <v>1.1620999999999999</v>
          </cell>
          <cell r="AT4203">
            <v>2009</v>
          </cell>
          <cell r="AU4203">
            <v>7</v>
          </cell>
        </row>
        <row r="4204">
          <cell r="C4204">
            <v>1.1620999999999999</v>
          </cell>
          <cell r="AT4204">
            <v>2009</v>
          </cell>
          <cell r="AU4204">
            <v>7</v>
          </cell>
        </row>
        <row r="4205">
          <cell r="C4205">
            <v>1.1620999999999999</v>
          </cell>
          <cell r="AT4205">
            <v>2009</v>
          </cell>
          <cell r="AU4205">
            <v>7</v>
          </cell>
        </row>
        <row r="4206">
          <cell r="C4206">
            <v>1.1612</v>
          </cell>
          <cell r="AT4206">
            <v>2009</v>
          </cell>
          <cell r="AU4206">
            <v>7</v>
          </cell>
        </row>
        <row r="4207">
          <cell r="C4207">
            <v>1.1631</v>
          </cell>
          <cell r="AT4207">
            <v>2009</v>
          </cell>
          <cell r="AU4207">
            <v>7</v>
          </cell>
        </row>
        <row r="4208">
          <cell r="C4208">
            <v>1.1655</v>
          </cell>
          <cell r="AT4208">
            <v>2009</v>
          </cell>
          <cell r="AU4208">
            <v>7</v>
          </cell>
        </row>
        <row r="4209">
          <cell r="C4209">
            <v>1.1621999999999999</v>
          </cell>
          <cell r="AT4209">
            <v>2009</v>
          </cell>
          <cell r="AU4209">
            <v>7</v>
          </cell>
        </row>
        <row r="4210">
          <cell r="C4210">
            <v>1.165</v>
          </cell>
          <cell r="AT4210">
            <v>2009</v>
          </cell>
          <cell r="AU4210">
            <v>7</v>
          </cell>
        </row>
        <row r="4211">
          <cell r="C4211">
            <v>1.165</v>
          </cell>
          <cell r="AT4211">
            <v>2009</v>
          </cell>
          <cell r="AU4211">
            <v>7</v>
          </cell>
        </row>
        <row r="4212">
          <cell r="C4212">
            <v>1.165</v>
          </cell>
          <cell r="AT4212">
            <v>2009</v>
          </cell>
          <cell r="AU4212">
            <v>7</v>
          </cell>
        </row>
        <row r="4213">
          <cell r="C4213">
            <v>1.1538999999999999</v>
          </cell>
          <cell r="AT4213">
            <v>2009</v>
          </cell>
          <cell r="AU4213">
            <v>7</v>
          </cell>
        </row>
        <row r="4214">
          <cell r="C4214">
            <v>1.1368</v>
          </cell>
          <cell r="AT4214">
            <v>2009</v>
          </cell>
          <cell r="AU4214">
            <v>7</v>
          </cell>
        </row>
        <row r="4215">
          <cell r="C4215">
            <v>1.1194</v>
          </cell>
          <cell r="AT4215">
            <v>2009</v>
          </cell>
          <cell r="AU4215">
            <v>7</v>
          </cell>
        </row>
        <row r="4216">
          <cell r="C4216">
            <v>1.1171</v>
          </cell>
          <cell r="AT4216">
            <v>2009</v>
          </cell>
          <cell r="AU4216">
            <v>7</v>
          </cell>
        </row>
        <row r="4217">
          <cell r="C4217">
            <v>1.1168</v>
          </cell>
          <cell r="AT4217">
            <v>2009</v>
          </cell>
          <cell r="AU4217">
            <v>7</v>
          </cell>
        </row>
        <row r="4218">
          <cell r="C4218">
            <v>1.1168</v>
          </cell>
          <cell r="AT4218">
            <v>2009</v>
          </cell>
          <cell r="AU4218">
            <v>7</v>
          </cell>
        </row>
        <row r="4219">
          <cell r="C4219">
            <v>1.1168</v>
          </cell>
          <cell r="AT4219">
            <v>2009</v>
          </cell>
          <cell r="AU4219">
            <v>7</v>
          </cell>
        </row>
        <row r="4220">
          <cell r="C4220">
            <v>1.1067</v>
          </cell>
          <cell r="AT4220">
            <v>2009</v>
          </cell>
          <cell r="AU4220">
            <v>7</v>
          </cell>
        </row>
        <row r="4221">
          <cell r="C4221">
            <v>1.1077999999999999</v>
          </cell>
          <cell r="AT4221">
            <v>2009</v>
          </cell>
          <cell r="AU4221">
            <v>7</v>
          </cell>
        </row>
        <row r="4222">
          <cell r="C4222">
            <v>1.0981000000000001</v>
          </cell>
          <cell r="AT4222">
            <v>2009</v>
          </cell>
          <cell r="AU4222">
            <v>7</v>
          </cell>
        </row>
        <row r="4223">
          <cell r="C4223">
            <v>1.0867</v>
          </cell>
          <cell r="AT4223">
            <v>2009</v>
          </cell>
          <cell r="AU4223">
            <v>7</v>
          </cell>
        </row>
        <row r="4224">
          <cell r="C4224">
            <v>1.0842000000000001</v>
          </cell>
          <cell r="AT4224">
            <v>2009</v>
          </cell>
          <cell r="AU4224">
            <v>7</v>
          </cell>
        </row>
        <row r="4225">
          <cell r="C4225">
            <v>1.0842000000000001</v>
          </cell>
          <cell r="AT4225">
            <v>2009</v>
          </cell>
          <cell r="AU4225">
            <v>7</v>
          </cell>
        </row>
        <row r="4226">
          <cell r="C4226">
            <v>1.0842000000000001</v>
          </cell>
          <cell r="AT4226">
            <v>2009</v>
          </cell>
          <cell r="AU4226">
            <v>7</v>
          </cell>
        </row>
        <row r="4227">
          <cell r="C4227">
            <v>1.0834999999999999</v>
          </cell>
          <cell r="AT4227">
            <v>2009</v>
          </cell>
          <cell r="AU4227">
            <v>7</v>
          </cell>
        </row>
        <row r="4228">
          <cell r="C4228">
            <v>1.0880000000000001</v>
          </cell>
          <cell r="AT4228">
            <v>2009</v>
          </cell>
          <cell r="AU4228">
            <v>7</v>
          </cell>
        </row>
        <row r="4229">
          <cell r="C4229">
            <v>1.0889</v>
          </cell>
          <cell r="AT4229">
            <v>2009</v>
          </cell>
          <cell r="AU4229">
            <v>7</v>
          </cell>
        </row>
        <row r="4230">
          <cell r="C4230">
            <v>1.0814999999999999</v>
          </cell>
          <cell r="AT4230">
            <v>2009</v>
          </cell>
          <cell r="AU4230">
            <v>7</v>
          </cell>
        </row>
        <row r="4231">
          <cell r="C4231">
            <v>1.079</v>
          </cell>
          <cell r="AT4231">
            <v>2009</v>
          </cell>
          <cell r="AU4231">
            <v>8</v>
          </cell>
        </row>
        <row r="4232">
          <cell r="C4232">
            <v>1.079</v>
          </cell>
          <cell r="AT4232">
            <v>2009</v>
          </cell>
          <cell r="AU4232">
            <v>8</v>
          </cell>
        </row>
        <row r="4233">
          <cell r="C4233">
            <v>1.079</v>
          </cell>
          <cell r="AT4233">
            <v>2009</v>
          </cell>
          <cell r="AU4233">
            <v>8</v>
          </cell>
        </row>
        <row r="4234">
          <cell r="C4234">
            <v>1.079</v>
          </cell>
          <cell r="AT4234">
            <v>2009</v>
          </cell>
          <cell r="AU4234">
            <v>8</v>
          </cell>
        </row>
        <row r="4235">
          <cell r="C4235">
            <v>1.0686</v>
          </cell>
          <cell r="AT4235">
            <v>2009</v>
          </cell>
          <cell r="AU4235">
            <v>8</v>
          </cell>
        </row>
        <row r="4236">
          <cell r="C4236">
            <v>1.0720000000000001</v>
          </cell>
          <cell r="AT4236">
            <v>2009</v>
          </cell>
          <cell r="AU4236">
            <v>8</v>
          </cell>
        </row>
        <row r="4237">
          <cell r="C4237">
            <v>1.0759000000000001</v>
          </cell>
          <cell r="AT4237">
            <v>2009</v>
          </cell>
          <cell r="AU4237">
            <v>8</v>
          </cell>
        </row>
        <row r="4238">
          <cell r="C4238">
            <v>1.0837000000000001</v>
          </cell>
          <cell r="AT4238">
            <v>2009</v>
          </cell>
          <cell r="AU4238">
            <v>8</v>
          </cell>
        </row>
        <row r="4239">
          <cell r="C4239">
            <v>1.0837000000000001</v>
          </cell>
          <cell r="AT4239">
            <v>2009</v>
          </cell>
          <cell r="AU4239">
            <v>8</v>
          </cell>
        </row>
        <row r="4240">
          <cell r="C4240">
            <v>1.0837000000000001</v>
          </cell>
          <cell r="AT4240">
            <v>2009</v>
          </cell>
          <cell r="AU4240">
            <v>8</v>
          </cell>
        </row>
        <row r="4241">
          <cell r="C4241">
            <v>1.0848</v>
          </cell>
          <cell r="AT4241">
            <v>2009</v>
          </cell>
          <cell r="AU4241">
            <v>8</v>
          </cell>
        </row>
        <row r="4242">
          <cell r="C4242">
            <v>1.0988</v>
          </cell>
          <cell r="AT4242">
            <v>2009</v>
          </cell>
          <cell r="AU4242">
            <v>8</v>
          </cell>
        </row>
        <row r="4243">
          <cell r="C4243">
            <v>1.0874999999999999</v>
          </cell>
          <cell r="AT4243">
            <v>2009</v>
          </cell>
          <cell r="AU4243">
            <v>8</v>
          </cell>
        </row>
        <row r="4244">
          <cell r="C4244">
            <v>1.0851999999999999</v>
          </cell>
          <cell r="AT4244">
            <v>2009</v>
          </cell>
          <cell r="AU4244">
            <v>8</v>
          </cell>
        </row>
        <row r="4245">
          <cell r="C4245">
            <v>1.0971</v>
          </cell>
          <cell r="AT4245">
            <v>2009</v>
          </cell>
          <cell r="AU4245">
            <v>8</v>
          </cell>
        </row>
        <row r="4246">
          <cell r="C4246">
            <v>1.0971</v>
          </cell>
          <cell r="AT4246">
            <v>2009</v>
          </cell>
          <cell r="AU4246">
            <v>8</v>
          </cell>
        </row>
        <row r="4247">
          <cell r="C4247">
            <v>1.0971</v>
          </cell>
          <cell r="AT4247">
            <v>2009</v>
          </cell>
          <cell r="AU4247">
            <v>8</v>
          </cell>
        </row>
        <row r="4248">
          <cell r="C4248">
            <v>1.1079000000000001</v>
          </cell>
          <cell r="AT4248">
            <v>2009</v>
          </cell>
          <cell r="AU4248">
            <v>8</v>
          </cell>
        </row>
        <row r="4249">
          <cell r="C4249">
            <v>1.1035999999999999</v>
          </cell>
          <cell r="AT4249">
            <v>2009</v>
          </cell>
          <cell r="AU4249">
            <v>8</v>
          </cell>
        </row>
        <row r="4250">
          <cell r="C4250">
            <v>1.0969</v>
          </cell>
          <cell r="AT4250">
            <v>2009</v>
          </cell>
          <cell r="AU4250">
            <v>8</v>
          </cell>
        </row>
        <row r="4251">
          <cell r="C4251">
            <v>1.0902000000000001</v>
          </cell>
          <cell r="AT4251">
            <v>2009</v>
          </cell>
          <cell r="AU4251">
            <v>8</v>
          </cell>
        </row>
        <row r="4252">
          <cell r="C4252">
            <v>1.0799000000000001</v>
          </cell>
          <cell r="AT4252">
            <v>2009</v>
          </cell>
          <cell r="AU4252">
            <v>8</v>
          </cell>
        </row>
        <row r="4253">
          <cell r="C4253">
            <v>1.0799000000000001</v>
          </cell>
          <cell r="AT4253">
            <v>2009</v>
          </cell>
          <cell r="AU4253">
            <v>8</v>
          </cell>
        </row>
        <row r="4254">
          <cell r="C4254">
            <v>1.0799000000000001</v>
          </cell>
          <cell r="AT4254">
            <v>2009</v>
          </cell>
          <cell r="AU4254">
            <v>8</v>
          </cell>
        </row>
        <row r="4255">
          <cell r="C4255">
            <v>1.0742</v>
          </cell>
          <cell r="AT4255">
            <v>2009</v>
          </cell>
          <cell r="AU4255">
            <v>8</v>
          </cell>
        </row>
        <row r="4256">
          <cell r="C4256">
            <v>1.0782</v>
          </cell>
          <cell r="AT4256">
            <v>2009</v>
          </cell>
          <cell r="AU4256">
            <v>8</v>
          </cell>
        </row>
        <row r="4257">
          <cell r="C4257">
            <v>1.0991</v>
          </cell>
          <cell r="AT4257">
            <v>2009</v>
          </cell>
          <cell r="AU4257">
            <v>8</v>
          </cell>
        </row>
        <row r="4258">
          <cell r="C4258">
            <v>1.0960000000000001</v>
          </cell>
          <cell r="AT4258">
            <v>2009</v>
          </cell>
          <cell r="AU4258">
            <v>8</v>
          </cell>
        </row>
        <row r="4259">
          <cell r="C4259">
            <v>1.0879000000000001</v>
          </cell>
          <cell r="AT4259">
            <v>2009</v>
          </cell>
          <cell r="AU4259">
            <v>8</v>
          </cell>
        </row>
        <row r="4260">
          <cell r="C4260">
            <v>1.0879000000000001</v>
          </cell>
          <cell r="AT4260">
            <v>2009</v>
          </cell>
          <cell r="AU4260">
            <v>8</v>
          </cell>
        </row>
        <row r="4261">
          <cell r="C4261">
            <v>1.0879000000000001</v>
          </cell>
          <cell r="AT4261">
            <v>2009</v>
          </cell>
          <cell r="AU4261">
            <v>8</v>
          </cell>
        </row>
        <row r="4262">
          <cell r="C4262">
            <v>1.0967</v>
          </cell>
          <cell r="AT4262">
            <v>2009</v>
          </cell>
          <cell r="AU4262">
            <v>9</v>
          </cell>
        </row>
        <row r="4263">
          <cell r="C4263">
            <v>1.1031</v>
          </cell>
          <cell r="AT4263">
            <v>2009</v>
          </cell>
          <cell r="AU4263">
            <v>9</v>
          </cell>
        </row>
        <row r="4264">
          <cell r="C4264">
            <v>1.1065</v>
          </cell>
          <cell r="AT4264">
            <v>2009</v>
          </cell>
          <cell r="AU4264">
            <v>9</v>
          </cell>
        </row>
        <row r="4265">
          <cell r="C4265">
            <v>1.1033999999999999</v>
          </cell>
          <cell r="AT4265">
            <v>2009</v>
          </cell>
          <cell r="AU4265">
            <v>9</v>
          </cell>
        </row>
        <row r="4266">
          <cell r="C4266">
            <v>1.0889</v>
          </cell>
          <cell r="AT4266">
            <v>2009</v>
          </cell>
          <cell r="AU4266">
            <v>9</v>
          </cell>
        </row>
        <row r="4267">
          <cell r="C4267">
            <v>1.0889</v>
          </cell>
          <cell r="AT4267">
            <v>2009</v>
          </cell>
          <cell r="AU4267">
            <v>9</v>
          </cell>
        </row>
        <row r="4268">
          <cell r="C4268">
            <v>1.0889</v>
          </cell>
          <cell r="AT4268">
            <v>2009</v>
          </cell>
          <cell r="AU4268">
            <v>9</v>
          </cell>
        </row>
        <row r="4269">
          <cell r="C4269">
            <v>1.0889</v>
          </cell>
          <cell r="AT4269">
            <v>2009</v>
          </cell>
          <cell r="AU4269">
            <v>9</v>
          </cell>
        </row>
        <row r="4270">
          <cell r="C4270">
            <v>1.0764</v>
          </cell>
          <cell r="AT4270">
            <v>2009</v>
          </cell>
          <cell r="AU4270">
            <v>9</v>
          </cell>
        </row>
        <row r="4271">
          <cell r="C4271">
            <v>1.0787</v>
          </cell>
          <cell r="AT4271">
            <v>2009</v>
          </cell>
          <cell r="AU4271">
            <v>9</v>
          </cell>
        </row>
        <row r="4272">
          <cell r="C4272">
            <v>1.0811999999999999</v>
          </cell>
          <cell r="AT4272">
            <v>2009</v>
          </cell>
          <cell r="AU4272">
            <v>9</v>
          </cell>
        </row>
        <row r="4273">
          <cell r="C4273">
            <v>1.0746</v>
          </cell>
          <cell r="AT4273">
            <v>2009</v>
          </cell>
          <cell r="AU4273">
            <v>9</v>
          </cell>
        </row>
        <row r="4274">
          <cell r="C4274">
            <v>1.0746</v>
          </cell>
          <cell r="AT4274">
            <v>2009</v>
          </cell>
          <cell r="AU4274">
            <v>9</v>
          </cell>
        </row>
        <row r="4275">
          <cell r="C4275">
            <v>1.0746</v>
          </cell>
          <cell r="AT4275">
            <v>2009</v>
          </cell>
          <cell r="AU4275">
            <v>9</v>
          </cell>
        </row>
        <row r="4276">
          <cell r="C4276">
            <v>1.0857000000000001</v>
          </cell>
          <cell r="AT4276">
            <v>2009</v>
          </cell>
          <cell r="AU4276">
            <v>9</v>
          </cell>
        </row>
        <row r="4277">
          <cell r="C4277">
            <v>1.0763</v>
          </cell>
          <cell r="AT4277">
            <v>2009</v>
          </cell>
          <cell r="AU4277">
            <v>9</v>
          </cell>
        </row>
        <row r="4278">
          <cell r="C4278">
            <v>1.0663</v>
          </cell>
          <cell r="AT4278">
            <v>2009</v>
          </cell>
          <cell r="AU4278">
            <v>9</v>
          </cell>
        </row>
        <row r="4279">
          <cell r="C4279">
            <v>1.0612999999999999</v>
          </cell>
          <cell r="AT4279">
            <v>2009</v>
          </cell>
          <cell r="AU4279">
            <v>9</v>
          </cell>
        </row>
        <row r="4280">
          <cell r="C4280">
            <v>1.0724</v>
          </cell>
          <cell r="AT4280">
            <v>2009</v>
          </cell>
          <cell r="AU4280">
            <v>9</v>
          </cell>
        </row>
        <row r="4281">
          <cell r="C4281">
            <v>1.0724</v>
          </cell>
          <cell r="AT4281">
            <v>2009</v>
          </cell>
          <cell r="AU4281">
            <v>9</v>
          </cell>
        </row>
        <row r="4282">
          <cell r="C4282">
            <v>1.0724</v>
          </cell>
          <cell r="AT4282">
            <v>2009</v>
          </cell>
          <cell r="AU4282">
            <v>9</v>
          </cell>
        </row>
        <row r="4283">
          <cell r="C4283">
            <v>1.0777000000000001</v>
          </cell>
          <cell r="AT4283">
            <v>2009</v>
          </cell>
          <cell r="AU4283">
            <v>9</v>
          </cell>
        </row>
        <row r="4284">
          <cell r="C4284">
            <v>1.0683</v>
          </cell>
          <cell r="AT4284">
            <v>2009</v>
          </cell>
          <cell r="AU4284">
            <v>9</v>
          </cell>
        </row>
        <row r="4285">
          <cell r="C4285">
            <v>1.0724</v>
          </cell>
          <cell r="AT4285">
            <v>2009</v>
          </cell>
          <cell r="AU4285">
            <v>9</v>
          </cell>
        </row>
        <row r="4286">
          <cell r="C4286">
            <v>1.0869</v>
          </cell>
          <cell r="AT4286">
            <v>2009</v>
          </cell>
          <cell r="AU4286">
            <v>9</v>
          </cell>
        </row>
        <row r="4287">
          <cell r="C4287">
            <v>1.0914999999999999</v>
          </cell>
          <cell r="AT4287">
            <v>2009</v>
          </cell>
          <cell r="AU4287">
            <v>9</v>
          </cell>
        </row>
        <row r="4288">
          <cell r="C4288">
            <v>1.0914999999999999</v>
          </cell>
          <cell r="AT4288">
            <v>2009</v>
          </cell>
          <cell r="AU4288">
            <v>9</v>
          </cell>
        </row>
        <row r="4289">
          <cell r="C4289">
            <v>1.0914999999999999</v>
          </cell>
          <cell r="AT4289">
            <v>2009</v>
          </cell>
          <cell r="AU4289">
            <v>9</v>
          </cell>
        </row>
        <row r="4290">
          <cell r="C4290">
            <v>1.0861000000000001</v>
          </cell>
          <cell r="AT4290">
            <v>2009</v>
          </cell>
          <cell r="AU4290">
            <v>9</v>
          </cell>
        </row>
        <row r="4291">
          <cell r="C4291">
            <v>1.0871</v>
          </cell>
          <cell r="AT4291">
            <v>2009</v>
          </cell>
          <cell r="AU4291">
            <v>9</v>
          </cell>
        </row>
        <row r="4292">
          <cell r="C4292">
            <v>1.0722</v>
          </cell>
          <cell r="AT4292">
            <v>2009</v>
          </cell>
          <cell r="AU4292">
            <v>10</v>
          </cell>
        </row>
        <row r="4293">
          <cell r="C4293">
            <v>1.0773999999999999</v>
          </cell>
          <cell r="AT4293">
            <v>2009</v>
          </cell>
          <cell r="AU4293">
            <v>10</v>
          </cell>
        </row>
        <row r="4294">
          <cell r="C4294">
            <v>1.0845</v>
          </cell>
          <cell r="AT4294">
            <v>2009</v>
          </cell>
          <cell r="AU4294">
            <v>10</v>
          </cell>
        </row>
        <row r="4295">
          <cell r="C4295">
            <v>1.0845</v>
          </cell>
          <cell r="AT4295">
            <v>2009</v>
          </cell>
          <cell r="AU4295">
            <v>10</v>
          </cell>
        </row>
        <row r="4296">
          <cell r="C4296">
            <v>1.0845</v>
          </cell>
          <cell r="AT4296">
            <v>2009</v>
          </cell>
          <cell r="AU4296">
            <v>10</v>
          </cell>
        </row>
        <row r="4297">
          <cell r="C4297">
            <v>1.0757000000000001</v>
          </cell>
          <cell r="AT4297">
            <v>2009</v>
          </cell>
          <cell r="AU4297">
            <v>10</v>
          </cell>
        </row>
        <row r="4298">
          <cell r="C4298">
            <v>1.0570999999999999</v>
          </cell>
          <cell r="AT4298">
            <v>2009</v>
          </cell>
          <cell r="AU4298">
            <v>10</v>
          </cell>
        </row>
        <row r="4299">
          <cell r="C4299">
            <v>1.0619000000000001</v>
          </cell>
          <cell r="AT4299">
            <v>2009</v>
          </cell>
          <cell r="AU4299">
            <v>10</v>
          </cell>
        </row>
        <row r="4300">
          <cell r="C4300">
            <v>1.0535000000000001</v>
          </cell>
          <cell r="AT4300">
            <v>2009</v>
          </cell>
          <cell r="AU4300">
            <v>10</v>
          </cell>
        </row>
        <row r="4301">
          <cell r="C4301">
            <v>1.0424</v>
          </cell>
          <cell r="AT4301">
            <v>2009</v>
          </cell>
          <cell r="AU4301">
            <v>10</v>
          </cell>
        </row>
        <row r="4302">
          <cell r="C4302">
            <v>1.0424</v>
          </cell>
          <cell r="AT4302">
            <v>2009</v>
          </cell>
          <cell r="AU4302">
            <v>10</v>
          </cell>
        </row>
        <row r="4303">
          <cell r="C4303">
            <v>1.0424</v>
          </cell>
          <cell r="AT4303">
            <v>2009</v>
          </cell>
          <cell r="AU4303">
            <v>10</v>
          </cell>
        </row>
        <row r="4304">
          <cell r="C4304">
            <v>1.0424</v>
          </cell>
          <cell r="AT4304">
            <v>2009</v>
          </cell>
          <cell r="AU4304">
            <v>10</v>
          </cell>
        </row>
        <row r="4305">
          <cell r="C4305">
            <v>1.0298</v>
          </cell>
          <cell r="AT4305">
            <v>2009</v>
          </cell>
          <cell r="AU4305">
            <v>10</v>
          </cell>
        </row>
        <row r="4306">
          <cell r="C4306">
            <v>1.0291999999999999</v>
          </cell>
          <cell r="AT4306">
            <v>2009</v>
          </cell>
          <cell r="AU4306">
            <v>10</v>
          </cell>
        </row>
        <row r="4307">
          <cell r="C4307">
            <v>1.0303</v>
          </cell>
          <cell r="AT4307">
            <v>2009</v>
          </cell>
          <cell r="AU4307">
            <v>10</v>
          </cell>
        </row>
        <row r="4308">
          <cell r="C4308">
            <v>1.0388999999999999</v>
          </cell>
          <cell r="AT4308">
            <v>2009</v>
          </cell>
          <cell r="AU4308">
            <v>10</v>
          </cell>
        </row>
        <row r="4309">
          <cell r="C4309">
            <v>1.0388999999999999</v>
          </cell>
          <cell r="AT4309">
            <v>2009</v>
          </cell>
          <cell r="AU4309">
            <v>10</v>
          </cell>
        </row>
        <row r="4310">
          <cell r="C4310">
            <v>1.0388999999999999</v>
          </cell>
          <cell r="AT4310">
            <v>2009</v>
          </cell>
          <cell r="AU4310">
            <v>10</v>
          </cell>
        </row>
        <row r="4311">
          <cell r="C4311">
            <v>1.0307999999999999</v>
          </cell>
          <cell r="AT4311">
            <v>2009</v>
          </cell>
          <cell r="AU4311">
            <v>10</v>
          </cell>
        </row>
        <row r="4312">
          <cell r="C4312">
            <v>1.05</v>
          </cell>
          <cell r="AT4312">
            <v>2009</v>
          </cell>
          <cell r="AU4312">
            <v>10</v>
          </cell>
        </row>
        <row r="4313">
          <cell r="C4313">
            <v>1.0411999999999999</v>
          </cell>
          <cell r="AT4313">
            <v>2009</v>
          </cell>
          <cell r="AU4313">
            <v>10</v>
          </cell>
        </row>
        <row r="4314">
          <cell r="C4314">
            <v>1.0485</v>
          </cell>
          <cell r="AT4314">
            <v>2009</v>
          </cell>
          <cell r="AU4314">
            <v>10</v>
          </cell>
        </row>
        <row r="4315">
          <cell r="C4315">
            <v>1.0508</v>
          </cell>
          <cell r="AT4315">
            <v>2009</v>
          </cell>
          <cell r="AU4315">
            <v>10</v>
          </cell>
        </row>
        <row r="4316">
          <cell r="C4316">
            <v>1.0508</v>
          </cell>
          <cell r="AT4316">
            <v>2009</v>
          </cell>
          <cell r="AU4316">
            <v>10</v>
          </cell>
        </row>
        <row r="4317">
          <cell r="C4317">
            <v>1.0508</v>
          </cell>
          <cell r="AT4317">
            <v>2009</v>
          </cell>
          <cell r="AU4317">
            <v>10</v>
          </cell>
        </row>
        <row r="4318">
          <cell r="C4318">
            <v>1.0616000000000001</v>
          </cell>
          <cell r="AT4318">
            <v>2009</v>
          </cell>
          <cell r="AU4318">
            <v>10</v>
          </cell>
        </row>
        <row r="4319">
          <cell r="C4319">
            <v>1.0648</v>
          </cell>
          <cell r="AT4319">
            <v>2009</v>
          </cell>
          <cell r="AU4319">
            <v>10</v>
          </cell>
        </row>
        <row r="4320">
          <cell r="C4320">
            <v>1.0755999999999999</v>
          </cell>
          <cell r="AT4320">
            <v>2009</v>
          </cell>
          <cell r="AU4320">
            <v>10</v>
          </cell>
        </row>
        <row r="4321">
          <cell r="C4321">
            <v>1.0705</v>
          </cell>
          <cell r="AT4321">
            <v>2009</v>
          </cell>
          <cell r="AU4321">
            <v>10</v>
          </cell>
        </row>
        <row r="4322">
          <cell r="C4322">
            <v>1.0773999999999999</v>
          </cell>
          <cell r="AT4322">
            <v>2009</v>
          </cell>
          <cell r="AU4322">
            <v>10</v>
          </cell>
        </row>
        <row r="4323">
          <cell r="C4323">
            <v>1.0773999999999999</v>
          </cell>
          <cell r="AT4323">
            <v>2009</v>
          </cell>
          <cell r="AU4323">
            <v>11</v>
          </cell>
        </row>
        <row r="4324">
          <cell r="C4324">
            <v>1.0773999999999999</v>
          </cell>
          <cell r="AT4324">
            <v>2009</v>
          </cell>
          <cell r="AU4324">
            <v>11</v>
          </cell>
        </row>
        <row r="4325">
          <cell r="C4325">
            <v>1.0743</v>
          </cell>
          <cell r="AT4325">
            <v>2009</v>
          </cell>
          <cell r="AU4325">
            <v>11</v>
          </cell>
        </row>
        <row r="4326">
          <cell r="C4326">
            <v>1.0704</v>
          </cell>
          <cell r="AT4326">
            <v>2009</v>
          </cell>
          <cell r="AU4326">
            <v>11</v>
          </cell>
        </row>
        <row r="4327">
          <cell r="C4327">
            <v>1.0647</v>
          </cell>
          <cell r="AT4327">
            <v>2009</v>
          </cell>
          <cell r="AU4327">
            <v>11</v>
          </cell>
        </row>
        <row r="4328">
          <cell r="C4328">
            <v>1.0650999999999999</v>
          </cell>
          <cell r="AT4328">
            <v>2009</v>
          </cell>
          <cell r="AU4328">
            <v>11</v>
          </cell>
        </row>
        <row r="4329">
          <cell r="C4329">
            <v>1.0720000000000001</v>
          </cell>
          <cell r="AT4329">
            <v>2009</v>
          </cell>
          <cell r="AU4329">
            <v>11</v>
          </cell>
        </row>
        <row r="4330">
          <cell r="C4330">
            <v>1.0720000000000001</v>
          </cell>
          <cell r="AT4330">
            <v>2009</v>
          </cell>
          <cell r="AU4330">
            <v>11</v>
          </cell>
        </row>
        <row r="4331">
          <cell r="C4331">
            <v>1.0720000000000001</v>
          </cell>
          <cell r="AT4331">
            <v>2009</v>
          </cell>
          <cell r="AU4331">
            <v>11</v>
          </cell>
        </row>
        <row r="4332">
          <cell r="C4332">
            <v>1.0566</v>
          </cell>
          <cell r="AT4332">
            <v>2009</v>
          </cell>
          <cell r="AU4332">
            <v>11</v>
          </cell>
        </row>
        <row r="4333">
          <cell r="C4333">
            <v>1.0518000000000001</v>
          </cell>
          <cell r="AT4333">
            <v>2009</v>
          </cell>
          <cell r="AU4333">
            <v>11</v>
          </cell>
        </row>
        <row r="4334">
          <cell r="C4334">
            <v>1.0518000000000001</v>
          </cell>
          <cell r="AT4334">
            <v>2009</v>
          </cell>
          <cell r="AU4334">
            <v>11</v>
          </cell>
        </row>
        <row r="4335">
          <cell r="C4335">
            <v>1.0519000000000001</v>
          </cell>
          <cell r="AT4335">
            <v>2009</v>
          </cell>
          <cell r="AU4335">
            <v>11</v>
          </cell>
        </row>
        <row r="4336">
          <cell r="C4336">
            <v>1.0508</v>
          </cell>
          <cell r="AT4336">
            <v>2009</v>
          </cell>
          <cell r="AU4336">
            <v>11</v>
          </cell>
        </row>
        <row r="4337">
          <cell r="C4337">
            <v>1.0508</v>
          </cell>
          <cell r="AT4337">
            <v>2009</v>
          </cell>
          <cell r="AU4337">
            <v>11</v>
          </cell>
        </row>
        <row r="4338">
          <cell r="C4338">
            <v>1.0508</v>
          </cell>
          <cell r="AT4338">
            <v>2009</v>
          </cell>
          <cell r="AU4338">
            <v>11</v>
          </cell>
        </row>
        <row r="4339">
          <cell r="C4339">
            <v>1.046</v>
          </cell>
          <cell r="AT4339">
            <v>2009</v>
          </cell>
          <cell r="AU4339">
            <v>11</v>
          </cell>
        </row>
        <row r="4340">
          <cell r="C4340">
            <v>1.0591999999999999</v>
          </cell>
          <cell r="AT4340">
            <v>2009</v>
          </cell>
          <cell r="AU4340">
            <v>11</v>
          </cell>
        </row>
        <row r="4341">
          <cell r="C4341">
            <v>1.05</v>
          </cell>
          <cell r="AT4341">
            <v>2009</v>
          </cell>
          <cell r="AU4341">
            <v>11</v>
          </cell>
        </row>
        <row r="4342">
          <cell r="C4342">
            <v>1.0638000000000001</v>
          </cell>
          <cell r="AT4342">
            <v>2009</v>
          </cell>
          <cell r="AU4342">
            <v>11</v>
          </cell>
        </row>
        <row r="4343">
          <cell r="C4343">
            <v>1.0696000000000001</v>
          </cell>
          <cell r="AT4343">
            <v>2009</v>
          </cell>
          <cell r="AU4343">
            <v>11</v>
          </cell>
        </row>
        <row r="4344">
          <cell r="C4344">
            <v>1.0696000000000001</v>
          </cell>
          <cell r="AT4344">
            <v>2009</v>
          </cell>
          <cell r="AU4344">
            <v>11</v>
          </cell>
        </row>
        <row r="4345">
          <cell r="C4345">
            <v>1.0696000000000001</v>
          </cell>
          <cell r="AT4345">
            <v>2009</v>
          </cell>
          <cell r="AU4345">
            <v>11</v>
          </cell>
        </row>
        <row r="4346">
          <cell r="C4346">
            <v>1.0550999999999999</v>
          </cell>
          <cell r="AT4346">
            <v>2009</v>
          </cell>
          <cell r="AU4346">
            <v>11</v>
          </cell>
        </row>
        <row r="4347">
          <cell r="C4347">
            <v>1.0608</v>
          </cell>
          <cell r="AT4347">
            <v>2009</v>
          </cell>
          <cell r="AU4347">
            <v>11</v>
          </cell>
        </row>
        <row r="4348">
          <cell r="C4348">
            <v>1.0501</v>
          </cell>
          <cell r="AT4348">
            <v>2009</v>
          </cell>
          <cell r="AU4348">
            <v>11</v>
          </cell>
        </row>
        <row r="4349">
          <cell r="C4349">
            <v>1.0501</v>
          </cell>
          <cell r="AT4349">
            <v>2009</v>
          </cell>
          <cell r="AU4349">
            <v>11</v>
          </cell>
        </row>
        <row r="4350">
          <cell r="C4350">
            <v>1.0501</v>
          </cell>
          <cell r="AT4350">
            <v>2009</v>
          </cell>
          <cell r="AU4350">
            <v>11</v>
          </cell>
        </row>
        <row r="4351">
          <cell r="C4351">
            <v>1.0501</v>
          </cell>
          <cell r="AT4351">
            <v>2009</v>
          </cell>
          <cell r="AU4351">
            <v>11</v>
          </cell>
        </row>
        <row r="4352">
          <cell r="C4352">
            <v>1.0501</v>
          </cell>
          <cell r="AT4352">
            <v>2009</v>
          </cell>
          <cell r="AU4352">
            <v>11</v>
          </cell>
        </row>
        <row r="4353">
          <cell r="C4353">
            <v>1.0573999999999999</v>
          </cell>
          <cell r="AT4353">
            <v>2009</v>
          </cell>
          <cell r="AU4353">
            <v>12</v>
          </cell>
        </row>
        <row r="4354">
          <cell r="C4354">
            <v>1.0431999999999999</v>
          </cell>
          <cell r="AT4354">
            <v>2009</v>
          </cell>
          <cell r="AU4354">
            <v>12</v>
          </cell>
        </row>
        <row r="4355">
          <cell r="C4355">
            <v>1.0468</v>
          </cell>
          <cell r="AT4355">
            <v>2009</v>
          </cell>
          <cell r="AU4355">
            <v>12</v>
          </cell>
        </row>
        <row r="4356">
          <cell r="C4356">
            <v>1.0542</v>
          </cell>
          <cell r="AT4356">
            <v>2009</v>
          </cell>
          <cell r="AU4356">
            <v>12</v>
          </cell>
        </row>
        <row r="4357">
          <cell r="C4357">
            <v>1.0517000000000001</v>
          </cell>
          <cell r="AT4357">
            <v>2009</v>
          </cell>
          <cell r="AU4357">
            <v>12</v>
          </cell>
        </row>
        <row r="4358">
          <cell r="C4358">
            <v>1.0517000000000001</v>
          </cell>
          <cell r="AT4358">
            <v>2009</v>
          </cell>
          <cell r="AU4358">
            <v>12</v>
          </cell>
        </row>
        <row r="4359">
          <cell r="C4359">
            <v>1.0517000000000001</v>
          </cell>
          <cell r="AT4359">
            <v>2009</v>
          </cell>
          <cell r="AU4359">
            <v>12</v>
          </cell>
        </row>
        <row r="4360">
          <cell r="C4360">
            <v>1.0510999999999999</v>
          </cell>
          <cell r="AT4360">
            <v>2009</v>
          </cell>
          <cell r="AU4360">
            <v>12</v>
          </cell>
        </row>
        <row r="4361">
          <cell r="C4361">
            <v>1.0604</v>
          </cell>
          <cell r="AT4361">
            <v>2009</v>
          </cell>
          <cell r="AU4361">
            <v>12</v>
          </cell>
        </row>
        <row r="4362">
          <cell r="C4362">
            <v>1.0551999999999999</v>
          </cell>
          <cell r="AT4362">
            <v>2009</v>
          </cell>
          <cell r="AU4362">
            <v>12</v>
          </cell>
        </row>
        <row r="4363">
          <cell r="C4363">
            <v>1.0519000000000001</v>
          </cell>
          <cell r="AT4363">
            <v>2009</v>
          </cell>
          <cell r="AU4363">
            <v>12</v>
          </cell>
        </row>
        <row r="4364">
          <cell r="C4364">
            <v>1.0585</v>
          </cell>
          <cell r="AT4364">
            <v>2009</v>
          </cell>
          <cell r="AU4364">
            <v>12</v>
          </cell>
        </row>
        <row r="4365">
          <cell r="C4365">
            <v>1.0585</v>
          </cell>
          <cell r="AT4365">
            <v>2009</v>
          </cell>
          <cell r="AU4365">
            <v>12</v>
          </cell>
        </row>
        <row r="4366">
          <cell r="C4366">
            <v>1.0585</v>
          </cell>
          <cell r="AT4366">
            <v>2009</v>
          </cell>
          <cell r="AU4366">
            <v>12</v>
          </cell>
        </row>
        <row r="4367">
          <cell r="C4367">
            <v>1.0592999999999999</v>
          </cell>
          <cell r="AT4367">
            <v>2009</v>
          </cell>
          <cell r="AU4367">
            <v>12</v>
          </cell>
        </row>
        <row r="4368">
          <cell r="C4368">
            <v>1.0620000000000001</v>
          </cell>
          <cell r="AT4368">
            <v>2009</v>
          </cell>
          <cell r="AU4368">
            <v>12</v>
          </cell>
        </row>
        <row r="4369">
          <cell r="C4369">
            <v>1.0580000000000001</v>
          </cell>
          <cell r="AT4369">
            <v>2009</v>
          </cell>
          <cell r="AU4369">
            <v>12</v>
          </cell>
        </row>
        <row r="4370">
          <cell r="C4370">
            <v>1.0712999999999999</v>
          </cell>
          <cell r="AT4370">
            <v>2009</v>
          </cell>
          <cell r="AU4370">
            <v>12</v>
          </cell>
        </row>
        <row r="4371">
          <cell r="C4371">
            <v>1.0678000000000001</v>
          </cell>
          <cell r="AT4371">
            <v>2009</v>
          </cell>
          <cell r="AU4371">
            <v>12</v>
          </cell>
        </row>
        <row r="4372">
          <cell r="C4372">
            <v>1.0678000000000001</v>
          </cell>
          <cell r="AT4372">
            <v>2009</v>
          </cell>
          <cell r="AU4372">
            <v>12</v>
          </cell>
        </row>
        <row r="4373">
          <cell r="C4373">
            <v>1.0678000000000001</v>
          </cell>
          <cell r="AT4373">
            <v>2009</v>
          </cell>
          <cell r="AU4373">
            <v>12</v>
          </cell>
        </row>
        <row r="4374">
          <cell r="C4374">
            <v>1.0593999999999999</v>
          </cell>
          <cell r="AT4374">
            <v>2009</v>
          </cell>
          <cell r="AU4374">
            <v>12</v>
          </cell>
        </row>
        <row r="4375">
          <cell r="C4375">
            <v>1.0556000000000001</v>
          </cell>
          <cell r="AT4375">
            <v>2009</v>
          </cell>
          <cell r="AU4375">
            <v>12</v>
          </cell>
        </row>
        <row r="4376">
          <cell r="C4376">
            <v>1.0476000000000001</v>
          </cell>
          <cell r="AT4376">
            <v>2009</v>
          </cell>
          <cell r="AU4376">
            <v>12</v>
          </cell>
        </row>
        <row r="4377">
          <cell r="C4377">
            <v>1.0488</v>
          </cell>
          <cell r="AT4377">
            <v>2009</v>
          </cell>
          <cell r="AU4377">
            <v>12</v>
          </cell>
        </row>
        <row r="4378">
          <cell r="C4378">
            <v>1.0488</v>
          </cell>
          <cell r="AT4378">
            <v>2009</v>
          </cell>
          <cell r="AU4378">
            <v>12</v>
          </cell>
        </row>
        <row r="4379">
          <cell r="C4379">
            <v>1.0488</v>
          </cell>
          <cell r="AT4379">
            <v>2009</v>
          </cell>
          <cell r="AU4379">
            <v>12</v>
          </cell>
        </row>
        <row r="4380">
          <cell r="C4380">
            <v>1.0488</v>
          </cell>
          <cell r="AT4380">
            <v>2009</v>
          </cell>
          <cell r="AU4380">
            <v>12</v>
          </cell>
        </row>
        <row r="4381">
          <cell r="C4381">
            <v>1.0488</v>
          </cell>
          <cell r="AT4381">
            <v>2009</v>
          </cell>
          <cell r="AU4381">
            <v>12</v>
          </cell>
        </row>
        <row r="4382">
          <cell r="C4382">
            <v>1.0405</v>
          </cell>
          <cell r="AT4382">
            <v>2009</v>
          </cell>
          <cell r="AU4382">
            <v>12</v>
          </cell>
        </row>
        <row r="4383">
          <cell r="C4383">
            <v>1.0525</v>
          </cell>
          <cell r="AT4383">
            <v>2009</v>
          </cell>
          <cell r="AU4383">
            <v>12</v>
          </cell>
        </row>
        <row r="4384">
          <cell r="C4384">
            <v>1.0466</v>
          </cell>
          <cell r="AT4384">
            <v>2010</v>
          </cell>
          <cell r="AU4384">
            <v>1</v>
          </cell>
        </row>
        <row r="4385">
          <cell r="C4385">
            <v>1.0466</v>
          </cell>
          <cell r="AT4385">
            <v>2010</v>
          </cell>
          <cell r="AU4385">
            <v>1</v>
          </cell>
        </row>
        <row r="4386">
          <cell r="C4386">
            <v>1.0466</v>
          </cell>
          <cell r="AT4386">
            <v>2010</v>
          </cell>
          <cell r="AU4386">
            <v>1</v>
          </cell>
        </row>
        <row r="4387">
          <cell r="C4387">
            <v>1.0466</v>
          </cell>
          <cell r="AT4387">
            <v>2010</v>
          </cell>
          <cell r="AU4387">
            <v>1</v>
          </cell>
        </row>
        <row r="4388">
          <cell r="C4388">
            <v>1.0378000000000001</v>
          </cell>
          <cell r="AT4388">
            <v>2010</v>
          </cell>
          <cell r="AU4388">
            <v>1</v>
          </cell>
        </row>
        <row r="4389">
          <cell r="C4389">
            <v>1.0371999999999999</v>
          </cell>
          <cell r="AT4389">
            <v>2010</v>
          </cell>
          <cell r="AU4389">
            <v>1</v>
          </cell>
        </row>
        <row r="4390">
          <cell r="C4390">
            <v>1.0334000000000001</v>
          </cell>
          <cell r="AT4390">
            <v>2010</v>
          </cell>
          <cell r="AU4390">
            <v>1</v>
          </cell>
        </row>
        <row r="4391">
          <cell r="C4391">
            <v>1.0350999999999999</v>
          </cell>
          <cell r="AT4391">
            <v>2010</v>
          </cell>
          <cell r="AU4391">
            <v>1</v>
          </cell>
        </row>
        <row r="4392">
          <cell r="C4392">
            <v>1.0344</v>
          </cell>
          <cell r="AT4392">
            <v>2010</v>
          </cell>
          <cell r="AU4392">
            <v>1</v>
          </cell>
        </row>
        <row r="4393">
          <cell r="C4393">
            <v>1.0344</v>
          </cell>
          <cell r="AT4393">
            <v>2010</v>
          </cell>
          <cell r="AU4393">
            <v>1</v>
          </cell>
        </row>
        <row r="4394">
          <cell r="C4394">
            <v>1.0344</v>
          </cell>
          <cell r="AT4394">
            <v>2010</v>
          </cell>
          <cell r="AU4394">
            <v>1</v>
          </cell>
        </row>
        <row r="4395">
          <cell r="C4395">
            <v>1.0317000000000001</v>
          </cell>
          <cell r="AT4395">
            <v>2010</v>
          </cell>
          <cell r="AU4395">
            <v>1</v>
          </cell>
        </row>
        <row r="4396">
          <cell r="C4396">
            <v>1.0375000000000001</v>
          </cell>
          <cell r="AT4396">
            <v>2010</v>
          </cell>
          <cell r="AU4396">
            <v>1</v>
          </cell>
        </row>
        <row r="4397">
          <cell r="C4397">
            <v>1.0322</v>
          </cell>
          <cell r="AT4397">
            <v>2010</v>
          </cell>
          <cell r="AU4397">
            <v>1</v>
          </cell>
        </row>
        <row r="4398">
          <cell r="C4398">
            <v>1.0261</v>
          </cell>
          <cell r="AT4398">
            <v>2010</v>
          </cell>
          <cell r="AU4398">
            <v>1</v>
          </cell>
        </row>
        <row r="4399">
          <cell r="C4399">
            <v>1.0286999999999999</v>
          </cell>
          <cell r="AT4399">
            <v>2010</v>
          </cell>
          <cell r="AU4399">
            <v>1</v>
          </cell>
        </row>
        <row r="4400">
          <cell r="C4400">
            <v>1.0286999999999999</v>
          </cell>
          <cell r="AT4400">
            <v>2010</v>
          </cell>
          <cell r="AU4400">
            <v>1</v>
          </cell>
        </row>
        <row r="4401">
          <cell r="C4401">
            <v>1.0286999999999999</v>
          </cell>
          <cell r="AT4401">
            <v>2010</v>
          </cell>
          <cell r="AU4401">
            <v>1</v>
          </cell>
        </row>
        <row r="4402">
          <cell r="C4402">
            <v>1.0286999999999999</v>
          </cell>
          <cell r="AT4402">
            <v>2010</v>
          </cell>
          <cell r="AU4402">
            <v>1</v>
          </cell>
        </row>
        <row r="4403">
          <cell r="C4403">
            <v>1.0327999999999999</v>
          </cell>
          <cell r="AT4403">
            <v>2010</v>
          </cell>
          <cell r="AU4403">
            <v>1</v>
          </cell>
        </row>
        <row r="4404">
          <cell r="C4404">
            <v>1.0478000000000001</v>
          </cell>
          <cell r="AT4404">
            <v>2010</v>
          </cell>
          <cell r="AU4404">
            <v>1</v>
          </cell>
        </row>
        <row r="4405">
          <cell r="C4405">
            <v>1.0487</v>
          </cell>
          <cell r="AT4405">
            <v>2010</v>
          </cell>
          <cell r="AU4405">
            <v>1</v>
          </cell>
        </row>
        <row r="4406">
          <cell r="C4406">
            <v>1.0564</v>
          </cell>
          <cell r="AT4406">
            <v>2010</v>
          </cell>
          <cell r="AU4406">
            <v>1</v>
          </cell>
        </row>
        <row r="4407">
          <cell r="C4407">
            <v>1.0564</v>
          </cell>
          <cell r="AT4407">
            <v>2010</v>
          </cell>
          <cell r="AU4407">
            <v>1</v>
          </cell>
        </row>
        <row r="4408">
          <cell r="C4408">
            <v>1.0564</v>
          </cell>
          <cell r="AT4408">
            <v>2010</v>
          </cell>
          <cell r="AU4408">
            <v>1</v>
          </cell>
        </row>
        <row r="4409">
          <cell r="C4409">
            <v>1.0582</v>
          </cell>
          <cell r="AT4409">
            <v>2010</v>
          </cell>
          <cell r="AU4409">
            <v>1</v>
          </cell>
        </row>
        <row r="4410">
          <cell r="C4410">
            <v>1.0606</v>
          </cell>
          <cell r="AT4410">
            <v>2010</v>
          </cell>
          <cell r="AU4410">
            <v>1</v>
          </cell>
        </row>
        <row r="4411">
          <cell r="C4411">
            <v>1.0657000000000001</v>
          </cell>
          <cell r="AT4411">
            <v>2010</v>
          </cell>
          <cell r="AU4411">
            <v>1</v>
          </cell>
        </row>
        <row r="4412">
          <cell r="C4412">
            <v>1.0643</v>
          </cell>
          <cell r="AT4412">
            <v>2010</v>
          </cell>
          <cell r="AU4412">
            <v>1</v>
          </cell>
        </row>
        <row r="4413">
          <cell r="C4413">
            <v>1.0649999999999999</v>
          </cell>
          <cell r="AT4413">
            <v>2010</v>
          </cell>
          <cell r="AU4413">
            <v>1</v>
          </cell>
        </row>
        <row r="4414">
          <cell r="C4414">
            <v>1.0649999999999999</v>
          </cell>
          <cell r="AT4414">
            <v>2010</v>
          </cell>
          <cell r="AU4414">
            <v>1</v>
          </cell>
        </row>
        <row r="4415">
          <cell r="C4415">
            <v>1.0649999999999999</v>
          </cell>
          <cell r="AT4415">
            <v>2010</v>
          </cell>
          <cell r="AU4415">
            <v>2</v>
          </cell>
        </row>
        <row r="4416">
          <cell r="C4416">
            <v>1.0652999999999999</v>
          </cell>
          <cell r="AT4416">
            <v>2010</v>
          </cell>
          <cell r="AU4416">
            <v>2</v>
          </cell>
        </row>
        <row r="4417">
          <cell r="C4417">
            <v>1.0607</v>
          </cell>
          <cell r="AT4417">
            <v>2010</v>
          </cell>
          <cell r="AU4417">
            <v>2</v>
          </cell>
        </row>
        <row r="4418">
          <cell r="C4418">
            <v>1.0609</v>
          </cell>
          <cell r="AT4418">
            <v>2010</v>
          </cell>
          <cell r="AU4418">
            <v>2</v>
          </cell>
        </row>
        <row r="4419">
          <cell r="C4419">
            <v>1.0733999999999999</v>
          </cell>
          <cell r="AT4419">
            <v>2010</v>
          </cell>
          <cell r="AU4419">
            <v>2</v>
          </cell>
        </row>
        <row r="4420">
          <cell r="C4420">
            <v>1.0725</v>
          </cell>
          <cell r="AT4420">
            <v>2010</v>
          </cell>
          <cell r="AU4420">
            <v>2</v>
          </cell>
        </row>
        <row r="4421">
          <cell r="C4421">
            <v>1.0725</v>
          </cell>
          <cell r="AT4421">
            <v>2010</v>
          </cell>
          <cell r="AU4421">
            <v>2</v>
          </cell>
        </row>
        <row r="4422">
          <cell r="C4422">
            <v>1.0725</v>
          </cell>
          <cell r="AT4422">
            <v>2010</v>
          </cell>
          <cell r="AU4422">
            <v>2</v>
          </cell>
        </row>
        <row r="4423">
          <cell r="C4423">
            <v>1.0691999999999999</v>
          </cell>
          <cell r="AT4423">
            <v>2010</v>
          </cell>
          <cell r="AU4423">
            <v>2</v>
          </cell>
        </row>
        <row r="4424">
          <cell r="C4424">
            <v>1.069</v>
          </cell>
          <cell r="AT4424">
            <v>2010</v>
          </cell>
          <cell r="AU4424">
            <v>2</v>
          </cell>
        </row>
        <row r="4425">
          <cell r="C4425">
            <v>1.0670999999999999</v>
          </cell>
          <cell r="AT4425">
            <v>2010</v>
          </cell>
          <cell r="AU4425">
            <v>2</v>
          </cell>
        </row>
        <row r="4426">
          <cell r="C4426">
            <v>1.0523</v>
          </cell>
          <cell r="AT4426">
            <v>2010</v>
          </cell>
          <cell r="AU4426">
            <v>2</v>
          </cell>
        </row>
        <row r="4427">
          <cell r="C4427">
            <v>1.0530999999999999</v>
          </cell>
          <cell r="AT4427">
            <v>2010</v>
          </cell>
          <cell r="AU4427">
            <v>2</v>
          </cell>
        </row>
        <row r="4428">
          <cell r="C4428">
            <v>1.0530999999999999</v>
          </cell>
          <cell r="AT4428">
            <v>2010</v>
          </cell>
          <cell r="AU4428">
            <v>2</v>
          </cell>
        </row>
        <row r="4429">
          <cell r="C4429">
            <v>1.0530999999999999</v>
          </cell>
          <cell r="AT4429">
            <v>2010</v>
          </cell>
          <cell r="AU4429">
            <v>2</v>
          </cell>
        </row>
        <row r="4430">
          <cell r="C4430">
            <v>1.0530999999999999</v>
          </cell>
          <cell r="AT4430">
            <v>2010</v>
          </cell>
          <cell r="AU4430">
            <v>2</v>
          </cell>
        </row>
        <row r="4431">
          <cell r="C4431">
            <v>1.0426</v>
          </cell>
          <cell r="AT4431">
            <v>2010</v>
          </cell>
          <cell r="AU4431">
            <v>2</v>
          </cell>
        </row>
        <row r="4432">
          <cell r="C4432">
            <v>1.0455000000000001</v>
          </cell>
          <cell r="AT4432">
            <v>2010</v>
          </cell>
          <cell r="AU4432">
            <v>2</v>
          </cell>
        </row>
        <row r="4433">
          <cell r="C4433">
            <v>1.0451999999999999</v>
          </cell>
          <cell r="AT4433">
            <v>2010</v>
          </cell>
          <cell r="AU4433">
            <v>2</v>
          </cell>
        </row>
        <row r="4434">
          <cell r="C4434">
            <v>1.042</v>
          </cell>
          <cell r="AT4434">
            <v>2010</v>
          </cell>
          <cell r="AU4434">
            <v>2</v>
          </cell>
        </row>
        <row r="4435">
          <cell r="C4435">
            <v>1.042</v>
          </cell>
          <cell r="AT4435">
            <v>2010</v>
          </cell>
          <cell r="AU4435">
            <v>2</v>
          </cell>
        </row>
        <row r="4436">
          <cell r="C4436">
            <v>1.042</v>
          </cell>
          <cell r="AT4436">
            <v>2010</v>
          </cell>
          <cell r="AU4436">
            <v>2</v>
          </cell>
        </row>
        <row r="4437">
          <cell r="C4437">
            <v>1.0427999999999999</v>
          </cell>
          <cell r="AT4437">
            <v>2010</v>
          </cell>
          <cell r="AU4437">
            <v>2</v>
          </cell>
        </row>
        <row r="4438">
          <cell r="C4438">
            <v>1.0517000000000001</v>
          </cell>
          <cell r="AT4438">
            <v>2010</v>
          </cell>
          <cell r="AU4438">
            <v>2</v>
          </cell>
        </row>
        <row r="4439">
          <cell r="C4439">
            <v>1.0549999999999999</v>
          </cell>
          <cell r="AT4439">
            <v>2010</v>
          </cell>
          <cell r="AU4439">
            <v>2</v>
          </cell>
        </row>
        <row r="4440">
          <cell r="C4440">
            <v>1.0674999999999999</v>
          </cell>
          <cell r="AT4440">
            <v>2010</v>
          </cell>
          <cell r="AU4440">
            <v>2</v>
          </cell>
        </row>
        <row r="4441">
          <cell r="C4441">
            <v>1.0526</v>
          </cell>
          <cell r="AT4441">
            <v>2010</v>
          </cell>
          <cell r="AU4441">
            <v>2</v>
          </cell>
        </row>
        <row r="4442">
          <cell r="C4442">
            <v>1.0526</v>
          </cell>
          <cell r="AT4442">
            <v>2010</v>
          </cell>
          <cell r="AU4442">
            <v>2</v>
          </cell>
        </row>
        <row r="4443">
          <cell r="C4443">
            <v>1.0526</v>
          </cell>
          <cell r="AT4443">
            <v>2010</v>
          </cell>
          <cell r="AU4443">
            <v>3</v>
          </cell>
        </row>
        <row r="4444">
          <cell r="C4444">
            <v>1.0421</v>
          </cell>
          <cell r="AT4444">
            <v>2010</v>
          </cell>
          <cell r="AU4444">
            <v>3</v>
          </cell>
        </row>
        <row r="4445">
          <cell r="C4445">
            <v>1.0286999999999999</v>
          </cell>
          <cell r="AT4445">
            <v>2010</v>
          </cell>
          <cell r="AU4445">
            <v>3</v>
          </cell>
        </row>
        <row r="4446">
          <cell r="C4446">
            <v>1.0286999999999999</v>
          </cell>
          <cell r="AT4446">
            <v>2010</v>
          </cell>
          <cell r="AU4446">
            <v>3</v>
          </cell>
        </row>
        <row r="4447">
          <cell r="C4447">
            <v>1.0308999999999999</v>
          </cell>
          <cell r="AT4447">
            <v>2010</v>
          </cell>
          <cell r="AU4447">
            <v>3</v>
          </cell>
        </row>
        <row r="4448">
          <cell r="C4448">
            <v>1.0286</v>
          </cell>
          <cell r="AT4448">
            <v>2010</v>
          </cell>
          <cell r="AU4448">
            <v>3</v>
          </cell>
        </row>
        <row r="4449">
          <cell r="C4449">
            <v>1.0286</v>
          </cell>
          <cell r="AT4449">
            <v>2010</v>
          </cell>
          <cell r="AU4449">
            <v>3</v>
          </cell>
        </row>
        <row r="4450">
          <cell r="C4450">
            <v>1.0286</v>
          </cell>
          <cell r="AT4450">
            <v>2010</v>
          </cell>
          <cell r="AU4450">
            <v>3</v>
          </cell>
        </row>
        <row r="4451">
          <cell r="C4451">
            <v>1.0286</v>
          </cell>
          <cell r="AT4451">
            <v>2010</v>
          </cell>
          <cell r="AU4451">
            <v>3</v>
          </cell>
        </row>
        <row r="4452">
          <cell r="C4452">
            <v>1.0250999999999999</v>
          </cell>
          <cell r="AT4452">
            <v>2010</v>
          </cell>
          <cell r="AU4452">
            <v>3</v>
          </cell>
        </row>
        <row r="4453">
          <cell r="C4453">
            <v>1.0243</v>
          </cell>
          <cell r="AT4453">
            <v>2010</v>
          </cell>
          <cell r="AU4453">
            <v>3</v>
          </cell>
        </row>
        <row r="4454">
          <cell r="C4454">
            <v>1.0265</v>
          </cell>
          <cell r="AT4454">
            <v>2010</v>
          </cell>
          <cell r="AU4454">
            <v>3</v>
          </cell>
        </row>
        <row r="4455">
          <cell r="C4455">
            <v>1.0186999999999999</v>
          </cell>
          <cell r="AT4455">
            <v>2010</v>
          </cell>
          <cell r="AU4455">
            <v>3</v>
          </cell>
        </row>
        <row r="4456">
          <cell r="C4456">
            <v>1.0186999999999999</v>
          </cell>
          <cell r="AT4456">
            <v>2010</v>
          </cell>
          <cell r="AU4456">
            <v>3</v>
          </cell>
        </row>
        <row r="4457">
          <cell r="C4457">
            <v>1.0186999999999999</v>
          </cell>
          <cell r="AT4457">
            <v>2010</v>
          </cell>
          <cell r="AU4457">
            <v>3</v>
          </cell>
        </row>
        <row r="4458">
          <cell r="C4458">
            <v>1.0217000000000001</v>
          </cell>
          <cell r="AT4458">
            <v>2010</v>
          </cell>
          <cell r="AU4458">
            <v>3</v>
          </cell>
        </row>
        <row r="4459">
          <cell r="C4459">
            <v>1.0147999999999999</v>
          </cell>
          <cell r="AT4459">
            <v>2010</v>
          </cell>
          <cell r="AU4459">
            <v>3</v>
          </cell>
        </row>
        <row r="4460">
          <cell r="C4460">
            <v>1.0113000000000001</v>
          </cell>
          <cell r="AT4460">
            <v>2010</v>
          </cell>
          <cell r="AU4460">
            <v>3</v>
          </cell>
        </row>
        <row r="4461">
          <cell r="C4461">
            <v>1.0139</v>
          </cell>
          <cell r="AT4461">
            <v>2010</v>
          </cell>
          <cell r="AU4461">
            <v>3</v>
          </cell>
        </row>
        <row r="4462">
          <cell r="C4462">
            <v>1.0155000000000001</v>
          </cell>
          <cell r="AT4462">
            <v>2010</v>
          </cell>
          <cell r="AU4462">
            <v>3</v>
          </cell>
        </row>
        <row r="4463">
          <cell r="C4463">
            <v>1.0155000000000001</v>
          </cell>
          <cell r="AT4463">
            <v>2010</v>
          </cell>
          <cell r="AU4463">
            <v>3</v>
          </cell>
        </row>
        <row r="4464">
          <cell r="C4464">
            <v>1.0155000000000001</v>
          </cell>
          <cell r="AT4464">
            <v>2010</v>
          </cell>
          <cell r="AU4464">
            <v>3</v>
          </cell>
        </row>
        <row r="4465">
          <cell r="C4465">
            <v>1.0193000000000001</v>
          </cell>
          <cell r="AT4465">
            <v>2010</v>
          </cell>
          <cell r="AU4465">
            <v>3</v>
          </cell>
        </row>
        <row r="4466">
          <cell r="C4466">
            <v>1.0178</v>
          </cell>
          <cell r="AT4466">
            <v>2010</v>
          </cell>
          <cell r="AU4466">
            <v>3</v>
          </cell>
        </row>
        <row r="4467">
          <cell r="C4467">
            <v>1.0266999999999999</v>
          </cell>
          <cell r="AT4467">
            <v>2010</v>
          </cell>
          <cell r="AU4467">
            <v>3</v>
          </cell>
        </row>
        <row r="4468">
          <cell r="C4468">
            <v>1.0187999999999999</v>
          </cell>
          <cell r="AT4468">
            <v>2010</v>
          </cell>
          <cell r="AU4468">
            <v>3</v>
          </cell>
        </row>
        <row r="4469">
          <cell r="C4469">
            <v>1.0285</v>
          </cell>
          <cell r="AT4469">
            <v>2010</v>
          </cell>
          <cell r="AU4469">
            <v>3</v>
          </cell>
        </row>
        <row r="4470">
          <cell r="C4470">
            <v>1.0285</v>
          </cell>
          <cell r="AT4470">
            <v>2010</v>
          </cell>
          <cell r="AU4470">
            <v>3</v>
          </cell>
        </row>
        <row r="4471">
          <cell r="C4471">
            <v>1.0285</v>
          </cell>
          <cell r="AT4471">
            <v>2010</v>
          </cell>
          <cell r="AU4471">
            <v>3</v>
          </cell>
        </row>
        <row r="4472">
          <cell r="C4472">
            <v>1.0203</v>
          </cell>
          <cell r="AT4472">
            <v>2010</v>
          </cell>
          <cell r="AU4472">
            <v>3</v>
          </cell>
        </row>
        <row r="4473">
          <cell r="C4473">
            <v>1.0187999999999999</v>
          </cell>
          <cell r="AT4473">
            <v>2010</v>
          </cell>
          <cell r="AU4473">
            <v>3</v>
          </cell>
        </row>
        <row r="4474">
          <cell r="C4474">
            <v>1.0156000000000001</v>
          </cell>
          <cell r="AT4474">
            <v>2010</v>
          </cell>
          <cell r="AU4474">
            <v>4</v>
          </cell>
        </row>
        <row r="4475">
          <cell r="C4475">
            <v>1.0075000000000001</v>
          </cell>
          <cell r="AT4475">
            <v>2010</v>
          </cell>
          <cell r="AU4475">
            <v>4</v>
          </cell>
        </row>
        <row r="4476">
          <cell r="C4476">
            <v>1.0075000000000001</v>
          </cell>
          <cell r="AT4476">
            <v>2010</v>
          </cell>
          <cell r="AU4476">
            <v>4</v>
          </cell>
        </row>
        <row r="4477">
          <cell r="C4477">
            <v>1.0075000000000001</v>
          </cell>
          <cell r="AT4477">
            <v>2010</v>
          </cell>
          <cell r="AU4477">
            <v>4</v>
          </cell>
        </row>
        <row r="4478">
          <cell r="C4478">
            <v>1.0075000000000001</v>
          </cell>
          <cell r="AT4478">
            <v>2010</v>
          </cell>
          <cell r="AU4478">
            <v>4</v>
          </cell>
        </row>
        <row r="4479">
          <cell r="C4479">
            <v>1.0024999999999999</v>
          </cell>
          <cell r="AT4479">
            <v>2010</v>
          </cell>
          <cell r="AU4479">
            <v>4</v>
          </cell>
        </row>
        <row r="4480">
          <cell r="C4480">
            <v>1.0001</v>
          </cell>
          <cell r="AT4480">
            <v>2010</v>
          </cell>
          <cell r="AU4480">
            <v>4</v>
          </cell>
        </row>
        <row r="4481">
          <cell r="C4481">
            <v>1.0029999999999999</v>
          </cell>
          <cell r="AT4481">
            <v>2010</v>
          </cell>
          <cell r="AU4481">
            <v>4</v>
          </cell>
        </row>
        <row r="4482">
          <cell r="C4482">
            <v>1.002</v>
          </cell>
          <cell r="AT4482">
            <v>2010</v>
          </cell>
          <cell r="AU4482">
            <v>4</v>
          </cell>
        </row>
        <row r="4483">
          <cell r="C4483">
            <v>1.0055000000000001</v>
          </cell>
          <cell r="AT4483">
            <v>2010</v>
          </cell>
          <cell r="AU4483">
            <v>4</v>
          </cell>
        </row>
        <row r="4484">
          <cell r="C4484">
            <v>1.0055000000000001</v>
          </cell>
          <cell r="AT4484">
            <v>2010</v>
          </cell>
          <cell r="AU4484">
            <v>4</v>
          </cell>
        </row>
        <row r="4485">
          <cell r="C4485">
            <v>1.0055000000000001</v>
          </cell>
          <cell r="AT4485">
            <v>2010</v>
          </cell>
          <cell r="AU4485">
            <v>4</v>
          </cell>
        </row>
        <row r="4486">
          <cell r="C4486">
            <v>1.0015000000000001</v>
          </cell>
          <cell r="AT4486">
            <v>2010</v>
          </cell>
          <cell r="AU4486">
            <v>4</v>
          </cell>
        </row>
        <row r="4487">
          <cell r="C4487">
            <v>1.0027999999999999</v>
          </cell>
          <cell r="AT4487">
            <v>2010</v>
          </cell>
          <cell r="AU4487">
            <v>4</v>
          </cell>
        </row>
        <row r="4488">
          <cell r="C4488">
            <v>0.99609999999999999</v>
          </cell>
          <cell r="AT4488">
            <v>2010</v>
          </cell>
          <cell r="AU4488">
            <v>4</v>
          </cell>
        </row>
        <row r="4489">
          <cell r="C4489">
            <v>1.0014000000000001</v>
          </cell>
          <cell r="AT4489">
            <v>2010</v>
          </cell>
          <cell r="AU4489">
            <v>4</v>
          </cell>
        </row>
        <row r="4490">
          <cell r="C4490">
            <v>1.0147999999999999</v>
          </cell>
          <cell r="AT4490">
            <v>2010</v>
          </cell>
          <cell r="AU4490">
            <v>4</v>
          </cell>
        </row>
        <row r="4491">
          <cell r="C4491">
            <v>1.0147999999999999</v>
          </cell>
          <cell r="AT4491">
            <v>2010</v>
          </cell>
          <cell r="AU4491">
            <v>4</v>
          </cell>
        </row>
        <row r="4492">
          <cell r="C4492">
            <v>1.0147999999999999</v>
          </cell>
          <cell r="AT4492">
            <v>2010</v>
          </cell>
          <cell r="AU4492">
            <v>4</v>
          </cell>
        </row>
        <row r="4493">
          <cell r="C4493">
            <v>1.0201</v>
          </cell>
          <cell r="AT4493">
            <v>2010</v>
          </cell>
          <cell r="AU4493">
            <v>4</v>
          </cell>
        </row>
        <row r="4494">
          <cell r="C4494">
            <v>0.99860000000000004</v>
          </cell>
          <cell r="AT4494">
            <v>2010</v>
          </cell>
          <cell r="AU4494">
            <v>4</v>
          </cell>
        </row>
        <row r="4495">
          <cell r="C4495">
            <v>0.99839999999999995</v>
          </cell>
          <cell r="AT4495">
            <v>2010</v>
          </cell>
          <cell r="AU4495">
            <v>4</v>
          </cell>
        </row>
        <row r="4496">
          <cell r="C4496">
            <v>1.0013000000000001</v>
          </cell>
          <cell r="AT4496">
            <v>2010</v>
          </cell>
          <cell r="AU4496">
            <v>4</v>
          </cell>
        </row>
        <row r="4497">
          <cell r="C4497">
            <v>1.0026999999999999</v>
          </cell>
          <cell r="AT4497">
            <v>2010</v>
          </cell>
          <cell r="AU4497">
            <v>4</v>
          </cell>
        </row>
        <row r="4498">
          <cell r="C4498">
            <v>1.0026999999999999</v>
          </cell>
          <cell r="AT4498">
            <v>2010</v>
          </cell>
          <cell r="AU4498">
            <v>4</v>
          </cell>
        </row>
        <row r="4499">
          <cell r="C4499">
            <v>1.0026999999999999</v>
          </cell>
          <cell r="AT4499">
            <v>2010</v>
          </cell>
          <cell r="AU4499">
            <v>4</v>
          </cell>
        </row>
        <row r="4500">
          <cell r="C4500">
            <v>1.0008999999999999</v>
          </cell>
          <cell r="AT4500">
            <v>2010</v>
          </cell>
          <cell r="AU4500">
            <v>4</v>
          </cell>
        </row>
        <row r="4501">
          <cell r="C4501">
            <v>1.0173000000000001</v>
          </cell>
          <cell r="AT4501">
            <v>2010</v>
          </cell>
          <cell r="AU4501">
            <v>4</v>
          </cell>
        </row>
        <row r="4502">
          <cell r="C4502">
            <v>1.0127999999999999</v>
          </cell>
          <cell r="AT4502">
            <v>2010</v>
          </cell>
          <cell r="AU4502">
            <v>4</v>
          </cell>
        </row>
        <row r="4503">
          <cell r="C4503">
            <v>1.0054000000000001</v>
          </cell>
          <cell r="AT4503">
            <v>2010</v>
          </cell>
          <cell r="AU4503">
            <v>4</v>
          </cell>
        </row>
        <row r="4504">
          <cell r="C4504">
            <v>1.0116000000000001</v>
          </cell>
          <cell r="AT4504">
            <v>2010</v>
          </cell>
          <cell r="AU4504">
            <v>5</v>
          </cell>
        </row>
        <row r="4505">
          <cell r="C4505">
            <v>1.0116000000000001</v>
          </cell>
          <cell r="AT4505">
            <v>2010</v>
          </cell>
          <cell r="AU4505">
            <v>5</v>
          </cell>
        </row>
        <row r="4506">
          <cell r="C4506">
            <v>1.0116000000000001</v>
          </cell>
          <cell r="AT4506">
            <v>2010</v>
          </cell>
          <cell r="AU4506">
            <v>5</v>
          </cell>
        </row>
        <row r="4507">
          <cell r="C4507">
            <v>1.0134000000000001</v>
          </cell>
          <cell r="AT4507">
            <v>2010</v>
          </cell>
          <cell r="AU4507">
            <v>5</v>
          </cell>
        </row>
        <row r="4508">
          <cell r="C4508">
            <v>1.0216000000000001</v>
          </cell>
          <cell r="AT4508">
            <v>2010</v>
          </cell>
          <cell r="AU4508">
            <v>5</v>
          </cell>
        </row>
        <row r="4509">
          <cell r="C4509">
            <v>1.0266</v>
          </cell>
          <cell r="AT4509">
            <v>2010</v>
          </cell>
          <cell r="AU4509">
            <v>5</v>
          </cell>
        </row>
        <row r="4510">
          <cell r="C4510">
            <v>1.0437000000000001</v>
          </cell>
          <cell r="AT4510">
            <v>2010</v>
          </cell>
          <cell r="AU4510">
            <v>5</v>
          </cell>
        </row>
        <row r="4511">
          <cell r="C4511">
            <v>1.0430999999999999</v>
          </cell>
          <cell r="AT4511">
            <v>2010</v>
          </cell>
          <cell r="AU4511">
            <v>5</v>
          </cell>
        </row>
        <row r="4512">
          <cell r="C4512">
            <v>1.0430999999999999</v>
          </cell>
          <cell r="AT4512">
            <v>2010</v>
          </cell>
          <cell r="AU4512">
            <v>5</v>
          </cell>
        </row>
        <row r="4513">
          <cell r="C4513">
            <v>1.0430999999999999</v>
          </cell>
          <cell r="AT4513">
            <v>2010</v>
          </cell>
          <cell r="AU4513">
            <v>5</v>
          </cell>
        </row>
        <row r="4514">
          <cell r="C4514">
            <v>1.0246</v>
          </cell>
          <cell r="AT4514">
            <v>2010</v>
          </cell>
          <cell r="AU4514">
            <v>5</v>
          </cell>
        </row>
        <row r="4515">
          <cell r="C4515">
            <v>1.0195000000000001</v>
          </cell>
          <cell r="AT4515">
            <v>2010</v>
          </cell>
          <cell r="AU4515">
            <v>5</v>
          </cell>
        </row>
        <row r="4516">
          <cell r="C4516">
            <v>1.0201</v>
          </cell>
          <cell r="AT4516">
            <v>2010</v>
          </cell>
          <cell r="AU4516">
            <v>5</v>
          </cell>
        </row>
        <row r="4517">
          <cell r="C4517">
            <v>1.0148999999999999</v>
          </cell>
          <cell r="AT4517">
            <v>2010</v>
          </cell>
          <cell r="AU4517">
            <v>5</v>
          </cell>
        </row>
        <row r="4518">
          <cell r="C4518">
            <v>1.0344</v>
          </cell>
          <cell r="AT4518">
            <v>2010</v>
          </cell>
          <cell r="AU4518">
            <v>5</v>
          </cell>
        </row>
        <row r="4519">
          <cell r="C4519">
            <v>1.0344</v>
          </cell>
          <cell r="AT4519">
            <v>2010</v>
          </cell>
          <cell r="AU4519">
            <v>5</v>
          </cell>
        </row>
        <row r="4520">
          <cell r="C4520">
            <v>1.0344</v>
          </cell>
          <cell r="AT4520">
            <v>2010</v>
          </cell>
          <cell r="AU4520">
            <v>5</v>
          </cell>
        </row>
        <row r="4521">
          <cell r="C4521">
            <v>1.0405</v>
          </cell>
          <cell r="AT4521">
            <v>2010</v>
          </cell>
          <cell r="AU4521">
            <v>5</v>
          </cell>
        </row>
        <row r="4522">
          <cell r="C4522">
            <v>1.0329999999999999</v>
          </cell>
          <cell r="AT4522">
            <v>2010</v>
          </cell>
          <cell r="AU4522">
            <v>5</v>
          </cell>
        </row>
        <row r="4523">
          <cell r="C4523">
            <v>1.0515000000000001</v>
          </cell>
          <cell r="AT4523">
            <v>2010</v>
          </cell>
          <cell r="AU4523">
            <v>5</v>
          </cell>
        </row>
        <row r="4524">
          <cell r="C4524">
            <v>1.0659000000000001</v>
          </cell>
          <cell r="AT4524">
            <v>2010</v>
          </cell>
          <cell r="AU4524">
            <v>5</v>
          </cell>
        </row>
        <row r="4525">
          <cell r="C4525">
            <v>1.0569999999999999</v>
          </cell>
          <cell r="AT4525">
            <v>2010</v>
          </cell>
          <cell r="AU4525">
            <v>5</v>
          </cell>
        </row>
        <row r="4526">
          <cell r="C4526">
            <v>1.0569999999999999</v>
          </cell>
          <cell r="AT4526">
            <v>2010</v>
          </cell>
          <cell r="AU4526">
            <v>5</v>
          </cell>
        </row>
        <row r="4527">
          <cell r="C4527">
            <v>1.0569999999999999</v>
          </cell>
          <cell r="AT4527">
            <v>2010</v>
          </cell>
          <cell r="AU4527">
            <v>5</v>
          </cell>
        </row>
        <row r="4528">
          <cell r="C4528">
            <v>1.0569999999999999</v>
          </cell>
          <cell r="AT4528">
            <v>2010</v>
          </cell>
          <cell r="AU4528">
            <v>5</v>
          </cell>
        </row>
        <row r="4529">
          <cell r="C4529">
            <v>1.0778000000000001</v>
          </cell>
          <cell r="AT4529">
            <v>2010</v>
          </cell>
          <cell r="AU4529">
            <v>5</v>
          </cell>
        </row>
        <row r="4530">
          <cell r="C4530">
            <v>1.0650999999999999</v>
          </cell>
          <cell r="AT4530">
            <v>2010</v>
          </cell>
          <cell r="AU4530">
            <v>5</v>
          </cell>
        </row>
        <row r="4531">
          <cell r="C4531">
            <v>1.0496000000000001</v>
          </cell>
          <cell r="AT4531">
            <v>2010</v>
          </cell>
          <cell r="AU4531">
            <v>5</v>
          </cell>
        </row>
        <row r="4532">
          <cell r="C4532">
            <v>1.0499000000000001</v>
          </cell>
          <cell r="AT4532">
            <v>2010</v>
          </cell>
          <cell r="AU4532">
            <v>5</v>
          </cell>
        </row>
        <row r="4533">
          <cell r="C4533">
            <v>1.0499000000000001</v>
          </cell>
          <cell r="AT4533">
            <v>2010</v>
          </cell>
          <cell r="AU4533">
            <v>5</v>
          </cell>
        </row>
        <row r="4534">
          <cell r="C4534">
            <v>1.0499000000000001</v>
          </cell>
          <cell r="AT4534">
            <v>2010</v>
          </cell>
          <cell r="AU4534">
            <v>5</v>
          </cell>
        </row>
        <row r="4535">
          <cell r="C4535">
            <v>1.0499000000000001</v>
          </cell>
          <cell r="AT4535">
            <v>2010</v>
          </cell>
          <cell r="AU4535">
            <v>6</v>
          </cell>
        </row>
        <row r="4536">
          <cell r="C4536">
            <v>1.0479000000000001</v>
          </cell>
          <cell r="AT4536">
            <v>2010</v>
          </cell>
          <cell r="AU4536">
            <v>6</v>
          </cell>
        </row>
        <row r="4537">
          <cell r="C4537">
            <v>1.0404</v>
          </cell>
          <cell r="AT4537">
            <v>2010</v>
          </cell>
          <cell r="AU4537">
            <v>6</v>
          </cell>
        </row>
        <row r="4538">
          <cell r="C4538">
            <v>1.0416000000000001</v>
          </cell>
          <cell r="AT4538">
            <v>2010</v>
          </cell>
          <cell r="AU4538">
            <v>6</v>
          </cell>
        </row>
        <row r="4539">
          <cell r="C4539">
            <v>1.0516000000000001</v>
          </cell>
          <cell r="AT4539">
            <v>2010</v>
          </cell>
          <cell r="AU4539">
            <v>6</v>
          </cell>
        </row>
        <row r="4540">
          <cell r="C4540">
            <v>1.0516000000000001</v>
          </cell>
          <cell r="AT4540">
            <v>2010</v>
          </cell>
          <cell r="AU4540">
            <v>6</v>
          </cell>
        </row>
        <row r="4541">
          <cell r="C4541">
            <v>1.0516000000000001</v>
          </cell>
          <cell r="AT4541">
            <v>2010</v>
          </cell>
          <cell r="AU4541">
            <v>6</v>
          </cell>
        </row>
        <row r="4542">
          <cell r="C4542">
            <v>1.054</v>
          </cell>
          <cell r="AT4542">
            <v>2010</v>
          </cell>
          <cell r="AU4542">
            <v>6</v>
          </cell>
        </row>
        <row r="4543">
          <cell r="C4543">
            <v>1.0518000000000001</v>
          </cell>
          <cell r="AT4543">
            <v>2010</v>
          </cell>
          <cell r="AU4543">
            <v>6</v>
          </cell>
        </row>
        <row r="4544">
          <cell r="C4544">
            <v>1.0395000000000001</v>
          </cell>
          <cell r="AT4544">
            <v>2010</v>
          </cell>
          <cell r="AU4544">
            <v>6</v>
          </cell>
        </row>
        <row r="4545">
          <cell r="C4545">
            <v>1.0337000000000001</v>
          </cell>
          <cell r="AT4545">
            <v>2010</v>
          </cell>
          <cell r="AU4545">
            <v>6</v>
          </cell>
        </row>
        <row r="4546">
          <cell r="C4546">
            <v>1.0333000000000001</v>
          </cell>
          <cell r="AT4546">
            <v>2010</v>
          </cell>
          <cell r="AU4546">
            <v>6</v>
          </cell>
        </row>
        <row r="4547">
          <cell r="C4547">
            <v>1.0333000000000001</v>
          </cell>
          <cell r="AT4547">
            <v>2010</v>
          </cell>
          <cell r="AU4547">
            <v>6</v>
          </cell>
        </row>
        <row r="4548">
          <cell r="C4548">
            <v>1.0333000000000001</v>
          </cell>
          <cell r="AT4548">
            <v>2010</v>
          </cell>
          <cell r="AU4548">
            <v>6</v>
          </cell>
        </row>
        <row r="4549">
          <cell r="C4549">
            <v>1.0253000000000001</v>
          </cell>
          <cell r="AT4549">
            <v>2010</v>
          </cell>
          <cell r="AU4549">
            <v>6</v>
          </cell>
        </row>
        <row r="4550">
          <cell r="C4550">
            <v>1.0287999999999999</v>
          </cell>
          <cell r="AT4550">
            <v>2010</v>
          </cell>
          <cell r="AU4550">
            <v>6</v>
          </cell>
        </row>
        <row r="4551">
          <cell r="C4551">
            <v>1.0236000000000001</v>
          </cell>
          <cell r="AT4551">
            <v>2010</v>
          </cell>
          <cell r="AU4551">
            <v>6</v>
          </cell>
        </row>
        <row r="4552">
          <cell r="C4552">
            <v>1.0284</v>
          </cell>
          <cell r="AT4552">
            <v>2010</v>
          </cell>
          <cell r="AU4552">
            <v>6</v>
          </cell>
        </row>
        <row r="4553">
          <cell r="C4553">
            <v>1.0238</v>
          </cell>
          <cell r="AT4553">
            <v>2010</v>
          </cell>
          <cell r="AU4553">
            <v>6</v>
          </cell>
        </row>
        <row r="4554">
          <cell r="C4554">
            <v>1.0238</v>
          </cell>
          <cell r="AT4554">
            <v>2010</v>
          </cell>
          <cell r="AU4554">
            <v>6</v>
          </cell>
        </row>
        <row r="4555">
          <cell r="C4555">
            <v>1.0238</v>
          </cell>
          <cell r="AT4555">
            <v>2010</v>
          </cell>
          <cell r="AU4555">
            <v>6</v>
          </cell>
        </row>
        <row r="4556">
          <cell r="C4556">
            <v>1.0199</v>
          </cell>
          <cell r="AT4556">
            <v>2010</v>
          </cell>
          <cell r="AU4556">
            <v>6</v>
          </cell>
        </row>
        <row r="4557">
          <cell r="C4557">
            <v>1.0201</v>
          </cell>
          <cell r="AT4557">
            <v>2010</v>
          </cell>
          <cell r="AU4557">
            <v>6</v>
          </cell>
        </row>
        <row r="4558">
          <cell r="C4558">
            <v>1.0434000000000001</v>
          </cell>
          <cell r="AT4558">
            <v>2010</v>
          </cell>
          <cell r="AU4558">
            <v>6</v>
          </cell>
        </row>
        <row r="4559">
          <cell r="C4559">
            <v>1.0431999999999999</v>
          </cell>
          <cell r="AT4559">
            <v>2010</v>
          </cell>
          <cell r="AU4559">
            <v>6</v>
          </cell>
        </row>
        <row r="4560">
          <cell r="C4560">
            <v>1.0369999999999999</v>
          </cell>
          <cell r="AT4560">
            <v>2010</v>
          </cell>
          <cell r="AU4560">
            <v>6</v>
          </cell>
        </row>
        <row r="4561">
          <cell r="C4561">
            <v>1.0369999999999999</v>
          </cell>
          <cell r="AT4561">
            <v>2010</v>
          </cell>
          <cell r="AU4561">
            <v>6</v>
          </cell>
        </row>
        <row r="4562">
          <cell r="C4562">
            <v>1.0369999999999999</v>
          </cell>
          <cell r="AT4562">
            <v>2010</v>
          </cell>
          <cell r="AU4562">
            <v>6</v>
          </cell>
        </row>
        <row r="4563">
          <cell r="C4563">
            <v>1.0337000000000001</v>
          </cell>
          <cell r="AT4563">
            <v>2010</v>
          </cell>
          <cell r="AU4563">
            <v>6</v>
          </cell>
        </row>
        <row r="4564">
          <cell r="C4564">
            <v>1.0528999999999999</v>
          </cell>
          <cell r="AT4564">
            <v>2010</v>
          </cell>
          <cell r="AU4564">
            <v>6</v>
          </cell>
        </row>
        <row r="4565">
          <cell r="C4565">
            <v>1.0606</v>
          </cell>
          <cell r="AT4565">
            <v>2010</v>
          </cell>
          <cell r="AU4565">
            <v>7</v>
          </cell>
        </row>
        <row r="4566">
          <cell r="C4566">
            <v>1.0606</v>
          </cell>
          <cell r="AT4566">
            <v>2010</v>
          </cell>
          <cell r="AU4566">
            <v>7</v>
          </cell>
        </row>
        <row r="4567">
          <cell r="C4567">
            <v>1.0649</v>
          </cell>
          <cell r="AT4567">
            <v>2010</v>
          </cell>
          <cell r="AU4567">
            <v>7</v>
          </cell>
        </row>
        <row r="4568">
          <cell r="C4568">
            <v>1.0649</v>
          </cell>
          <cell r="AT4568">
            <v>2010</v>
          </cell>
          <cell r="AU4568">
            <v>7</v>
          </cell>
        </row>
        <row r="4569">
          <cell r="C4569">
            <v>1.0649</v>
          </cell>
          <cell r="AT4569">
            <v>2010</v>
          </cell>
          <cell r="AU4569">
            <v>7</v>
          </cell>
        </row>
        <row r="4570">
          <cell r="C4570">
            <v>1.0649</v>
          </cell>
          <cell r="AT4570">
            <v>2010</v>
          </cell>
          <cell r="AU4570">
            <v>7</v>
          </cell>
        </row>
        <row r="4571">
          <cell r="C4571">
            <v>1.0498000000000001</v>
          </cell>
          <cell r="AT4571">
            <v>2010</v>
          </cell>
          <cell r="AU4571">
            <v>7</v>
          </cell>
        </row>
        <row r="4572">
          <cell r="C4572">
            <v>1.0527</v>
          </cell>
          <cell r="AT4572">
            <v>2010</v>
          </cell>
          <cell r="AU4572">
            <v>7</v>
          </cell>
        </row>
        <row r="4573">
          <cell r="C4573">
            <v>1.0446</v>
          </cell>
          <cell r="AT4573">
            <v>2010</v>
          </cell>
          <cell r="AU4573">
            <v>7</v>
          </cell>
        </row>
        <row r="4574">
          <cell r="C4574">
            <v>1.0327999999999999</v>
          </cell>
          <cell r="AT4574">
            <v>2010</v>
          </cell>
          <cell r="AU4574">
            <v>7</v>
          </cell>
        </row>
        <row r="4575">
          <cell r="C4575">
            <v>1.0327999999999999</v>
          </cell>
          <cell r="AT4575">
            <v>2010</v>
          </cell>
          <cell r="AU4575">
            <v>7</v>
          </cell>
        </row>
        <row r="4576">
          <cell r="C4576">
            <v>1.0327999999999999</v>
          </cell>
          <cell r="AT4576">
            <v>2010</v>
          </cell>
          <cell r="AU4576">
            <v>7</v>
          </cell>
        </row>
        <row r="4577">
          <cell r="C4577">
            <v>1.0379</v>
          </cell>
          <cell r="AT4577">
            <v>2010</v>
          </cell>
          <cell r="AU4577">
            <v>7</v>
          </cell>
        </row>
        <row r="4578">
          <cell r="C4578">
            <v>1.0284</v>
          </cell>
          <cell r="AT4578">
            <v>2010</v>
          </cell>
          <cell r="AU4578">
            <v>7</v>
          </cell>
        </row>
        <row r="4579">
          <cell r="C4579">
            <v>1.0306</v>
          </cell>
          <cell r="AT4579">
            <v>2010</v>
          </cell>
          <cell r="AU4579">
            <v>7</v>
          </cell>
        </row>
        <row r="4580">
          <cell r="C4580">
            <v>1.0403</v>
          </cell>
          <cell r="AT4580">
            <v>2010</v>
          </cell>
          <cell r="AU4580">
            <v>7</v>
          </cell>
        </row>
        <row r="4581">
          <cell r="C4581">
            <v>1.0537000000000001</v>
          </cell>
          <cell r="AT4581">
            <v>2010</v>
          </cell>
          <cell r="AU4581">
            <v>7</v>
          </cell>
        </row>
        <row r="4582">
          <cell r="C4582">
            <v>1.0537000000000001</v>
          </cell>
          <cell r="AT4582">
            <v>2010</v>
          </cell>
          <cell r="AU4582">
            <v>7</v>
          </cell>
        </row>
        <row r="4583">
          <cell r="C4583">
            <v>1.0537000000000001</v>
          </cell>
          <cell r="AT4583">
            <v>2010</v>
          </cell>
          <cell r="AU4583">
            <v>7</v>
          </cell>
        </row>
        <row r="4584">
          <cell r="C4584">
            <v>1.0559000000000001</v>
          </cell>
          <cell r="AT4584">
            <v>2010</v>
          </cell>
          <cell r="AU4584">
            <v>7</v>
          </cell>
        </row>
        <row r="4585">
          <cell r="C4585">
            <v>1.0526</v>
          </cell>
          <cell r="AT4585">
            <v>2010</v>
          </cell>
          <cell r="AU4585">
            <v>7</v>
          </cell>
        </row>
        <row r="4586">
          <cell r="C4586">
            <v>1.0427</v>
          </cell>
          <cell r="AT4586">
            <v>2010</v>
          </cell>
          <cell r="AU4586">
            <v>7</v>
          </cell>
        </row>
        <row r="4587">
          <cell r="C4587">
            <v>1.0376000000000001</v>
          </cell>
          <cell r="AT4587">
            <v>2010</v>
          </cell>
          <cell r="AU4587">
            <v>7</v>
          </cell>
        </row>
        <row r="4588">
          <cell r="C4588">
            <v>1.0373000000000001</v>
          </cell>
          <cell r="AT4588">
            <v>2010</v>
          </cell>
          <cell r="AU4588">
            <v>7</v>
          </cell>
        </row>
        <row r="4589">
          <cell r="C4589">
            <v>1.0373000000000001</v>
          </cell>
          <cell r="AT4589">
            <v>2010</v>
          </cell>
          <cell r="AU4589">
            <v>7</v>
          </cell>
        </row>
        <row r="4590">
          <cell r="C4590">
            <v>1.0373000000000001</v>
          </cell>
          <cell r="AT4590">
            <v>2010</v>
          </cell>
          <cell r="AU4590">
            <v>7</v>
          </cell>
        </row>
        <row r="4591">
          <cell r="C4591">
            <v>1.0311999999999999</v>
          </cell>
          <cell r="AT4591">
            <v>2010</v>
          </cell>
          <cell r="AU4591">
            <v>7</v>
          </cell>
        </row>
        <row r="4592">
          <cell r="C4592">
            <v>1.0357000000000001</v>
          </cell>
          <cell r="AT4592">
            <v>2010</v>
          </cell>
          <cell r="AU4592">
            <v>7</v>
          </cell>
        </row>
        <row r="4593">
          <cell r="C4593">
            <v>1.0357000000000001</v>
          </cell>
          <cell r="AT4593">
            <v>2010</v>
          </cell>
          <cell r="AU4593">
            <v>7</v>
          </cell>
        </row>
        <row r="4594">
          <cell r="C4594">
            <v>1.0369999999999999</v>
          </cell>
          <cell r="AT4594">
            <v>2010</v>
          </cell>
          <cell r="AU4594">
            <v>7</v>
          </cell>
        </row>
        <row r="4595">
          <cell r="C4595">
            <v>1.0289999999999999</v>
          </cell>
          <cell r="AT4595">
            <v>2010</v>
          </cell>
          <cell r="AU4595">
            <v>7</v>
          </cell>
        </row>
        <row r="4596">
          <cell r="C4596">
            <v>1.0289999999999999</v>
          </cell>
          <cell r="AT4596">
            <v>2010</v>
          </cell>
          <cell r="AU4596">
            <v>8</v>
          </cell>
        </row>
        <row r="4597">
          <cell r="C4597">
            <v>1.0289999999999999</v>
          </cell>
          <cell r="AT4597">
            <v>2010</v>
          </cell>
          <cell r="AU4597">
            <v>8</v>
          </cell>
        </row>
        <row r="4598">
          <cell r="C4598">
            <v>1.0289999999999999</v>
          </cell>
          <cell r="AT4598">
            <v>2010</v>
          </cell>
          <cell r="AU4598">
            <v>8</v>
          </cell>
        </row>
        <row r="4599">
          <cell r="C4599">
            <v>1.0225</v>
          </cell>
          <cell r="AT4599">
            <v>2010</v>
          </cell>
          <cell r="AU4599">
            <v>8</v>
          </cell>
        </row>
        <row r="4600">
          <cell r="C4600">
            <v>1.0185</v>
          </cell>
          <cell r="AT4600">
            <v>2010</v>
          </cell>
          <cell r="AU4600">
            <v>8</v>
          </cell>
        </row>
        <row r="4601">
          <cell r="C4601">
            <v>1.0158</v>
          </cell>
          <cell r="AT4601">
            <v>2010</v>
          </cell>
          <cell r="AU4601">
            <v>8</v>
          </cell>
        </row>
        <row r="4602">
          <cell r="C4602">
            <v>1.0273000000000001</v>
          </cell>
          <cell r="AT4602">
            <v>2010</v>
          </cell>
          <cell r="AU4602">
            <v>8</v>
          </cell>
        </row>
        <row r="4603">
          <cell r="C4603">
            <v>1.0273000000000001</v>
          </cell>
          <cell r="AT4603">
            <v>2010</v>
          </cell>
          <cell r="AU4603">
            <v>8</v>
          </cell>
        </row>
        <row r="4604">
          <cell r="C4604">
            <v>1.0273000000000001</v>
          </cell>
          <cell r="AT4604">
            <v>2010</v>
          </cell>
          <cell r="AU4604">
            <v>8</v>
          </cell>
        </row>
        <row r="4605">
          <cell r="C4605">
            <v>1.0266</v>
          </cell>
          <cell r="AT4605">
            <v>2010</v>
          </cell>
          <cell r="AU4605">
            <v>8</v>
          </cell>
        </row>
        <row r="4606">
          <cell r="C4606">
            <v>1.0347999999999999</v>
          </cell>
          <cell r="AT4606">
            <v>2010</v>
          </cell>
          <cell r="AU4606">
            <v>8</v>
          </cell>
        </row>
        <row r="4607">
          <cell r="C4607">
            <v>1.0456000000000001</v>
          </cell>
          <cell r="AT4607">
            <v>2010</v>
          </cell>
          <cell r="AU4607">
            <v>8</v>
          </cell>
        </row>
        <row r="4608">
          <cell r="C4608">
            <v>1.0434000000000001</v>
          </cell>
          <cell r="AT4608">
            <v>2010</v>
          </cell>
          <cell r="AU4608">
            <v>8</v>
          </cell>
        </row>
        <row r="4609">
          <cell r="C4609">
            <v>1.0402</v>
          </cell>
          <cell r="AT4609">
            <v>2010</v>
          </cell>
          <cell r="AU4609">
            <v>8</v>
          </cell>
        </row>
        <row r="4610">
          <cell r="C4610">
            <v>1.0402</v>
          </cell>
          <cell r="AT4610">
            <v>2010</v>
          </cell>
          <cell r="AU4610">
            <v>8</v>
          </cell>
        </row>
        <row r="4611">
          <cell r="C4611">
            <v>1.0402</v>
          </cell>
          <cell r="AT4611">
            <v>2010</v>
          </cell>
          <cell r="AU4611">
            <v>8</v>
          </cell>
        </row>
        <row r="4612">
          <cell r="C4612">
            <v>1.0431999999999999</v>
          </cell>
          <cell r="AT4612">
            <v>2010</v>
          </cell>
          <cell r="AU4612">
            <v>8</v>
          </cell>
        </row>
        <row r="4613">
          <cell r="C4613">
            <v>1.0311999999999999</v>
          </cell>
          <cell r="AT4613">
            <v>2010</v>
          </cell>
          <cell r="AU4613">
            <v>8</v>
          </cell>
        </row>
        <row r="4614">
          <cell r="C4614">
            <v>1.0288999999999999</v>
          </cell>
          <cell r="AT4614">
            <v>2010</v>
          </cell>
          <cell r="AU4614">
            <v>8</v>
          </cell>
        </row>
        <row r="4615">
          <cell r="C4615">
            <v>1.0399</v>
          </cell>
          <cell r="AT4615">
            <v>2010</v>
          </cell>
          <cell r="AU4615">
            <v>8</v>
          </cell>
        </row>
        <row r="4616">
          <cell r="C4616">
            <v>1.05</v>
          </cell>
          <cell r="AT4616">
            <v>2010</v>
          </cell>
          <cell r="AU4616">
            <v>8</v>
          </cell>
        </row>
        <row r="4617">
          <cell r="C4617">
            <v>1.05</v>
          </cell>
          <cell r="AT4617">
            <v>2010</v>
          </cell>
          <cell r="AU4617">
            <v>8</v>
          </cell>
        </row>
        <row r="4618">
          <cell r="C4618">
            <v>1.05</v>
          </cell>
          <cell r="AT4618">
            <v>2010</v>
          </cell>
          <cell r="AU4618">
            <v>8</v>
          </cell>
        </row>
        <row r="4619">
          <cell r="C4619">
            <v>1.0513999999999999</v>
          </cell>
          <cell r="AT4619">
            <v>2010</v>
          </cell>
          <cell r="AU4619">
            <v>8</v>
          </cell>
        </row>
        <row r="4620">
          <cell r="C4620">
            <v>1.0563</v>
          </cell>
          <cell r="AT4620">
            <v>2010</v>
          </cell>
          <cell r="AU4620">
            <v>8</v>
          </cell>
        </row>
        <row r="4621">
          <cell r="C4621">
            <v>1.0642</v>
          </cell>
          <cell r="AT4621">
            <v>2010</v>
          </cell>
          <cell r="AU4621">
            <v>8</v>
          </cell>
        </row>
        <row r="4622">
          <cell r="C4622">
            <v>1.0546</v>
          </cell>
          <cell r="AT4622">
            <v>2010</v>
          </cell>
          <cell r="AU4622">
            <v>8</v>
          </cell>
        </row>
        <row r="4623">
          <cell r="C4623">
            <v>1.0546</v>
          </cell>
          <cell r="AT4623">
            <v>2010</v>
          </cell>
          <cell r="AU4623">
            <v>8</v>
          </cell>
        </row>
        <row r="4624">
          <cell r="C4624">
            <v>1.0546</v>
          </cell>
          <cell r="AT4624">
            <v>2010</v>
          </cell>
          <cell r="AU4624">
            <v>8</v>
          </cell>
        </row>
        <row r="4625">
          <cell r="C4625">
            <v>1.0546</v>
          </cell>
          <cell r="AT4625">
            <v>2010</v>
          </cell>
          <cell r="AU4625">
            <v>8</v>
          </cell>
        </row>
        <row r="4626">
          <cell r="C4626">
            <v>1.0562</v>
          </cell>
          <cell r="AT4626">
            <v>2010</v>
          </cell>
          <cell r="AU4626">
            <v>8</v>
          </cell>
        </row>
        <row r="4627">
          <cell r="C4627">
            <v>1.0639000000000001</v>
          </cell>
          <cell r="AT4627">
            <v>2010</v>
          </cell>
          <cell r="AU4627">
            <v>9</v>
          </cell>
        </row>
        <row r="4628">
          <cell r="C4628">
            <v>1.0497000000000001</v>
          </cell>
          <cell r="AT4628">
            <v>2010</v>
          </cell>
          <cell r="AU4628">
            <v>9</v>
          </cell>
        </row>
        <row r="4629">
          <cell r="C4629">
            <v>1.052</v>
          </cell>
          <cell r="AT4629">
            <v>2010</v>
          </cell>
          <cell r="AU4629">
            <v>9</v>
          </cell>
        </row>
        <row r="4630">
          <cell r="C4630">
            <v>1.0410999999999999</v>
          </cell>
          <cell r="AT4630">
            <v>2010</v>
          </cell>
          <cell r="AU4630">
            <v>9</v>
          </cell>
        </row>
        <row r="4631">
          <cell r="C4631">
            <v>1.0410999999999999</v>
          </cell>
          <cell r="AT4631">
            <v>2010</v>
          </cell>
          <cell r="AU4631">
            <v>9</v>
          </cell>
        </row>
        <row r="4632">
          <cell r="C4632">
            <v>1.0410999999999999</v>
          </cell>
          <cell r="AT4632">
            <v>2010</v>
          </cell>
          <cell r="AU4632">
            <v>9</v>
          </cell>
        </row>
        <row r="4633">
          <cell r="C4633">
            <v>1.0410999999999999</v>
          </cell>
          <cell r="AT4633">
            <v>2010</v>
          </cell>
          <cell r="AU4633">
            <v>9</v>
          </cell>
        </row>
        <row r="4634">
          <cell r="C4634">
            <v>1.0427</v>
          </cell>
          <cell r="AT4634">
            <v>2010</v>
          </cell>
          <cell r="AU4634">
            <v>9</v>
          </cell>
        </row>
        <row r="4635">
          <cell r="C4635">
            <v>1.0359</v>
          </cell>
          <cell r="AT4635">
            <v>2010</v>
          </cell>
          <cell r="AU4635">
            <v>9</v>
          </cell>
        </row>
        <row r="4636">
          <cell r="C4636">
            <v>1.0327999999999999</v>
          </cell>
          <cell r="AT4636">
            <v>2010</v>
          </cell>
          <cell r="AU4636">
            <v>9</v>
          </cell>
        </row>
        <row r="4637">
          <cell r="C4637">
            <v>1.0358000000000001</v>
          </cell>
          <cell r="AT4637">
            <v>2010</v>
          </cell>
          <cell r="AU4637">
            <v>9</v>
          </cell>
        </row>
        <row r="4638">
          <cell r="C4638">
            <v>1.0358000000000001</v>
          </cell>
          <cell r="AT4638">
            <v>2010</v>
          </cell>
          <cell r="AU4638">
            <v>9</v>
          </cell>
        </row>
        <row r="4639">
          <cell r="C4639">
            <v>1.0358000000000001</v>
          </cell>
          <cell r="AT4639">
            <v>2010</v>
          </cell>
          <cell r="AU4639">
            <v>9</v>
          </cell>
        </row>
        <row r="4640">
          <cell r="C4640">
            <v>1.0279</v>
          </cell>
          <cell r="AT4640">
            <v>2010</v>
          </cell>
          <cell r="AU4640">
            <v>9</v>
          </cell>
        </row>
        <row r="4641">
          <cell r="C4641">
            <v>1.0222</v>
          </cell>
          <cell r="AT4641">
            <v>2010</v>
          </cell>
          <cell r="AU4641">
            <v>9</v>
          </cell>
        </row>
        <row r="4642">
          <cell r="C4642">
            <v>1.0282</v>
          </cell>
          <cell r="AT4642">
            <v>2010</v>
          </cell>
          <cell r="AU4642">
            <v>9</v>
          </cell>
        </row>
        <row r="4643">
          <cell r="C4643">
            <v>1.0274000000000001</v>
          </cell>
          <cell r="AT4643">
            <v>2010</v>
          </cell>
          <cell r="AU4643">
            <v>9</v>
          </cell>
        </row>
        <row r="4644">
          <cell r="C4644">
            <v>1.0330999999999999</v>
          </cell>
          <cell r="AT4644">
            <v>2010</v>
          </cell>
          <cell r="AU4644">
            <v>9</v>
          </cell>
        </row>
        <row r="4645">
          <cell r="C4645">
            <v>1.0330999999999999</v>
          </cell>
          <cell r="AT4645">
            <v>2010</v>
          </cell>
          <cell r="AU4645">
            <v>9</v>
          </cell>
        </row>
        <row r="4646">
          <cell r="C4646">
            <v>1.0330999999999999</v>
          </cell>
          <cell r="AT4646">
            <v>2010</v>
          </cell>
          <cell r="AU4646">
            <v>9</v>
          </cell>
        </row>
        <row r="4647">
          <cell r="C4647">
            <v>1.0281</v>
          </cell>
          <cell r="AT4647">
            <v>2010</v>
          </cell>
          <cell r="AU4647">
            <v>9</v>
          </cell>
        </row>
        <row r="4648">
          <cell r="C4648">
            <v>1.0315000000000001</v>
          </cell>
          <cell r="AT4648">
            <v>2010</v>
          </cell>
          <cell r="AU4648">
            <v>9</v>
          </cell>
        </row>
        <row r="4649">
          <cell r="C4649">
            <v>1.0327</v>
          </cell>
          <cell r="AT4649">
            <v>2010</v>
          </cell>
          <cell r="AU4649">
            <v>9</v>
          </cell>
        </row>
        <row r="4650">
          <cell r="C4650">
            <v>1.0309999999999999</v>
          </cell>
          <cell r="AT4650">
            <v>2010</v>
          </cell>
          <cell r="AU4650">
            <v>9</v>
          </cell>
        </row>
        <row r="4651">
          <cell r="C4651">
            <v>1.0263</v>
          </cell>
          <cell r="AT4651">
            <v>2010</v>
          </cell>
          <cell r="AU4651">
            <v>9</v>
          </cell>
        </row>
        <row r="4652">
          <cell r="C4652">
            <v>1.0263</v>
          </cell>
          <cell r="AT4652">
            <v>2010</v>
          </cell>
          <cell r="AU4652">
            <v>9</v>
          </cell>
        </row>
        <row r="4653">
          <cell r="C4653">
            <v>1.0263</v>
          </cell>
          <cell r="AT4653">
            <v>2010</v>
          </cell>
          <cell r="AU4653">
            <v>9</v>
          </cell>
        </row>
        <row r="4654">
          <cell r="C4654">
            <v>1.026</v>
          </cell>
          <cell r="AT4654">
            <v>2010</v>
          </cell>
          <cell r="AU4654">
            <v>9</v>
          </cell>
        </row>
        <row r="4655">
          <cell r="C4655">
            <v>1.0306</v>
          </cell>
          <cell r="AT4655">
            <v>2010</v>
          </cell>
          <cell r="AU4655">
            <v>9</v>
          </cell>
        </row>
        <row r="4656">
          <cell r="C4656">
            <v>1.03</v>
          </cell>
          <cell r="AT4656">
            <v>2010</v>
          </cell>
          <cell r="AU4656">
            <v>9</v>
          </cell>
        </row>
        <row r="4657">
          <cell r="C4657">
            <v>1.0298</v>
          </cell>
          <cell r="AT4657">
            <v>2010</v>
          </cell>
          <cell r="AU4657">
            <v>10</v>
          </cell>
        </row>
        <row r="4658">
          <cell r="C4658">
            <v>1.0215000000000001</v>
          </cell>
          <cell r="AT4658">
            <v>2010</v>
          </cell>
          <cell r="AU4658">
            <v>10</v>
          </cell>
        </row>
        <row r="4659">
          <cell r="C4659">
            <v>1.0215000000000001</v>
          </cell>
          <cell r="AT4659">
            <v>2010</v>
          </cell>
          <cell r="AU4659">
            <v>10</v>
          </cell>
        </row>
        <row r="4660">
          <cell r="C4660">
            <v>1.0215000000000001</v>
          </cell>
          <cell r="AT4660">
            <v>2010</v>
          </cell>
          <cell r="AU4660">
            <v>10</v>
          </cell>
        </row>
        <row r="4661">
          <cell r="C4661">
            <v>1.0234000000000001</v>
          </cell>
          <cell r="AT4661">
            <v>2010</v>
          </cell>
          <cell r="AU4661">
            <v>10</v>
          </cell>
        </row>
        <row r="4662">
          <cell r="C4662">
            <v>1.0167999999999999</v>
          </cell>
          <cell r="AT4662">
            <v>2010</v>
          </cell>
          <cell r="AU4662">
            <v>10</v>
          </cell>
        </row>
        <row r="4663">
          <cell r="C4663">
            <v>1.0073000000000001</v>
          </cell>
          <cell r="AT4663">
            <v>2010</v>
          </cell>
          <cell r="AU4663">
            <v>10</v>
          </cell>
        </row>
        <row r="4664">
          <cell r="C4664">
            <v>1.0165999999999999</v>
          </cell>
          <cell r="AT4664">
            <v>2010</v>
          </cell>
          <cell r="AU4664">
            <v>10</v>
          </cell>
        </row>
        <row r="4665">
          <cell r="C4665">
            <v>1.0136000000000001</v>
          </cell>
          <cell r="AT4665">
            <v>2010</v>
          </cell>
          <cell r="AU4665">
            <v>10</v>
          </cell>
        </row>
        <row r="4666">
          <cell r="C4666">
            <v>1.0136000000000001</v>
          </cell>
          <cell r="AT4666">
            <v>2010</v>
          </cell>
          <cell r="AU4666">
            <v>10</v>
          </cell>
        </row>
        <row r="4667">
          <cell r="C4667">
            <v>1.0136000000000001</v>
          </cell>
          <cell r="AT4667">
            <v>2010</v>
          </cell>
          <cell r="AU4667">
            <v>10</v>
          </cell>
        </row>
        <row r="4668">
          <cell r="C4668">
            <v>1.0136000000000001</v>
          </cell>
          <cell r="AT4668">
            <v>2010</v>
          </cell>
          <cell r="AU4668">
            <v>10</v>
          </cell>
        </row>
        <row r="4669">
          <cell r="C4669">
            <v>1.0109999999999999</v>
          </cell>
          <cell r="AT4669">
            <v>2010</v>
          </cell>
          <cell r="AU4669">
            <v>10</v>
          </cell>
        </row>
        <row r="4670">
          <cell r="C4670">
            <v>1.0029999999999999</v>
          </cell>
          <cell r="AT4670">
            <v>2010</v>
          </cell>
          <cell r="AU4670">
            <v>10</v>
          </cell>
        </row>
        <row r="4671">
          <cell r="C4671">
            <v>1.0036</v>
          </cell>
          <cell r="AT4671">
            <v>2010</v>
          </cell>
          <cell r="AU4671">
            <v>10</v>
          </cell>
        </row>
        <row r="4672">
          <cell r="C4672">
            <v>1.0107999999999999</v>
          </cell>
          <cell r="AT4672">
            <v>2010</v>
          </cell>
          <cell r="AU4672">
            <v>10</v>
          </cell>
        </row>
        <row r="4673">
          <cell r="C4673">
            <v>1.0107999999999999</v>
          </cell>
          <cell r="AT4673">
            <v>2010</v>
          </cell>
          <cell r="AU4673">
            <v>10</v>
          </cell>
        </row>
        <row r="4674">
          <cell r="C4674">
            <v>1.0107999999999999</v>
          </cell>
          <cell r="AT4674">
            <v>2010</v>
          </cell>
          <cell r="AU4674">
            <v>10</v>
          </cell>
        </row>
        <row r="4675">
          <cell r="C4675">
            <v>1.0148999999999999</v>
          </cell>
          <cell r="AT4675">
            <v>2010</v>
          </cell>
          <cell r="AU4675">
            <v>10</v>
          </cell>
        </row>
        <row r="4676">
          <cell r="C4676">
            <v>1.0298</v>
          </cell>
          <cell r="AT4676">
            <v>2010</v>
          </cell>
          <cell r="AU4676">
            <v>10</v>
          </cell>
        </row>
        <row r="4677">
          <cell r="C4677">
            <v>1.0245</v>
          </cell>
          <cell r="AT4677">
            <v>2010</v>
          </cell>
          <cell r="AU4677">
            <v>10</v>
          </cell>
        </row>
        <row r="4678">
          <cell r="C4678">
            <v>1.0233000000000001</v>
          </cell>
          <cell r="AT4678">
            <v>2010</v>
          </cell>
          <cell r="AU4678">
            <v>10</v>
          </cell>
        </row>
        <row r="4679">
          <cell r="C4679">
            <v>1.0263</v>
          </cell>
          <cell r="AT4679">
            <v>2010</v>
          </cell>
          <cell r="AU4679">
            <v>10</v>
          </cell>
        </row>
        <row r="4680">
          <cell r="C4680">
            <v>1.0263</v>
          </cell>
          <cell r="AT4680">
            <v>2010</v>
          </cell>
          <cell r="AU4680">
            <v>10</v>
          </cell>
        </row>
        <row r="4681">
          <cell r="C4681">
            <v>1.0263</v>
          </cell>
          <cell r="AT4681">
            <v>2010</v>
          </cell>
          <cell r="AU4681">
            <v>10</v>
          </cell>
        </row>
        <row r="4682">
          <cell r="C4682">
            <v>1.0198</v>
          </cell>
          <cell r="AT4682">
            <v>2010</v>
          </cell>
          <cell r="AU4682">
            <v>10</v>
          </cell>
        </row>
        <row r="4683">
          <cell r="C4683">
            <v>1.0223</v>
          </cell>
          <cell r="AT4683">
            <v>2010</v>
          </cell>
          <cell r="AU4683">
            <v>10</v>
          </cell>
        </row>
        <row r="4684">
          <cell r="C4684">
            <v>1.032</v>
          </cell>
          <cell r="AT4684">
            <v>2010</v>
          </cell>
          <cell r="AU4684">
            <v>10</v>
          </cell>
        </row>
        <row r="4685">
          <cell r="C4685">
            <v>1.0202</v>
          </cell>
          <cell r="AT4685">
            <v>2010</v>
          </cell>
          <cell r="AU4685">
            <v>10</v>
          </cell>
        </row>
        <row r="4686">
          <cell r="C4686">
            <v>1.0187999999999999</v>
          </cell>
          <cell r="AT4686">
            <v>2010</v>
          </cell>
          <cell r="AU4686">
            <v>10</v>
          </cell>
        </row>
        <row r="4687">
          <cell r="C4687">
            <v>1.0187999999999999</v>
          </cell>
          <cell r="AT4687">
            <v>2010</v>
          </cell>
          <cell r="AU4687">
            <v>10</v>
          </cell>
        </row>
        <row r="4688">
          <cell r="C4688">
            <v>1.0187999999999999</v>
          </cell>
          <cell r="AT4688">
            <v>2010</v>
          </cell>
          <cell r="AU4688">
            <v>11</v>
          </cell>
        </row>
        <row r="4689">
          <cell r="C4689">
            <v>1.0136000000000001</v>
          </cell>
          <cell r="AT4689">
            <v>2010</v>
          </cell>
          <cell r="AU4689">
            <v>11</v>
          </cell>
        </row>
        <row r="4690">
          <cell r="C4690">
            <v>1.0099</v>
          </cell>
          <cell r="AT4690">
            <v>2010</v>
          </cell>
          <cell r="AU4690">
            <v>11</v>
          </cell>
        </row>
        <row r="4691">
          <cell r="C4691">
            <v>1.0092000000000001</v>
          </cell>
          <cell r="AT4691">
            <v>2010</v>
          </cell>
          <cell r="AU4691">
            <v>11</v>
          </cell>
        </row>
        <row r="4692">
          <cell r="C4692">
            <v>1.0024</v>
          </cell>
          <cell r="AT4692">
            <v>2010</v>
          </cell>
          <cell r="AU4692">
            <v>11</v>
          </cell>
        </row>
        <row r="4693">
          <cell r="C4693">
            <v>1.0015000000000001</v>
          </cell>
          <cell r="AT4693">
            <v>2010</v>
          </cell>
          <cell r="AU4693">
            <v>11</v>
          </cell>
        </row>
        <row r="4694">
          <cell r="C4694">
            <v>1.0015000000000001</v>
          </cell>
          <cell r="AT4694">
            <v>2010</v>
          </cell>
          <cell r="AU4694">
            <v>11</v>
          </cell>
        </row>
        <row r="4695">
          <cell r="C4695">
            <v>1.0015000000000001</v>
          </cell>
          <cell r="AT4695">
            <v>2010</v>
          </cell>
          <cell r="AU4695">
            <v>11</v>
          </cell>
        </row>
        <row r="4696">
          <cell r="C4696">
            <v>1.0022</v>
          </cell>
          <cell r="AT4696">
            <v>2010</v>
          </cell>
          <cell r="AU4696">
            <v>11</v>
          </cell>
        </row>
        <row r="4697">
          <cell r="C4697">
            <v>1.0013000000000001</v>
          </cell>
          <cell r="AT4697">
            <v>2010</v>
          </cell>
          <cell r="AU4697">
            <v>11</v>
          </cell>
        </row>
        <row r="4698">
          <cell r="C4698">
            <v>1.0017</v>
          </cell>
          <cell r="AT4698">
            <v>2010</v>
          </cell>
          <cell r="AU4698">
            <v>11</v>
          </cell>
        </row>
        <row r="4699">
          <cell r="C4699">
            <v>1.0017</v>
          </cell>
          <cell r="AT4699">
            <v>2010</v>
          </cell>
          <cell r="AU4699">
            <v>11</v>
          </cell>
        </row>
        <row r="4700">
          <cell r="C4700">
            <v>1.008</v>
          </cell>
          <cell r="AT4700">
            <v>2010</v>
          </cell>
          <cell r="AU4700">
            <v>11</v>
          </cell>
        </row>
        <row r="4701">
          <cell r="C4701">
            <v>1.008</v>
          </cell>
          <cell r="AT4701">
            <v>2010</v>
          </cell>
          <cell r="AU4701">
            <v>11</v>
          </cell>
        </row>
        <row r="4702">
          <cell r="C4702">
            <v>1.008</v>
          </cell>
          <cell r="AT4702">
            <v>2010</v>
          </cell>
          <cell r="AU4702">
            <v>11</v>
          </cell>
        </row>
        <row r="4703">
          <cell r="C4703">
            <v>1.0065</v>
          </cell>
          <cell r="AT4703">
            <v>2010</v>
          </cell>
          <cell r="AU4703">
            <v>11</v>
          </cell>
        </row>
        <row r="4704">
          <cell r="C4704">
            <v>1.0230999999999999</v>
          </cell>
          <cell r="AT4704">
            <v>2010</v>
          </cell>
          <cell r="AU4704">
            <v>11</v>
          </cell>
        </row>
        <row r="4705">
          <cell r="C4705">
            <v>1.0206999999999999</v>
          </cell>
          <cell r="AT4705">
            <v>2010</v>
          </cell>
          <cell r="AU4705">
            <v>11</v>
          </cell>
        </row>
        <row r="4706">
          <cell r="C4706">
            <v>1.0174000000000001</v>
          </cell>
          <cell r="AT4706">
            <v>2010</v>
          </cell>
          <cell r="AU4706">
            <v>11</v>
          </cell>
        </row>
        <row r="4707">
          <cell r="C4707">
            <v>1.0207999999999999</v>
          </cell>
          <cell r="AT4707">
            <v>2010</v>
          </cell>
          <cell r="AU4707">
            <v>11</v>
          </cell>
        </row>
        <row r="4708">
          <cell r="C4708">
            <v>1.0207999999999999</v>
          </cell>
          <cell r="AT4708">
            <v>2010</v>
          </cell>
          <cell r="AU4708">
            <v>11</v>
          </cell>
        </row>
        <row r="4709">
          <cell r="C4709">
            <v>1.0207999999999999</v>
          </cell>
          <cell r="AT4709">
            <v>2010</v>
          </cell>
          <cell r="AU4709">
            <v>11</v>
          </cell>
        </row>
        <row r="4710">
          <cell r="C4710">
            <v>1.0186999999999999</v>
          </cell>
          <cell r="AT4710">
            <v>2010</v>
          </cell>
          <cell r="AU4710">
            <v>11</v>
          </cell>
        </row>
        <row r="4711">
          <cell r="C4711">
            <v>1.0245</v>
          </cell>
          <cell r="AT4711">
            <v>2010</v>
          </cell>
          <cell r="AU4711">
            <v>11</v>
          </cell>
        </row>
        <row r="4712">
          <cell r="C4712">
            <v>1.0107999999999999</v>
          </cell>
          <cell r="AT4712">
            <v>2010</v>
          </cell>
          <cell r="AU4712">
            <v>11</v>
          </cell>
        </row>
        <row r="4713">
          <cell r="C4713">
            <v>1.0107999999999999</v>
          </cell>
          <cell r="AT4713">
            <v>2010</v>
          </cell>
          <cell r="AU4713">
            <v>11</v>
          </cell>
        </row>
        <row r="4714">
          <cell r="C4714">
            <v>1.0107999999999999</v>
          </cell>
          <cell r="AT4714">
            <v>2010</v>
          </cell>
          <cell r="AU4714">
            <v>11</v>
          </cell>
        </row>
        <row r="4715">
          <cell r="C4715">
            <v>1.0107999999999999</v>
          </cell>
          <cell r="AT4715">
            <v>2010</v>
          </cell>
          <cell r="AU4715">
            <v>11</v>
          </cell>
        </row>
        <row r="4716">
          <cell r="C4716">
            <v>1.0107999999999999</v>
          </cell>
          <cell r="AT4716">
            <v>2010</v>
          </cell>
          <cell r="AU4716">
            <v>11</v>
          </cell>
        </row>
        <row r="4717">
          <cell r="C4717">
            <v>1.0226999999999999</v>
          </cell>
          <cell r="AT4717">
            <v>2010</v>
          </cell>
          <cell r="AU4717">
            <v>11</v>
          </cell>
        </row>
        <row r="4718">
          <cell r="C4718">
            <v>1.0264</v>
          </cell>
          <cell r="AT4718">
            <v>2010</v>
          </cell>
          <cell r="AU4718">
            <v>12</v>
          </cell>
        </row>
        <row r="4719">
          <cell r="C4719">
            <v>1.016</v>
          </cell>
          <cell r="AT4719">
            <v>2010</v>
          </cell>
          <cell r="AU4719">
            <v>12</v>
          </cell>
        </row>
        <row r="4720">
          <cell r="C4720">
            <v>1.0045999999999999</v>
          </cell>
          <cell r="AT4720">
            <v>2010</v>
          </cell>
          <cell r="AU4720">
            <v>12</v>
          </cell>
        </row>
        <row r="4721">
          <cell r="C4721">
            <v>1.006</v>
          </cell>
          <cell r="AT4721">
            <v>2010</v>
          </cell>
          <cell r="AU4721">
            <v>12</v>
          </cell>
        </row>
        <row r="4722">
          <cell r="C4722">
            <v>1.006</v>
          </cell>
          <cell r="AT4722">
            <v>2010</v>
          </cell>
          <cell r="AU4722">
            <v>12</v>
          </cell>
        </row>
        <row r="4723">
          <cell r="C4723">
            <v>1.006</v>
          </cell>
          <cell r="AT4723">
            <v>2010</v>
          </cell>
          <cell r="AU4723">
            <v>12</v>
          </cell>
        </row>
        <row r="4724">
          <cell r="C4724">
            <v>1.0058</v>
          </cell>
          <cell r="AT4724">
            <v>2010</v>
          </cell>
          <cell r="AU4724">
            <v>12</v>
          </cell>
        </row>
        <row r="4725">
          <cell r="C4725">
            <v>1.0093000000000001</v>
          </cell>
          <cell r="AT4725">
            <v>2010</v>
          </cell>
          <cell r="AU4725">
            <v>12</v>
          </cell>
        </row>
        <row r="4726">
          <cell r="C4726">
            <v>1.0099</v>
          </cell>
          <cell r="AT4726">
            <v>2010</v>
          </cell>
          <cell r="AU4726">
            <v>12</v>
          </cell>
        </row>
        <row r="4727">
          <cell r="C4727">
            <v>1.0098</v>
          </cell>
          <cell r="AT4727">
            <v>2010</v>
          </cell>
          <cell r="AU4727">
            <v>12</v>
          </cell>
        </row>
        <row r="4728">
          <cell r="C4728">
            <v>1.0093000000000001</v>
          </cell>
          <cell r="AT4728">
            <v>2010</v>
          </cell>
          <cell r="AU4728">
            <v>12</v>
          </cell>
        </row>
        <row r="4729">
          <cell r="C4729">
            <v>1.0093000000000001</v>
          </cell>
          <cell r="AT4729">
            <v>2010</v>
          </cell>
          <cell r="AU4729">
            <v>12</v>
          </cell>
        </row>
        <row r="4730">
          <cell r="C4730">
            <v>1.0093000000000001</v>
          </cell>
          <cell r="AT4730">
            <v>2010</v>
          </cell>
          <cell r="AU4730">
            <v>12</v>
          </cell>
        </row>
        <row r="4731">
          <cell r="C4731">
            <v>1.0045999999999999</v>
          </cell>
          <cell r="AT4731">
            <v>2010</v>
          </cell>
          <cell r="AU4731">
            <v>12</v>
          </cell>
        </row>
        <row r="4732">
          <cell r="C4732">
            <v>1.0041</v>
          </cell>
          <cell r="AT4732">
            <v>2010</v>
          </cell>
          <cell r="AU4732">
            <v>12</v>
          </cell>
        </row>
        <row r="4733">
          <cell r="C4733">
            <v>1.0035000000000001</v>
          </cell>
          <cell r="AT4733">
            <v>2010</v>
          </cell>
          <cell r="AU4733">
            <v>12</v>
          </cell>
        </row>
        <row r="4734">
          <cell r="C4734">
            <v>1.0056</v>
          </cell>
          <cell r="AT4734">
            <v>2010</v>
          </cell>
          <cell r="AU4734">
            <v>12</v>
          </cell>
        </row>
        <row r="4735">
          <cell r="C4735">
            <v>1.0124</v>
          </cell>
          <cell r="AT4735">
            <v>2010</v>
          </cell>
          <cell r="AU4735">
            <v>12</v>
          </cell>
        </row>
        <row r="4736">
          <cell r="C4736">
            <v>1.0124</v>
          </cell>
          <cell r="AT4736">
            <v>2010</v>
          </cell>
          <cell r="AU4736">
            <v>12</v>
          </cell>
        </row>
        <row r="4737">
          <cell r="C4737">
            <v>1.0124</v>
          </cell>
          <cell r="AT4737">
            <v>2010</v>
          </cell>
          <cell r="AU4737">
            <v>12</v>
          </cell>
        </row>
        <row r="4738">
          <cell r="C4738">
            <v>1.0124</v>
          </cell>
          <cell r="AT4738">
            <v>2010</v>
          </cell>
          <cell r="AU4738">
            <v>12</v>
          </cell>
        </row>
        <row r="4739">
          <cell r="C4739">
            <v>1.0175000000000001</v>
          </cell>
          <cell r="AT4739">
            <v>2010</v>
          </cell>
          <cell r="AU4739">
            <v>12</v>
          </cell>
        </row>
        <row r="4740">
          <cell r="C4740">
            <v>1.0147999999999999</v>
          </cell>
          <cell r="AT4740">
            <v>2010</v>
          </cell>
          <cell r="AU4740">
            <v>12</v>
          </cell>
        </row>
        <row r="4741">
          <cell r="C4741">
            <v>1.0095000000000001</v>
          </cell>
          <cell r="AT4741">
            <v>2010</v>
          </cell>
          <cell r="AU4741">
            <v>12</v>
          </cell>
        </row>
        <row r="4742">
          <cell r="C4742">
            <v>1.0095000000000001</v>
          </cell>
          <cell r="AT4742">
            <v>2010</v>
          </cell>
          <cell r="AU4742">
            <v>12</v>
          </cell>
        </row>
        <row r="4743">
          <cell r="C4743">
            <v>1.0095000000000001</v>
          </cell>
          <cell r="AT4743">
            <v>2010</v>
          </cell>
          <cell r="AU4743">
            <v>12</v>
          </cell>
        </row>
        <row r="4744">
          <cell r="C4744">
            <v>1.0095000000000001</v>
          </cell>
          <cell r="AT4744">
            <v>2010</v>
          </cell>
          <cell r="AU4744">
            <v>12</v>
          </cell>
        </row>
        <row r="4745">
          <cell r="C4745">
            <v>1.0064</v>
          </cell>
          <cell r="AT4745">
            <v>2010</v>
          </cell>
          <cell r="AU4745">
            <v>12</v>
          </cell>
        </row>
        <row r="4746">
          <cell r="C4746">
            <v>1.0064</v>
          </cell>
          <cell r="AT4746">
            <v>2010</v>
          </cell>
          <cell r="AU4746">
            <v>12</v>
          </cell>
        </row>
        <row r="4747">
          <cell r="C4747">
            <v>1.0003</v>
          </cell>
          <cell r="AT4747">
            <v>2010</v>
          </cell>
          <cell r="AU4747">
            <v>12</v>
          </cell>
        </row>
        <row r="4748">
          <cell r="C4748">
            <v>1.0008999999999999</v>
          </cell>
          <cell r="AT4748">
            <v>2010</v>
          </cell>
          <cell r="AU4748">
            <v>12</v>
          </cell>
        </row>
        <row r="4749">
          <cell r="C4749">
            <v>1.0008999999999999</v>
          </cell>
          <cell r="AT4749">
            <v>2011</v>
          </cell>
          <cell r="AU4749">
            <v>1</v>
          </cell>
        </row>
        <row r="4750">
          <cell r="C4750">
            <v>1.0008999999999999</v>
          </cell>
          <cell r="AT4750">
            <v>2011</v>
          </cell>
          <cell r="AU4750">
            <v>1</v>
          </cell>
        </row>
        <row r="4751">
          <cell r="C4751">
            <v>1.0008999999999999</v>
          </cell>
          <cell r="AT4751">
            <v>2011</v>
          </cell>
          <cell r="AU4751">
            <v>1</v>
          </cell>
        </row>
        <row r="4752">
          <cell r="C4752">
            <v>0.99460000000000004</v>
          </cell>
          <cell r="AT4752">
            <v>2011</v>
          </cell>
          <cell r="AU4752">
            <v>1</v>
          </cell>
        </row>
        <row r="4753">
          <cell r="C4753">
            <v>0.99860000000000004</v>
          </cell>
          <cell r="AT4753">
            <v>2011</v>
          </cell>
          <cell r="AU4753">
            <v>1</v>
          </cell>
        </row>
        <row r="4754">
          <cell r="C4754">
            <v>0.99470000000000003</v>
          </cell>
          <cell r="AT4754">
            <v>2011</v>
          </cell>
          <cell r="AU4754">
            <v>1</v>
          </cell>
        </row>
        <row r="4755">
          <cell r="C4755">
            <v>0.99539999999999995</v>
          </cell>
          <cell r="AT4755">
            <v>2011</v>
          </cell>
          <cell r="AU4755">
            <v>1</v>
          </cell>
        </row>
        <row r="4756">
          <cell r="C4756">
            <v>0.99339999999999995</v>
          </cell>
          <cell r="AT4756">
            <v>2011</v>
          </cell>
          <cell r="AU4756">
            <v>1</v>
          </cell>
        </row>
        <row r="4757">
          <cell r="C4757">
            <v>0.99339999999999995</v>
          </cell>
          <cell r="AT4757">
            <v>2011</v>
          </cell>
          <cell r="AU4757">
            <v>1</v>
          </cell>
        </row>
        <row r="4758">
          <cell r="C4758">
            <v>0.99339999999999995</v>
          </cell>
          <cell r="AT4758">
            <v>2011</v>
          </cell>
          <cell r="AU4758">
            <v>1</v>
          </cell>
        </row>
        <row r="4759">
          <cell r="C4759">
            <v>0.99250000000000005</v>
          </cell>
          <cell r="AT4759">
            <v>2011</v>
          </cell>
          <cell r="AU4759">
            <v>1</v>
          </cell>
        </row>
        <row r="4760">
          <cell r="C4760">
            <v>0.99029999999999996</v>
          </cell>
          <cell r="AT4760">
            <v>2011</v>
          </cell>
          <cell r="AU4760">
            <v>1</v>
          </cell>
        </row>
        <row r="4761">
          <cell r="C4761">
            <v>0.98640000000000005</v>
          </cell>
          <cell r="AT4761">
            <v>2011</v>
          </cell>
          <cell r="AU4761">
            <v>1</v>
          </cell>
        </row>
        <row r="4762">
          <cell r="C4762">
            <v>0.98680000000000001</v>
          </cell>
          <cell r="AT4762">
            <v>2011</v>
          </cell>
          <cell r="AU4762">
            <v>1</v>
          </cell>
        </row>
        <row r="4763">
          <cell r="C4763">
            <v>0.99039999999999995</v>
          </cell>
          <cell r="AT4763">
            <v>2011</v>
          </cell>
          <cell r="AU4763">
            <v>1</v>
          </cell>
        </row>
        <row r="4764">
          <cell r="C4764">
            <v>0.99039999999999995</v>
          </cell>
          <cell r="AT4764">
            <v>2011</v>
          </cell>
          <cell r="AU4764">
            <v>1</v>
          </cell>
        </row>
        <row r="4765">
          <cell r="C4765">
            <v>0.99039999999999995</v>
          </cell>
          <cell r="AT4765">
            <v>2011</v>
          </cell>
          <cell r="AU4765">
            <v>1</v>
          </cell>
        </row>
        <row r="4766">
          <cell r="C4766">
            <v>0.99039999999999995</v>
          </cell>
          <cell r="AT4766">
            <v>2011</v>
          </cell>
          <cell r="AU4766">
            <v>1</v>
          </cell>
        </row>
        <row r="4767">
          <cell r="C4767">
            <v>0.99109999999999998</v>
          </cell>
          <cell r="AT4767">
            <v>2011</v>
          </cell>
          <cell r="AU4767">
            <v>1</v>
          </cell>
        </row>
        <row r="4768">
          <cell r="C4768">
            <v>0.99390000000000001</v>
          </cell>
          <cell r="AT4768">
            <v>2011</v>
          </cell>
          <cell r="AU4768">
            <v>1</v>
          </cell>
        </row>
        <row r="4769">
          <cell r="C4769">
            <v>1.0001</v>
          </cell>
          <cell r="AT4769">
            <v>2011</v>
          </cell>
          <cell r="AU4769">
            <v>1</v>
          </cell>
        </row>
        <row r="4770">
          <cell r="C4770">
            <v>0.99450000000000005</v>
          </cell>
          <cell r="AT4770">
            <v>2011</v>
          </cell>
          <cell r="AU4770">
            <v>1</v>
          </cell>
        </row>
        <row r="4771">
          <cell r="C4771">
            <v>0.99450000000000005</v>
          </cell>
          <cell r="AT4771">
            <v>2011</v>
          </cell>
          <cell r="AU4771">
            <v>1</v>
          </cell>
        </row>
        <row r="4772">
          <cell r="C4772">
            <v>0.99450000000000005</v>
          </cell>
          <cell r="AT4772">
            <v>2011</v>
          </cell>
          <cell r="AU4772">
            <v>1</v>
          </cell>
        </row>
        <row r="4773">
          <cell r="C4773">
            <v>0.99339999999999995</v>
          </cell>
          <cell r="AT4773">
            <v>2011</v>
          </cell>
          <cell r="AU4773">
            <v>1</v>
          </cell>
        </row>
        <row r="4774">
          <cell r="C4774">
            <v>0.99860000000000004</v>
          </cell>
          <cell r="AT4774">
            <v>2011</v>
          </cell>
          <cell r="AU4774">
            <v>1</v>
          </cell>
        </row>
        <row r="4775">
          <cell r="C4775">
            <v>0.99529999999999996</v>
          </cell>
          <cell r="AT4775">
            <v>2011</v>
          </cell>
          <cell r="AU4775">
            <v>1</v>
          </cell>
        </row>
        <row r="4776">
          <cell r="C4776">
            <v>0.99409999999999998</v>
          </cell>
          <cell r="AT4776">
            <v>2011</v>
          </cell>
          <cell r="AU4776">
            <v>1</v>
          </cell>
        </row>
        <row r="4777">
          <cell r="C4777">
            <v>0.999</v>
          </cell>
          <cell r="AT4777">
            <v>2011</v>
          </cell>
          <cell r="AU4777">
            <v>1</v>
          </cell>
        </row>
        <row r="4778">
          <cell r="C4778">
            <v>0.999</v>
          </cell>
          <cell r="AT4778">
            <v>2011</v>
          </cell>
          <cell r="AU4778">
            <v>1</v>
          </cell>
        </row>
        <row r="4779">
          <cell r="C4779">
            <v>0.999</v>
          </cell>
          <cell r="AT4779">
            <v>2011</v>
          </cell>
          <cell r="AU4779">
            <v>1</v>
          </cell>
        </row>
        <row r="4780">
          <cell r="C4780">
            <v>1.0022</v>
          </cell>
          <cell r="AT4780">
            <v>2011</v>
          </cell>
          <cell r="AU4780">
            <v>2</v>
          </cell>
        </row>
        <row r="4781">
          <cell r="C4781">
            <v>0.99219999999999997</v>
          </cell>
          <cell r="AT4781">
            <v>2011</v>
          </cell>
          <cell r="AU4781">
            <v>2</v>
          </cell>
        </row>
        <row r="4782">
          <cell r="C4782">
            <v>0.98829999999999996</v>
          </cell>
          <cell r="AT4782">
            <v>2011</v>
          </cell>
          <cell r="AU4782">
            <v>2</v>
          </cell>
        </row>
        <row r="4783">
          <cell r="C4783">
            <v>0.99009999999999998</v>
          </cell>
          <cell r="AT4783">
            <v>2011</v>
          </cell>
          <cell r="AU4783">
            <v>2</v>
          </cell>
        </row>
        <row r="4784">
          <cell r="C4784">
            <v>0.99009999999999998</v>
          </cell>
          <cell r="AT4784">
            <v>2011</v>
          </cell>
          <cell r="AU4784">
            <v>2</v>
          </cell>
        </row>
        <row r="4785">
          <cell r="C4785">
            <v>0.99009999999999998</v>
          </cell>
          <cell r="AT4785">
            <v>2011</v>
          </cell>
          <cell r="AU4785">
            <v>2</v>
          </cell>
        </row>
        <row r="4786">
          <cell r="C4786">
            <v>0.99009999999999998</v>
          </cell>
          <cell r="AT4786">
            <v>2011</v>
          </cell>
          <cell r="AU4786">
            <v>2</v>
          </cell>
        </row>
        <row r="4787">
          <cell r="C4787">
            <v>0.98860000000000003</v>
          </cell>
          <cell r="AT4787">
            <v>2011</v>
          </cell>
          <cell r="AU4787">
            <v>2</v>
          </cell>
        </row>
        <row r="4788">
          <cell r="C4788">
            <v>0.99060000000000004</v>
          </cell>
          <cell r="AT4788">
            <v>2011</v>
          </cell>
          <cell r="AU4788">
            <v>2</v>
          </cell>
        </row>
        <row r="4789">
          <cell r="C4789">
            <v>0.99470000000000003</v>
          </cell>
          <cell r="AT4789">
            <v>2011</v>
          </cell>
          <cell r="AU4789">
            <v>2</v>
          </cell>
        </row>
        <row r="4790">
          <cell r="C4790">
            <v>0.99550000000000005</v>
          </cell>
          <cell r="AT4790">
            <v>2011</v>
          </cell>
          <cell r="AU4790">
            <v>2</v>
          </cell>
        </row>
        <row r="4791">
          <cell r="C4791">
            <v>0.99029999999999996</v>
          </cell>
          <cell r="AT4791">
            <v>2011</v>
          </cell>
          <cell r="AU4791">
            <v>2</v>
          </cell>
        </row>
        <row r="4792">
          <cell r="C4792">
            <v>0.99029999999999996</v>
          </cell>
          <cell r="AT4792">
            <v>2011</v>
          </cell>
          <cell r="AU4792">
            <v>2</v>
          </cell>
        </row>
        <row r="4793">
          <cell r="C4793">
            <v>0.99029999999999996</v>
          </cell>
          <cell r="AT4793">
            <v>2011</v>
          </cell>
          <cell r="AU4793">
            <v>2</v>
          </cell>
        </row>
        <row r="4794">
          <cell r="C4794">
            <v>0.98850000000000005</v>
          </cell>
          <cell r="AT4794">
            <v>2011</v>
          </cell>
          <cell r="AU4794">
            <v>2</v>
          </cell>
        </row>
        <row r="4795">
          <cell r="C4795">
            <v>0.98870000000000002</v>
          </cell>
          <cell r="AT4795">
            <v>2011</v>
          </cell>
          <cell r="AU4795">
            <v>2</v>
          </cell>
        </row>
        <row r="4796">
          <cell r="C4796">
            <v>0.98550000000000004</v>
          </cell>
          <cell r="AT4796">
            <v>2011</v>
          </cell>
          <cell r="AU4796">
            <v>2</v>
          </cell>
        </row>
        <row r="4797">
          <cell r="C4797">
            <v>0.9839</v>
          </cell>
          <cell r="AT4797">
            <v>2011</v>
          </cell>
          <cell r="AU4797">
            <v>2</v>
          </cell>
        </row>
        <row r="4798">
          <cell r="C4798">
            <v>0.98299999999999998</v>
          </cell>
          <cell r="AT4798">
            <v>2011</v>
          </cell>
          <cell r="AU4798">
            <v>2</v>
          </cell>
        </row>
        <row r="4799">
          <cell r="C4799">
            <v>0.98299999999999998</v>
          </cell>
          <cell r="AT4799">
            <v>2011</v>
          </cell>
          <cell r="AU4799">
            <v>2</v>
          </cell>
        </row>
        <row r="4800">
          <cell r="C4800">
            <v>0.98299999999999998</v>
          </cell>
          <cell r="AT4800">
            <v>2011</v>
          </cell>
          <cell r="AU4800">
            <v>2</v>
          </cell>
        </row>
        <row r="4801">
          <cell r="C4801">
            <v>0.98299999999999998</v>
          </cell>
          <cell r="AT4801">
            <v>2011</v>
          </cell>
          <cell r="AU4801">
            <v>2</v>
          </cell>
        </row>
        <row r="4802">
          <cell r="C4802">
            <v>0.9859</v>
          </cell>
          <cell r="AT4802">
            <v>2011</v>
          </cell>
          <cell r="AU4802">
            <v>2</v>
          </cell>
        </row>
        <row r="4803">
          <cell r="C4803">
            <v>0.99239999999999995</v>
          </cell>
          <cell r="AT4803">
            <v>2011</v>
          </cell>
          <cell r="AU4803">
            <v>2</v>
          </cell>
        </row>
        <row r="4804">
          <cell r="C4804">
            <v>0.98419999999999996</v>
          </cell>
          <cell r="AT4804">
            <v>2011</v>
          </cell>
          <cell r="AU4804">
            <v>2</v>
          </cell>
        </row>
        <row r="4805">
          <cell r="C4805">
            <v>0.98089999999999999</v>
          </cell>
          <cell r="AT4805">
            <v>2011</v>
          </cell>
          <cell r="AU4805">
            <v>2</v>
          </cell>
        </row>
        <row r="4806">
          <cell r="C4806">
            <v>0.98089999999999999</v>
          </cell>
          <cell r="AT4806">
            <v>2011</v>
          </cell>
          <cell r="AU4806">
            <v>2</v>
          </cell>
        </row>
        <row r="4807">
          <cell r="C4807">
            <v>0.98089999999999999</v>
          </cell>
          <cell r="AT4807">
            <v>2011</v>
          </cell>
          <cell r="AU4807">
            <v>2</v>
          </cell>
        </row>
        <row r="4808">
          <cell r="C4808">
            <v>0.97389999999999999</v>
          </cell>
          <cell r="AT4808">
            <v>2011</v>
          </cell>
          <cell r="AU4808">
            <v>3</v>
          </cell>
        </row>
        <row r="4809">
          <cell r="C4809">
            <v>0.97430000000000005</v>
          </cell>
          <cell r="AT4809">
            <v>2011</v>
          </cell>
          <cell r="AU4809">
            <v>3</v>
          </cell>
        </row>
        <row r="4810">
          <cell r="C4810">
            <v>0.97340000000000004</v>
          </cell>
          <cell r="AT4810">
            <v>2011</v>
          </cell>
          <cell r="AU4810">
            <v>3</v>
          </cell>
        </row>
        <row r="4811">
          <cell r="C4811">
            <v>0.97470000000000001</v>
          </cell>
          <cell r="AT4811">
            <v>2011</v>
          </cell>
          <cell r="AU4811">
            <v>3</v>
          </cell>
        </row>
        <row r="4812">
          <cell r="C4812">
            <v>0.97140000000000004</v>
          </cell>
          <cell r="AT4812">
            <v>2011</v>
          </cell>
          <cell r="AU4812">
            <v>3</v>
          </cell>
        </row>
        <row r="4813">
          <cell r="C4813">
            <v>0.97140000000000004</v>
          </cell>
          <cell r="AT4813">
            <v>2011</v>
          </cell>
          <cell r="AU4813">
            <v>3</v>
          </cell>
        </row>
        <row r="4814">
          <cell r="C4814">
            <v>0.97140000000000004</v>
          </cell>
          <cell r="AT4814">
            <v>2011</v>
          </cell>
          <cell r="AU4814">
            <v>3</v>
          </cell>
        </row>
        <row r="4815">
          <cell r="C4815">
            <v>0.9738</v>
          </cell>
          <cell r="AT4815">
            <v>2011</v>
          </cell>
          <cell r="AU4815">
            <v>3</v>
          </cell>
        </row>
        <row r="4816">
          <cell r="C4816">
            <v>0.97130000000000005</v>
          </cell>
          <cell r="AT4816">
            <v>2011</v>
          </cell>
          <cell r="AU4816">
            <v>3</v>
          </cell>
        </row>
        <row r="4817">
          <cell r="C4817">
            <v>0.96860000000000002</v>
          </cell>
          <cell r="AT4817">
            <v>2011</v>
          </cell>
          <cell r="AU4817">
            <v>3</v>
          </cell>
        </row>
        <row r="4818">
          <cell r="C4818">
            <v>0.97309999999999997</v>
          </cell>
          <cell r="AT4818">
            <v>2011</v>
          </cell>
          <cell r="AU4818">
            <v>3</v>
          </cell>
        </row>
        <row r="4819">
          <cell r="C4819">
            <v>0.97340000000000004</v>
          </cell>
          <cell r="AT4819">
            <v>2011</v>
          </cell>
          <cell r="AU4819">
            <v>3</v>
          </cell>
        </row>
        <row r="4820">
          <cell r="C4820">
            <v>0.97340000000000004</v>
          </cell>
          <cell r="AT4820">
            <v>2011</v>
          </cell>
          <cell r="AU4820">
            <v>3</v>
          </cell>
        </row>
        <row r="4821">
          <cell r="C4821">
            <v>0.97340000000000004</v>
          </cell>
          <cell r="AT4821">
            <v>2011</v>
          </cell>
          <cell r="AU4821">
            <v>3</v>
          </cell>
        </row>
        <row r="4822">
          <cell r="C4822">
            <v>0.97589999999999999</v>
          </cell>
          <cell r="AT4822">
            <v>2011</v>
          </cell>
          <cell r="AU4822">
            <v>3</v>
          </cell>
        </row>
        <row r="4823">
          <cell r="C4823">
            <v>0.98299999999999998</v>
          </cell>
          <cell r="AT4823">
            <v>2011</v>
          </cell>
          <cell r="AU4823">
            <v>3</v>
          </cell>
        </row>
        <row r="4824">
          <cell r="C4824">
            <v>0.99180000000000001</v>
          </cell>
          <cell r="AT4824">
            <v>2011</v>
          </cell>
          <cell r="AU4824">
            <v>3</v>
          </cell>
        </row>
        <row r="4825">
          <cell r="C4825">
            <v>0.98850000000000005</v>
          </cell>
          <cell r="AT4825">
            <v>2011</v>
          </cell>
          <cell r="AU4825">
            <v>3</v>
          </cell>
        </row>
        <row r="4826">
          <cell r="C4826">
            <v>0.98440000000000005</v>
          </cell>
          <cell r="AT4826">
            <v>2011</v>
          </cell>
          <cell r="AU4826">
            <v>3</v>
          </cell>
        </row>
        <row r="4827">
          <cell r="C4827">
            <v>0.98440000000000005</v>
          </cell>
          <cell r="AT4827">
            <v>2011</v>
          </cell>
          <cell r="AU4827">
            <v>3</v>
          </cell>
        </row>
        <row r="4828">
          <cell r="C4828">
            <v>0.98440000000000005</v>
          </cell>
          <cell r="AT4828">
            <v>2011</v>
          </cell>
          <cell r="AU4828">
            <v>3</v>
          </cell>
        </row>
        <row r="4829">
          <cell r="C4829">
            <v>0.97740000000000005</v>
          </cell>
          <cell r="AT4829">
            <v>2011</v>
          </cell>
          <cell r="AU4829">
            <v>3</v>
          </cell>
        </row>
        <row r="4830">
          <cell r="C4830">
            <v>0.9768</v>
          </cell>
          <cell r="AT4830">
            <v>2011</v>
          </cell>
          <cell r="AU4830">
            <v>3</v>
          </cell>
        </row>
        <row r="4831">
          <cell r="C4831">
            <v>0.98209999999999997</v>
          </cell>
          <cell r="AT4831">
            <v>2011</v>
          </cell>
          <cell r="AU4831">
            <v>3</v>
          </cell>
        </row>
        <row r="4832">
          <cell r="C4832">
            <v>0.9748</v>
          </cell>
          <cell r="AT4832">
            <v>2011</v>
          </cell>
          <cell r="AU4832">
            <v>3</v>
          </cell>
        </row>
        <row r="4833">
          <cell r="C4833">
            <v>0.9778</v>
          </cell>
          <cell r="AT4833">
            <v>2011</v>
          </cell>
          <cell r="AU4833">
            <v>3</v>
          </cell>
        </row>
        <row r="4834">
          <cell r="C4834">
            <v>0.9778</v>
          </cell>
          <cell r="AT4834">
            <v>2011</v>
          </cell>
          <cell r="AU4834">
            <v>3</v>
          </cell>
        </row>
        <row r="4835">
          <cell r="C4835">
            <v>0.9778</v>
          </cell>
          <cell r="AT4835">
            <v>2011</v>
          </cell>
          <cell r="AU4835">
            <v>3</v>
          </cell>
        </row>
        <row r="4836">
          <cell r="C4836">
            <v>0.9758</v>
          </cell>
          <cell r="AT4836">
            <v>2011</v>
          </cell>
          <cell r="AU4836">
            <v>3</v>
          </cell>
        </row>
        <row r="4837">
          <cell r="C4837">
            <v>0.97609999999999997</v>
          </cell>
          <cell r="AT4837">
            <v>2011</v>
          </cell>
          <cell r="AU4837">
            <v>3</v>
          </cell>
        </row>
        <row r="4838">
          <cell r="C4838">
            <v>0.97140000000000004</v>
          </cell>
          <cell r="AT4838">
            <v>2011</v>
          </cell>
          <cell r="AU4838">
            <v>3</v>
          </cell>
        </row>
        <row r="4839">
          <cell r="C4839">
            <v>0.9718</v>
          </cell>
          <cell r="AT4839">
            <v>2011</v>
          </cell>
          <cell r="AU4839">
            <v>4</v>
          </cell>
        </row>
        <row r="4840">
          <cell r="C4840">
            <v>0.96289999999999998</v>
          </cell>
          <cell r="AT4840">
            <v>2011</v>
          </cell>
          <cell r="AU4840">
            <v>4</v>
          </cell>
        </row>
        <row r="4841">
          <cell r="C4841">
            <v>0.96289999999999998</v>
          </cell>
          <cell r="AT4841">
            <v>2011</v>
          </cell>
          <cell r="AU4841">
            <v>4</v>
          </cell>
        </row>
        <row r="4842">
          <cell r="C4842">
            <v>0.96289999999999998</v>
          </cell>
          <cell r="AT4842">
            <v>2011</v>
          </cell>
          <cell r="AU4842">
            <v>4</v>
          </cell>
        </row>
        <row r="4843">
          <cell r="C4843">
            <v>0.96789999999999998</v>
          </cell>
          <cell r="AT4843">
            <v>2011</v>
          </cell>
          <cell r="AU4843">
            <v>4</v>
          </cell>
        </row>
        <row r="4844">
          <cell r="C4844">
            <v>0.96360000000000001</v>
          </cell>
          <cell r="AT4844">
            <v>2011</v>
          </cell>
          <cell r="AU4844">
            <v>4</v>
          </cell>
        </row>
        <row r="4845">
          <cell r="C4845">
            <v>0.95879999999999999</v>
          </cell>
          <cell r="AT4845">
            <v>2011</v>
          </cell>
          <cell r="AU4845">
            <v>4</v>
          </cell>
        </row>
        <row r="4846">
          <cell r="C4846">
            <v>0.95930000000000004</v>
          </cell>
          <cell r="AT4846">
            <v>2011</v>
          </cell>
          <cell r="AU4846">
            <v>4</v>
          </cell>
        </row>
        <row r="4847">
          <cell r="C4847">
            <v>0.95660000000000001</v>
          </cell>
          <cell r="AT4847">
            <v>2011</v>
          </cell>
          <cell r="AU4847">
            <v>4</v>
          </cell>
        </row>
        <row r="4848">
          <cell r="C4848">
            <v>0.95660000000000001</v>
          </cell>
          <cell r="AT4848">
            <v>2011</v>
          </cell>
          <cell r="AU4848">
            <v>4</v>
          </cell>
        </row>
        <row r="4849">
          <cell r="C4849">
            <v>0.95660000000000001</v>
          </cell>
          <cell r="AT4849">
            <v>2011</v>
          </cell>
          <cell r="AU4849">
            <v>4</v>
          </cell>
        </row>
        <row r="4850">
          <cell r="C4850">
            <v>0.95469999999999999</v>
          </cell>
          <cell r="AT4850">
            <v>2011</v>
          </cell>
          <cell r="AU4850">
            <v>4</v>
          </cell>
        </row>
        <row r="4851">
          <cell r="C4851">
            <v>0.96250000000000002</v>
          </cell>
          <cell r="AT4851">
            <v>2011</v>
          </cell>
          <cell r="AU4851">
            <v>4</v>
          </cell>
        </row>
        <row r="4852">
          <cell r="C4852">
            <v>0.96399999999999997</v>
          </cell>
          <cell r="AT4852">
            <v>2011</v>
          </cell>
          <cell r="AU4852">
            <v>4</v>
          </cell>
        </row>
        <row r="4853">
          <cell r="C4853">
            <v>0.96260000000000001</v>
          </cell>
          <cell r="AT4853">
            <v>2011</v>
          </cell>
          <cell r="AU4853">
            <v>4</v>
          </cell>
        </row>
        <row r="4854">
          <cell r="C4854">
            <v>0.96150000000000002</v>
          </cell>
          <cell r="AT4854">
            <v>2011</v>
          </cell>
          <cell r="AU4854">
            <v>4</v>
          </cell>
        </row>
        <row r="4855">
          <cell r="C4855">
            <v>0.96150000000000002</v>
          </cell>
          <cell r="AT4855">
            <v>2011</v>
          </cell>
          <cell r="AU4855">
            <v>4</v>
          </cell>
        </row>
        <row r="4856">
          <cell r="C4856">
            <v>0.96150000000000002</v>
          </cell>
          <cell r="AT4856">
            <v>2011</v>
          </cell>
          <cell r="AU4856">
            <v>4</v>
          </cell>
        </row>
        <row r="4857">
          <cell r="C4857">
            <v>0.96909999999999996</v>
          </cell>
          <cell r="AT4857">
            <v>2011</v>
          </cell>
          <cell r="AU4857">
            <v>4</v>
          </cell>
        </row>
        <row r="4858">
          <cell r="C4858">
            <v>0.95709999999999995</v>
          </cell>
          <cell r="AT4858">
            <v>2011</v>
          </cell>
          <cell r="AU4858">
            <v>4</v>
          </cell>
        </row>
        <row r="4859">
          <cell r="C4859">
            <v>0.95240000000000002</v>
          </cell>
          <cell r="AT4859">
            <v>2011</v>
          </cell>
          <cell r="AU4859">
            <v>4</v>
          </cell>
        </row>
        <row r="4860">
          <cell r="C4860">
            <v>0.95189999999999997</v>
          </cell>
          <cell r="AT4860">
            <v>2011</v>
          </cell>
          <cell r="AU4860">
            <v>4</v>
          </cell>
        </row>
        <row r="4861">
          <cell r="C4861">
            <v>0.95189999999999997</v>
          </cell>
          <cell r="AT4861">
            <v>2011</v>
          </cell>
          <cell r="AU4861">
            <v>4</v>
          </cell>
        </row>
        <row r="4862">
          <cell r="C4862">
            <v>0.95189999999999997</v>
          </cell>
          <cell r="AT4862">
            <v>2011</v>
          </cell>
          <cell r="AU4862">
            <v>4</v>
          </cell>
        </row>
        <row r="4863">
          <cell r="C4863">
            <v>0.95189999999999997</v>
          </cell>
          <cell r="AT4863">
            <v>2011</v>
          </cell>
          <cell r="AU4863">
            <v>4</v>
          </cell>
        </row>
        <row r="4864">
          <cell r="C4864">
            <v>0.95409999999999995</v>
          </cell>
          <cell r="AT4864">
            <v>2011</v>
          </cell>
          <cell r="AU4864">
            <v>4</v>
          </cell>
        </row>
        <row r="4865">
          <cell r="C4865">
            <v>0.95069999999999999</v>
          </cell>
          <cell r="AT4865">
            <v>2011</v>
          </cell>
          <cell r="AU4865">
            <v>4</v>
          </cell>
        </row>
        <row r="4866">
          <cell r="C4866">
            <v>0.95489999999999997</v>
          </cell>
          <cell r="AT4866">
            <v>2011</v>
          </cell>
          <cell r="AU4866">
            <v>4</v>
          </cell>
        </row>
        <row r="4867">
          <cell r="C4867">
            <v>0.95109999999999995</v>
          </cell>
          <cell r="AT4867">
            <v>2011</v>
          </cell>
          <cell r="AU4867">
            <v>4</v>
          </cell>
        </row>
        <row r="4868">
          <cell r="C4868">
            <v>0.9486</v>
          </cell>
          <cell r="AT4868">
            <v>2011</v>
          </cell>
          <cell r="AU4868">
            <v>4</v>
          </cell>
        </row>
        <row r="4869">
          <cell r="C4869">
            <v>0.9486</v>
          </cell>
          <cell r="AT4869">
            <v>2011</v>
          </cell>
          <cell r="AU4869">
            <v>5</v>
          </cell>
        </row>
        <row r="4870">
          <cell r="C4870">
            <v>0.9486</v>
          </cell>
          <cell r="AT4870">
            <v>2011</v>
          </cell>
          <cell r="AU4870">
            <v>5</v>
          </cell>
        </row>
        <row r="4871">
          <cell r="C4871">
            <v>0.94920000000000004</v>
          </cell>
          <cell r="AT4871">
            <v>2011</v>
          </cell>
          <cell r="AU4871">
            <v>5</v>
          </cell>
        </row>
        <row r="4872">
          <cell r="C4872">
            <v>0.94899999999999995</v>
          </cell>
          <cell r="AT4872">
            <v>2011</v>
          </cell>
          <cell r="AU4872">
            <v>5</v>
          </cell>
        </row>
        <row r="4873">
          <cell r="C4873">
            <v>0.95799999999999996</v>
          </cell>
          <cell r="AT4873">
            <v>2011</v>
          </cell>
          <cell r="AU4873">
            <v>5</v>
          </cell>
        </row>
        <row r="4874">
          <cell r="C4874">
            <v>0.96689999999999998</v>
          </cell>
          <cell r="AT4874">
            <v>2011</v>
          </cell>
          <cell r="AU4874">
            <v>5</v>
          </cell>
        </row>
        <row r="4875">
          <cell r="C4875">
            <v>0.9617</v>
          </cell>
          <cell r="AT4875">
            <v>2011</v>
          </cell>
          <cell r="AU4875">
            <v>5</v>
          </cell>
        </row>
        <row r="4876">
          <cell r="C4876">
            <v>0.9617</v>
          </cell>
          <cell r="AT4876">
            <v>2011</v>
          </cell>
          <cell r="AU4876">
            <v>5</v>
          </cell>
        </row>
        <row r="4877">
          <cell r="C4877">
            <v>0.9617</v>
          </cell>
          <cell r="AT4877">
            <v>2011</v>
          </cell>
          <cell r="AU4877">
            <v>5</v>
          </cell>
        </row>
        <row r="4878">
          <cell r="C4878">
            <v>0.96609999999999996</v>
          </cell>
          <cell r="AT4878">
            <v>2011</v>
          </cell>
          <cell r="AU4878">
            <v>5</v>
          </cell>
        </row>
        <row r="4879">
          <cell r="C4879">
            <v>0.96099999999999997</v>
          </cell>
          <cell r="AT4879">
            <v>2011</v>
          </cell>
          <cell r="AU4879">
            <v>5</v>
          </cell>
        </row>
        <row r="4880">
          <cell r="C4880">
            <v>0.95820000000000005</v>
          </cell>
          <cell r="AT4880">
            <v>2011</v>
          </cell>
          <cell r="AU4880">
            <v>5</v>
          </cell>
        </row>
        <row r="4881">
          <cell r="C4881">
            <v>0.96579999999999999</v>
          </cell>
          <cell r="AT4881">
            <v>2011</v>
          </cell>
          <cell r="AU4881">
            <v>5</v>
          </cell>
        </row>
        <row r="4882">
          <cell r="C4882">
            <v>0.97089999999999999</v>
          </cell>
          <cell r="AT4882">
            <v>2011</v>
          </cell>
          <cell r="AU4882">
            <v>5</v>
          </cell>
        </row>
        <row r="4883">
          <cell r="C4883">
            <v>0.97089999999999999</v>
          </cell>
          <cell r="AT4883">
            <v>2011</v>
          </cell>
          <cell r="AU4883">
            <v>5</v>
          </cell>
        </row>
        <row r="4884">
          <cell r="C4884">
            <v>0.97089999999999999</v>
          </cell>
          <cell r="AT4884">
            <v>2011</v>
          </cell>
          <cell r="AU4884">
            <v>5</v>
          </cell>
        </row>
        <row r="4885">
          <cell r="C4885">
            <v>0.97030000000000005</v>
          </cell>
          <cell r="AT4885">
            <v>2011</v>
          </cell>
          <cell r="AU4885">
            <v>5</v>
          </cell>
        </row>
        <row r="4886">
          <cell r="C4886">
            <v>0.97729999999999995</v>
          </cell>
          <cell r="AT4886">
            <v>2011</v>
          </cell>
          <cell r="AU4886">
            <v>5</v>
          </cell>
        </row>
        <row r="4887">
          <cell r="C4887">
            <v>0.97230000000000005</v>
          </cell>
          <cell r="AT4887">
            <v>2011</v>
          </cell>
          <cell r="AU4887">
            <v>5</v>
          </cell>
        </row>
        <row r="4888">
          <cell r="C4888">
            <v>0.97009999999999996</v>
          </cell>
          <cell r="AT4888">
            <v>2011</v>
          </cell>
          <cell r="AU4888">
            <v>5</v>
          </cell>
        </row>
        <row r="4889">
          <cell r="C4889">
            <v>0.97350000000000003</v>
          </cell>
          <cell r="AT4889">
            <v>2011</v>
          </cell>
          <cell r="AU4889">
            <v>5</v>
          </cell>
        </row>
        <row r="4890">
          <cell r="C4890">
            <v>0.97350000000000003</v>
          </cell>
          <cell r="AT4890">
            <v>2011</v>
          </cell>
          <cell r="AU4890">
            <v>5</v>
          </cell>
        </row>
        <row r="4891">
          <cell r="C4891">
            <v>0.97350000000000003</v>
          </cell>
          <cell r="AT4891">
            <v>2011</v>
          </cell>
          <cell r="AU4891">
            <v>5</v>
          </cell>
        </row>
        <row r="4892">
          <cell r="C4892">
            <v>0.97350000000000003</v>
          </cell>
          <cell r="AT4892">
            <v>2011</v>
          </cell>
          <cell r="AU4892">
            <v>5</v>
          </cell>
        </row>
        <row r="4893">
          <cell r="C4893">
            <v>0.97740000000000005</v>
          </cell>
          <cell r="AT4893">
            <v>2011</v>
          </cell>
          <cell r="AU4893">
            <v>5</v>
          </cell>
        </row>
        <row r="4894">
          <cell r="C4894">
            <v>0.97650000000000003</v>
          </cell>
          <cell r="AT4894">
            <v>2011</v>
          </cell>
          <cell r="AU4894">
            <v>5</v>
          </cell>
        </row>
        <row r="4895">
          <cell r="C4895">
            <v>0.98089999999999999</v>
          </cell>
          <cell r="AT4895">
            <v>2011</v>
          </cell>
          <cell r="AU4895">
            <v>5</v>
          </cell>
        </row>
        <row r="4896">
          <cell r="C4896">
            <v>0.97709999999999997</v>
          </cell>
          <cell r="AT4896">
            <v>2011</v>
          </cell>
          <cell r="AU4896">
            <v>5</v>
          </cell>
        </row>
        <row r="4897">
          <cell r="C4897">
            <v>0.97709999999999997</v>
          </cell>
          <cell r="AT4897">
            <v>2011</v>
          </cell>
          <cell r="AU4897">
            <v>5</v>
          </cell>
        </row>
        <row r="4898">
          <cell r="C4898">
            <v>0.97709999999999997</v>
          </cell>
          <cell r="AT4898">
            <v>2011</v>
          </cell>
          <cell r="AU4898">
            <v>5</v>
          </cell>
        </row>
        <row r="4899">
          <cell r="C4899">
            <v>0.97709999999999997</v>
          </cell>
          <cell r="AT4899">
            <v>2011</v>
          </cell>
          <cell r="AU4899">
            <v>5</v>
          </cell>
        </row>
        <row r="4900">
          <cell r="C4900">
            <v>0.96879999999999999</v>
          </cell>
          <cell r="AT4900">
            <v>2011</v>
          </cell>
          <cell r="AU4900">
            <v>6</v>
          </cell>
        </row>
        <row r="4901">
          <cell r="C4901">
            <v>0.97140000000000004</v>
          </cell>
          <cell r="AT4901">
            <v>2011</v>
          </cell>
          <cell r="AU4901">
            <v>6</v>
          </cell>
        </row>
        <row r="4902">
          <cell r="C4902">
            <v>0.97929999999999995</v>
          </cell>
          <cell r="AT4902">
            <v>2011</v>
          </cell>
          <cell r="AU4902">
            <v>6</v>
          </cell>
        </row>
        <row r="4903">
          <cell r="C4903">
            <v>0.97699999999999998</v>
          </cell>
          <cell r="AT4903">
            <v>2011</v>
          </cell>
          <cell r="AU4903">
            <v>6</v>
          </cell>
        </row>
        <row r="4904">
          <cell r="C4904">
            <v>0.97699999999999998</v>
          </cell>
          <cell r="AT4904">
            <v>2011</v>
          </cell>
          <cell r="AU4904">
            <v>6</v>
          </cell>
        </row>
        <row r="4905">
          <cell r="C4905">
            <v>0.97699999999999998</v>
          </cell>
          <cell r="AT4905">
            <v>2011</v>
          </cell>
          <cell r="AU4905">
            <v>6</v>
          </cell>
        </row>
        <row r="4906">
          <cell r="C4906">
            <v>0.97850000000000004</v>
          </cell>
          <cell r="AT4906">
            <v>2011</v>
          </cell>
          <cell r="AU4906">
            <v>6</v>
          </cell>
        </row>
        <row r="4907">
          <cell r="C4907">
            <v>0.97450000000000003</v>
          </cell>
          <cell r="AT4907">
            <v>2011</v>
          </cell>
          <cell r="AU4907">
            <v>6</v>
          </cell>
        </row>
        <row r="4908">
          <cell r="C4908">
            <v>0.97799999999999998</v>
          </cell>
          <cell r="AT4908">
            <v>2011</v>
          </cell>
          <cell r="AU4908">
            <v>6</v>
          </cell>
        </row>
        <row r="4909">
          <cell r="C4909">
            <v>0.97319999999999995</v>
          </cell>
          <cell r="AT4909">
            <v>2011</v>
          </cell>
          <cell r="AU4909">
            <v>6</v>
          </cell>
        </row>
        <row r="4910">
          <cell r="C4910">
            <v>0.9768</v>
          </cell>
          <cell r="AT4910">
            <v>2011</v>
          </cell>
          <cell r="AU4910">
            <v>6</v>
          </cell>
        </row>
        <row r="4911">
          <cell r="C4911">
            <v>0.9768</v>
          </cell>
          <cell r="AT4911">
            <v>2011</v>
          </cell>
          <cell r="AU4911">
            <v>6</v>
          </cell>
        </row>
        <row r="4912">
          <cell r="C4912">
            <v>0.9768</v>
          </cell>
          <cell r="AT4912">
            <v>2011</v>
          </cell>
          <cell r="AU4912">
            <v>6</v>
          </cell>
        </row>
        <row r="4913">
          <cell r="C4913">
            <v>0.97789999999999999</v>
          </cell>
          <cell r="AT4913">
            <v>2011</v>
          </cell>
          <cell r="AU4913">
            <v>6</v>
          </cell>
        </row>
        <row r="4914">
          <cell r="C4914">
            <v>0.96860000000000002</v>
          </cell>
          <cell r="AT4914">
            <v>2011</v>
          </cell>
          <cell r="AU4914">
            <v>6</v>
          </cell>
        </row>
        <row r="4915">
          <cell r="C4915">
            <v>0.97799999999999998</v>
          </cell>
          <cell r="AT4915">
            <v>2011</v>
          </cell>
          <cell r="AU4915">
            <v>6</v>
          </cell>
        </row>
        <row r="4916">
          <cell r="C4916">
            <v>0.98429999999999995</v>
          </cell>
          <cell r="AT4916">
            <v>2011</v>
          </cell>
          <cell r="AU4916">
            <v>6</v>
          </cell>
        </row>
        <row r="4917">
          <cell r="C4917">
            <v>0.97970000000000002</v>
          </cell>
          <cell r="AT4917">
            <v>2011</v>
          </cell>
          <cell r="AU4917">
            <v>6</v>
          </cell>
        </row>
        <row r="4918">
          <cell r="C4918">
            <v>0.97970000000000002</v>
          </cell>
          <cell r="AT4918">
            <v>2011</v>
          </cell>
          <cell r="AU4918">
            <v>6</v>
          </cell>
        </row>
        <row r="4919">
          <cell r="C4919">
            <v>0.97970000000000002</v>
          </cell>
          <cell r="AT4919">
            <v>2011</v>
          </cell>
          <cell r="AU4919">
            <v>6</v>
          </cell>
        </row>
        <row r="4920">
          <cell r="C4920">
            <v>0.97850000000000004</v>
          </cell>
          <cell r="AT4920">
            <v>2011</v>
          </cell>
          <cell r="AU4920">
            <v>6</v>
          </cell>
        </row>
        <row r="4921">
          <cell r="C4921">
            <v>0.97850000000000004</v>
          </cell>
          <cell r="AT4921">
            <v>2011</v>
          </cell>
          <cell r="AU4921">
            <v>6</v>
          </cell>
        </row>
        <row r="4922">
          <cell r="C4922">
            <v>0.97240000000000004</v>
          </cell>
          <cell r="AT4922">
            <v>2011</v>
          </cell>
          <cell r="AU4922">
            <v>6</v>
          </cell>
        </row>
        <row r="4923">
          <cell r="C4923">
            <v>0.97260000000000002</v>
          </cell>
          <cell r="AT4923">
            <v>2011</v>
          </cell>
          <cell r="AU4923">
            <v>6</v>
          </cell>
        </row>
        <row r="4924">
          <cell r="C4924">
            <v>0.97989999999999999</v>
          </cell>
          <cell r="AT4924">
            <v>2011</v>
          </cell>
          <cell r="AU4924">
            <v>6</v>
          </cell>
        </row>
        <row r="4925">
          <cell r="C4925">
            <v>0.9849</v>
          </cell>
          <cell r="AT4925">
            <v>2011</v>
          </cell>
          <cell r="AU4925">
            <v>6</v>
          </cell>
        </row>
        <row r="4926">
          <cell r="C4926">
            <v>0.9849</v>
          </cell>
          <cell r="AT4926">
            <v>2011</v>
          </cell>
          <cell r="AU4926">
            <v>6</v>
          </cell>
        </row>
        <row r="4927">
          <cell r="C4927">
            <v>0.9849</v>
          </cell>
          <cell r="AT4927">
            <v>2011</v>
          </cell>
          <cell r="AU4927">
            <v>6</v>
          </cell>
        </row>
        <row r="4928">
          <cell r="C4928">
            <v>0.98609999999999998</v>
          </cell>
          <cell r="AT4928">
            <v>2011</v>
          </cell>
          <cell r="AU4928">
            <v>6</v>
          </cell>
        </row>
        <row r="4929">
          <cell r="C4929">
            <v>0.98209999999999997</v>
          </cell>
          <cell r="AT4929">
            <v>2011</v>
          </cell>
          <cell r="AU4929">
            <v>6</v>
          </cell>
        </row>
        <row r="4930">
          <cell r="C4930">
            <v>0.97050000000000003</v>
          </cell>
          <cell r="AT4930">
            <v>2011</v>
          </cell>
          <cell r="AU4930">
            <v>6</v>
          </cell>
        </row>
        <row r="4931">
          <cell r="C4931">
            <v>0.96430000000000005</v>
          </cell>
          <cell r="AT4931">
            <v>2011</v>
          </cell>
          <cell r="AU4931">
            <v>7</v>
          </cell>
        </row>
        <row r="4932">
          <cell r="C4932">
            <v>0.96430000000000005</v>
          </cell>
          <cell r="AT4932">
            <v>2011</v>
          </cell>
          <cell r="AU4932">
            <v>7</v>
          </cell>
        </row>
        <row r="4933">
          <cell r="C4933">
            <v>0.96430000000000005</v>
          </cell>
          <cell r="AT4933">
            <v>2011</v>
          </cell>
          <cell r="AU4933">
            <v>7</v>
          </cell>
        </row>
        <row r="4934">
          <cell r="C4934">
            <v>0.96430000000000005</v>
          </cell>
          <cell r="AT4934">
            <v>2011</v>
          </cell>
          <cell r="AU4934">
            <v>7</v>
          </cell>
        </row>
        <row r="4935">
          <cell r="C4935">
            <v>0.95979999999999999</v>
          </cell>
          <cell r="AT4935">
            <v>2011</v>
          </cell>
          <cell r="AU4935">
            <v>7</v>
          </cell>
        </row>
        <row r="4936">
          <cell r="C4936">
            <v>0.96079999999999999</v>
          </cell>
          <cell r="AT4936">
            <v>2011</v>
          </cell>
          <cell r="AU4936">
            <v>7</v>
          </cell>
        </row>
        <row r="4937">
          <cell r="C4937">
            <v>0.9657</v>
          </cell>
          <cell r="AT4937">
            <v>2011</v>
          </cell>
          <cell r="AU4937">
            <v>7</v>
          </cell>
        </row>
        <row r="4938">
          <cell r="C4938">
            <v>0.95860000000000001</v>
          </cell>
          <cell r="AT4938">
            <v>2011</v>
          </cell>
          <cell r="AU4938">
            <v>7</v>
          </cell>
        </row>
        <row r="4939">
          <cell r="C4939">
            <v>0.9627</v>
          </cell>
          <cell r="AT4939">
            <v>2011</v>
          </cell>
          <cell r="AU4939">
            <v>7</v>
          </cell>
        </row>
        <row r="4940">
          <cell r="C4940">
            <v>0.9627</v>
          </cell>
          <cell r="AT4940">
            <v>2011</v>
          </cell>
          <cell r="AU4940">
            <v>7</v>
          </cell>
        </row>
        <row r="4941">
          <cell r="C4941">
            <v>0.9627</v>
          </cell>
          <cell r="AT4941">
            <v>2011</v>
          </cell>
          <cell r="AU4941">
            <v>7</v>
          </cell>
        </row>
        <row r="4942">
          <cell r="C4942">
            <v>0.96660000000000001</v>
          </cell>
          <cell r="AT4942">
            <v>2011</v>
          </cell>
          <cell r="AU4942">
            <v>7</v>
          </cell>
        </row>
        <row r="4943">
          <cell r="C4943">
            <v>0.96679999999999999</v>
          </cell>
          <cell r="AT4943">
            <v>2011</v>
          </cell>
          <cell r="AU4943">
            <v>7</v>
          </cell>
        </row>
        <row r="4944">
          <cell r="C4944">
            <v>0.95820000000000005</v>
          </cell>
          <cell r="AT4944">
            <v>2011</v>
          </cell>
          <cell r="AU4944">
            <v>7</v>
          </cell>
        </row>
        <row r="4945">
          <cell r="C4945">
            <v>0.95850000000000002</v>
          </cell>
          <cell r="AT4945">
            <v>2011</v>
          </cell>
          <cell r="AU4945">
            <v>7</v>
          </cell>
        </row>
        <row r="4946">
          <cell r="C4946">
            <v>0.9536</v>
          </cell>
          <cell r="AT4946">
            <v>2011</v>
          </cell>
          <cell r="AU4946">
            <v>7</v>
          </cell>
        </row>
        <row r="4947">
          <cell r="C4947">
            <v>0.9536</v>
          </cell>
          <cell r="AT4947">
            <v>2011</v>
          </cell>
          <cell r="AU4947">
            <v>7</v>
          </cell>
        </row>
        <row r="4948">
          <cell r="C4948">
            <v>0.9536</v>
          </cell>
          <cell r="AT4948">
            <v>2011</v>
          </cell>
          <cell r="AU4948">
            <v>7</v>
          </cell>
        </row>
        <row r="4949">
          <cell r="C4949">
            <v>0.96150000000000002</v>
          </cell>
          <cell r="AT4949">
            <v>2011</v>
          </cell>
          <cell r="AU4949">
            <v>7</v>
          </cell>
        </row>
        <row r="4950">
          <cell r="C4950">
            <v>0.9506</v>
          </cell>
          <cell r="AT4950">
            <v>2011</v>
          </cell>
          <cell r="AU4950">
            <v>7</v>
          </cell>
        </row>
        <row r="4951">
          <cell r="C4951">
            <v>0.94789999999999996</v>
          </cell>
          <cell r="AT4951">
            <v>2011</v>
          </cell>
          <cell r="AU4951">
            <v>7</v>
          </cell>
        </row>
        <row r="4952">
          <cell r="C4952">
            <v>0.94510000000000005</v>
          </cell>
          <cell r="AT4952">
            <v>2011</v>
          </cell>
          <cell r="AU4952">
            <v>7</v>
          </cell>
        </row>
        <row r="4953">
          <cell r="C4953">
            <v>0.95020000000000004</v>
          </cell>
          <cell r="AT4953">
            <v>2011</v>
          </cell>
          <cell r="AU4953">
            <v>7</v>
          </cell>
        </row>
        <row r="4954">
          <cell r="C4954">
            <v>0.95020000000000004</v>
          </cell>
          <cell r="AT4954">
            <v>2011</v>
          </cell>
          <cell r="AU4954">
            <v>7</v>
          </cell>
        </row>
        <row r="4955">
          <cell r="C4955">
            <v>0.95020000000000004</v>
          </cell>
          <cell r="AT4955">
            <v>2011</v>
          </cell>
          <cell r="AU4955">
            <v>7</v>
          </cell>
        </row>
        <row r="4956">
          <cell r="C4956">
            <v>0.94489999999999996</v>
          </cell>
          <cell r="AT4956">
            <v>2011</v>
          </cell>
          <cell r="AU4956">
            <v>7</v>
          </cell>
        </row>
        <row r="4957">
          <cell r="C4957">
            <v>0.94489999999999996</v>
          </cell>
          <cell r="AT4957">
            <v>2011</v>
          </cell>
          <cell r="AU4957">
            <v>7</v>
          </cell>
        </row>
        <row r="4958">
          <cell r="C4958">
            <v>0.94740000000000002</v>
          </cell>
          <cell r="AT4958">
            <v>2011</v>
          </cell>
          <cell r="AU4958">
            <v>7</v>
          </cell>
        </row>
        <row r="4959">
          <cell r="C4959">
            <v>0.94840000000000002</v>
          </cell>
          <cell r="AT4959">
            <v>2011</v>
          </cell>
          <cell r="AU4959">
            <v>7</v>
          </cell>
        </row>
        <row r="4960">
          <cell r="C4960">
            <v>0.95379999999999998</v>
          </cell>
          <cell r="AT4960">
            <v>2011</v>
          </cell>
          <cell r="AU4960">
            <v>7</v>
          </cell>
        </row>
        <row r="4961">
          <cell r="C4961">
            <v>0.95379999999999998</v>
          </cell>
          <cell r="AT4961">
            <v>2011</v>
          </cell>
          <cell r="AU4961">
            <v>7</v>
          </cell>
        </row>
        <row r="4962">
          <cell r="C4962">
            <v>0.95379999999999998</v>
          </cell>
          <cell r="AT4962">
            <v>2011</v>
          </cell>
          <cell r="AU4962">
            <v>8</v>
          </cell>
        </row>
        <row r="4963">
          <cell r="C4963">
            <v>0.95379999999999998</v>
          </cell>
          <cell r="AT4963">
            <v>2011</v>
          </cell>
          <cell r="AU4963">
            <v>8</v>
          </cell>
        </row>
        <row r="4964">
          <cell r="C4964">
            <v>0.95799999999999996</v>
          </cell>
          <cell r="AT4964">
            <v>2011</v>
          </cell>
          <cell r="AU4964">
            <v>8</v>
          </cell>
        </row>
        <row r="4965">
          <cell r="C4965">
            <v>0.96340000000000003</v>
          </cell>
          <cell r="AT4965">
            <v>2011</v>
          </cell>
          <cell r="AU4965">
            <v>8</v>
          </cell>
        </row>
        <row r="4966">
          <cell r="C4966">
            <v>0.97670000000000001</v>
          </cell>
          <cell r="AT4966">
            <v>2011</v>
          </cell>
          <cell r="AU4966">
            <v>8</v>
          </cell>
        </row>
        <row r="4967">
          <cell r="C4967">
            <v>0.98429999999999995</v>
          </cell>
          <cell r="AT4967">
            <v>2011</v>
          </cell>
          <cell r="AU4967">
            <v>8</v>
          </cell>
        </row>
        <row r="4968">
          <cell r="C4968">
            <v>0.98429999999999995</v>
          </cell>
          <cell r="AT4968">
            <v>2011</v>
          </cell>
          <cell r="AU4968">
            <v>8</v>
          </cell>
        </row>
        <row r="4969">
          <cell r="C4969">
            <v>0.98429999999999995</v>
          </cell>
          <cell r="AT4969">
            <v>2011</v>
          </cell>
          <cell r="AU4969">
            <v>8</v>
          </cell>
        </row>
        <row r="4970">
          <cell r="C4970">
            <v>0.98899999999999999</v>
          </cell>
          <cell r="AT4970">
            <v>2011</v>
          </cell>
          <cell r="AU4970">
            <v>8</v>
          </cell>
        </row>
        <row r="4971">
          <cell r="C4971">
            <v>0.98929999999999996</v>
          </cell>
          <cell r="AT4971">
            <v>2011</v>
          </cell>
          <cell r="AU4971">
            <v>8</v>
          </cell>
        </row>
        <row r="4972">
          <cell r="C4972">
            <v>0.99099999999999999</v>
          </cell>
          <cell r="AT4972">
            <v>2011</v>
          </cell>
          <cell r="AU4972">
            <v>8</v>
          </cell>
        </row>
        <row r="4973">
          <cell r="C4973">
            <v>0.98919999999999997</v>
          </cell>
          <cell r="AT4973">
            <v>2011</v>
          </cell>
          <cell r="AU4973">
            <v>8</v>
          </cell>
        </row>
        <row r="4974">
          <cell r="C4974">
            <v>0.9879</v>
          </cell>
          <cell r="AT4974">
            <v>2011</v>
          </cell>
          <cell r="AU4974">
            <v>8</v>
          </cell>
        </row>
        <row r="4975">
          <cell r="C4975">
            <v>0.9879</v>
          </cell>
          <cell r="AT4975">
            <v>2011</v>
          </cell>
          <cell r="AU4975">
            <v>8</v>
          </cell>
        </row>
        <row r="4976">
          <cell r="C4976">
            <v>0.9879</v>
          </cell>
          <cell r="AT4976">
            <v>2011</v>
          </cell>
          <cell r="AU4976">
            <v>8</v>
          </cell>
        </row>
        <row r="4977">
          <cell r="C4977">
            <v>0.98380000000000001</v>
          </cell>
          <cell r="AT4977">
            <v>2011</v>
          </cell>
          <cell r="AU4977">
            <v>8</v>
          </cell>
        </row>
        <row r="4978">
          <cell r="C4978">
            <v>0.98170000000000002</v>
          </cell>
          <cell r="AT4978">
            <v>2011</v>
          </cell>
          <cell r="AU4978">
            <v>8</v>
          </cell>
        </row>
        <row r="4979">
          <cell r="C4979">
            <v>0.98199999999999998</v>
          </cell>
          <cell r="AT4979">
            <v>2011</v>
          </cell>
          <cell r="AU4979">
            <v>8</v>
          </cell>
        </row>
        <row r="4980">
          <cell r="C4980">
            <v>0.99009999999999998</v>
          </cell>
          <cell r="AT4980">
            <v>2011</v>
          </cell>
          <cell r="AU4980">
            <v>8</v>
          </cell>
        </row>
        <row r="4981">
          <cell r="C4981">
            <v>0.9849</v>
          </cell>
          <cell r="AT4981">
            <v>2011</v>
          </cell>
          <cell r="AU4981">
            <v>8</v>
          </cell>
        </row>
        <row r="4982">
          <cell r="C4982">
            <v>0.9849</v>
          </cell>
          <cell r="AT4982">
            <v>2011</v>
          </cell>
          <cell r="AU4982">
            <v>8</v>
          </cell>
        </row>
        <row r="4983">
          <cell r="C4983">
            <v>0.9849</v>
          </cell>
          <cell r="AT4983">
            <v>2011</v>
          </cell>
          <cell r="AU4983">
            <v>8</v>
          </cell>
        </row>
        <row r="4984">
          <cell r="C4984">
            <v>0.99009999999999998</v>
          </cell>
          <cell r="AT4984">
            <v>2011</v>
          </cell>
          <cell r="AU4984">
            <v>8</v>
          </cell>
        </row>
        <row r="4985">
          <cell r="C4985">
            <v>0.98770000000000002</v>
          </cell>
          <cell r="AT4985">
            <v>2011</v>
          </cell>
          <cell r="AU4985">
            <v>8</v>
          </cell>
        </row>
        <row r="4986">
          <cell r="C4986">
            <v>0.98799999999999999</v>
          </cell>
          <cell r="AT4986">
            <v>2011</v>
          </cell>
          <cell r="AU4986">
            <v>8</v>
          </cell>
        </row>
        <row r="4987">
          <cell r="C4987">
            <v>0.98429999999999995</v>
          </cell>
          <cell r="AT4987">
            <v>2011</v>
          </cell>
          <cell r="AU4987">
            <v>8</v>
          </cell>
        </row>
        <row r="4988">
          <cell r="C4988">
            <v>0.98529999999999995</v>
          </cell>
          <cell r="AT4988">
            <v>2011</v>
          </cell>
          <cell r="AU4988">
            <v>8</v>
          </cell>
        </row>
        <row r="4989">
          <cell r="C4989">
            <v>0.98529999999999995</v>
          </cell>
          <cell r="AT4989">
            <v>2011</v>
          </cell>
          <cell r="AU4989">
            <v>8</v>
          </cell>
        </row>
        <row r="4990">
          <cell r="C4990">
            <v>0.98529999999999995</v>
          </cell>
          <cell r="AT4990">
            <v>2011</v>
          </cell>
          <cell r="AU4990">
            <v>8</v>
          </cell>
        </row>
        <row r="4991">
          <cell r="C4991">
            <v>0.97799999999999998</v>
          </cell>
          <cell r="AT4991">
            <v>2011</v>
          </cell>
          <cell r="AU4991">
            <v>8</v>
          </cell>
        </row>
        <row r="4992">
          <cell r="C4992">
            <v>0.97929999999999995</v>
          </cell>
          <cell r="AT4992">
            <v>2011</v>
          </cell>
          <cell r="AU4992">
            <v>8</v>
          </cell>
        </row>
        <row r="4993">
          <cell r="C4993">
            <v>0.97840000000000005</v>
          </cell>
          <cell r="AT4993">
            <v>2011</v>
          </cell>
          <cell r="AU4993">
            <v>9</v>
          </cell>
        </row>
        <row r="4994">
          <cell r="C4994">
            <v>0.97519999999999996</v>
          </cell>
          <cell r="AT4994">
            <v>2011</v>
          </cell>
          <cell r="AU4994">
            <v>9</v>
          </cell>
        </row>
        <row r="4995">
          <cell r="C4995">
            <v>0.98150000000000004</v>
          </cell>
          <cell r="AT4995">
            <v>2011</v>
          </cell>
          <cell r="AU4995">
            <v>9</v>
          </cell>
        </row>
        <row r="4996">
          <cell r="C4996">
            <v>0.98150000000000004</v>
          </cell>
          <cell r="AT4996">
            <v>2011</v>
          </cell>
          <cell r="AU4996">
            <v>9</v>
          </cell>
        </row>
        <row r="4997">
          <cell r="C4997">
            <v>0.98150000000000004</v>
          </cell>
          <cell r="AT4997">
            <v>2011</v>
          </cell>
          <cell r="AU4997">
            <v>9</v>
          </cell>
        </row>
        <row r="4998">
          <cell r="C4998">
            <v>0.98150000000000004</v>
          </cell>
          <cell r="AT4998">
            <v>2011</v>
          </cell>
          <cell r="AU4998">
            <v>9</v>
          </cell>
        </row>
        <row r="4999">
          <cell r="C4999">
            <v>0.99099999999999999</v>
          </cell>
          <cell r="AT4999">
            <v>2011</v>
          </cell>
          <cell r="AU4999">
            <v>9</v>
          </cell>
        </row>
        <row r="5000">
          <cell r="C5000">
            <v>0.98829999999999996</v>
          </cell>
          <cell r="AT5000">
            <v>2011</v>
          </cell>
          <cell r="AU5000">
            <v>9</v>
          </cell>
        </row>
        <row r="5001">
          <cell r="C5001">
            <v>0.9859</v>
          </cell>
          <cell r="AT5001">
            <v>2011</v>
          </cell>
          <cell r="AU5001">
            <v>9</v>
          </cell>
        </row>
        <row r="5002">
          <cell r="C5002">
            <v>0.99709999999999999</v>
          </cell>
          <cell r="AT5002">
            <v>2011</v>
          </cell>
          <cell r="AU5002">
            <v>9</v>
          </cell>
        </row>
        <row r="5003">
          <cell r="C5003">
            <v>0.99709999999999999</v>
          </cell>
          <cell r="AT5003">
            <v>2011</v>
          </cell>
          <cell r="AU5003">
            <v>9</v>
          </cell>
        </row>
        <row r="5004">
          <cell r="C5004">
            <v>0.99709999999999999</v>
          </cell>
          <cell r="AT5004">
            <v>2011</v>
          </cell>
          <cell r="AU5004">
            <v>9</v>
          </cell>
        </row>
        <row r="5005">
          <cell r="C5005">
            <v>0.99570000000000003</v>
          </cell>
          <cell r="AT5005">
            <v>2011</v>
          </cell>
          <cell r="AU5005">
            <v>9</v>
          </cell>
        </row>
        <row r="5006">
          <cell r="C5006">
            <v>0.99019999999999997</v>
          </cell>
          <cell r="AT5006">
            <v>2011</v>
          </cell>
          <cell r="AU5006">
            <v>9</v>
          </cell>
        </row>
        <row r="5007">
          <cell r="C5007">
            <v>0.99129999999999996</v>
          </cell>
          <cell r="AT5007">
            <v>2011</v>
          </cell>
          <cell r="AU5007">
            <v>9</v>
          </cell>
        </row>
        <row r="5008">
          <cell r="C5008">
            <v>0.9869</v>
          </cell>
          <cell r="AT5008">
            <v>2011</v>
          </cell>
          <cell r="AU5008">
            <v>9</v>
          </cell>
        </row>
        <row r="5009">
          <cell r="C5009">
            <v>0.98140000000000005</v>
          </cell>
          <cell r="AT5009">
            <v>2011</v>
          </cell>
          <cell r="AU5009">
            <v>9</v>
          </cell>
        </row>
        <row r="5010">
          <cell r="C5010">
            <v>0.98140000000000005</v>
          </cell>
          <cell r="AT5010">
            <v>2011</v>
          </cell>
          <cell r="AU5010">
            <v>9</v>
          </cell>
        </row>
        <row r="5011">
          <cell r="C5011">
            <v>0.98140000000000005</v>
          </cell>
          <cell r="AT5011">
            <v>2011</v>
          </cell>
          <cell r="AU5011">
            <v>9</v>
          </cell>
        </row>
        <row r="5012">
          <cell r="C5012">
            <v>0.98980000000000001</v>
          </cell>
          <cell r="AT5012">
            <v>2011</v>
          </cell>
          <cell r="AU5012">
            <v>9</v>
          </cell>
        </row>
        <row r="5013">
          <cell r="C5013">
            <v>0.99239999999999995</v>
          </cell>
          <cell r="AT5013">
            <v>2011</v>
          </cell>
          <cell r="AU5013">
            <v>9</v>
          </cell>
        </row>
        <row r="5014">
          <cell r="C5014">
            <v>0.99860000000000004</v>
          </cell>
          <cell r="AT5014">
            <v>2011</v>
          </cell>
          <cell r="AU5014">
            <v>9</v>
          </cell>
        </row>
        <row r="5015">
          <cell r="C5015">
            <v>1.0328999999999999</v>
          </cell>
          <cell r="AT5015">
            <v>2011</v>
          </cell>
          <cell r="AU5015">
            <v>9</v>
          </cell>
        </row>
        <row r="5016">
          <cell r="C5016">
            <v>1.0282</v>
          </cell>
          <cell r="AT5016">
            <v>2011</v>
          </cell>
          <cell r="AU5016">
            <v>9</v>
          </cell>
        </row>
        <row r="5017">
          <cell r="C5017">
            <v>1.0282</v>
          </cell>
          <cell r="AT5017">
            <v>2011</v>
          </cell>
          <cell r="AU5017">
            <v>9</v>
          </cell>
        </row>
        <row r="5018">
          <cell r="C5018">
            <v>1.0282</v>
          </cell>
          <cell r="AT5018">
            <v>2011</v>
          </cell>
          <cell r="AU5018">
            <v>9</v>
          </cell>
        </row>
        <row r="5019">
          <cell r="C5019">
            <v>1.0339</v>
          </cell>
          <cell r="AT5019">
            <v>2011</v>
          </cell>
          <cell r="AU5019">
            <v>9</v>
          </cell>
        </row>
        <row r="5020">
          <cell r="C5020">
            <v>1.0190999999999999</v>
          </cell>
          <cell r="AT5020">
            <v>2011</v>
          </cell>
          <cell r="AU5020">
            <v>9</v>
          </cell>
        </row>
        <row r="5021">
          <cell r="C5021">
            <v>1.0225</v>
          </cell>
          <cell r="AT5021">
            <v>2011</v>
          </cell>
          <cell r="AU5021">
            <v>9</v>
          </cell>
        </row>
        <row r="5022">
          <cell r="C5022">
            <v>1.0338000000000001</v>
          </cell>
          <cell r="AT5022">
            <v>2011</v>
          </cell>
          <cell r="AU5022">
            <v>9</v>
          </cell>
        </row>
        <row r="5023">
          <cell r="C5023">
            <v>1.0388999999999999</v>
          </cell>
          <cell r="AT5023">
            <v>2011</v>
          </cell>
          <cell r="AU5023">
            <v>10</v>
          </cell>
        </row>
        <row r="5024">
          <cell r="C5024">
            <v>1.0388999999999999</v>
          </cell>
          <cell r="AT5024">
            <v>2011</v>
          </cell>
          <cell r="AU5024">
            <v>10</v>
          </cell>
        </row>
        <row r="5025">
          <cell r="C5025">
            <v>1.0388999999999999</v>
          </cell>
          <cell r="AT5025">
            <v>2011</v>
          </cell>
          <cell r="AU5025">
            <v>10</v>
          </cell>
        </row>
        <row r="5026">
          <cell r="C5026">
            <v>1.044</v>
          </cell>
          <cell r="AT5026">
            <v>2011</v>
          </cell>
          <cell r="AU5026">
            <v>10</v>
          </cell>
        </row>
        <row r="5027">
          <cell r="C5027">
            <v>1.0604</v>
          </cell>
          <cell r="AT5027">
            <v>2011</v>
          </cell>
          <cell r="AU5027">
            <v>10</v>
          </cell>
        </row>
        <row r="5028">
          <cell r="C5028">
            <v>1.0448999999999999</v>
          </cell>
          <cell r="AT5028">
            <v>2011</v>
          </cell>
          <cell r="AU5028">
            <v>10</v>
          </cell>
        </row>
        <row r="5029">
          <cell r="C5029">
            <v>1.0429999999999999</v>
          </cell>
          <cell r="AT5029">
            <v>2011</v>
          </cell>
          <cell r="AU5029">
            <v>10</v>
          </cell>
        </row>
        <row r="5030">
          <cell r="C5030">
            <v>1.0327999999999999</v>
          </cell>
          <cell r="AT5030">
            <v>2011</v>
          </cell>
          <cell r="AU5030">
            <v>10</v>
          </cell>
        </row>
        <row r="5031">
          <cell r="C5031">
            <v>1.0327999999999999</v>
          </cell>
          <cell r="AT5031">
            <v>2011</v>
          </cell>
          <cell r="AU5031">
            <v>10</v>
          </cell>
        </row>
        <row r="5032">
          <cell r="C5032">
            <v>1.0327999999999999</v>
          </cell>
          <cell r="AT5032">
            <v>2011</v>
          </cell>
          <cell r="AU5032">
            <v>10</v>
          </cell>
        </row>
        <row r="5033">
          <cell r="C5033">
            <v>1.0327999999999999</v>
          </cell>
          <cell r="AT5033">
            <v>2011</v>
          </cell>
          <cell r="AU5033">
            <v>10</v>
          </cell>
        </row>
        <row r="5034">
          <cell r="C5034">
            <v>1.0286999999999999</v>
          </cell>
          <cell r="AT5034">
            <v>2011</v>
          </cell>
          <cell r="AU5034">
            <v>10</v>
          </cell>
        </row>
        <row r="5035">
          <cell r="C5035">
            <v>1.0164</v>
          </cell>
          <cell r="AT5035">
            <v>2011</v>
          </cell>
          <cell r="AU5035">
            <v>10</v>
          </cell>
        </row>
        <row r="5036">
          <cell r="C5036">
            <v>1.0238</v>
          </cell>
          <cell r="AT5036">
            <v>2011</v>
          </cell>
          <cell r="AU5036">
            <v>10</v>
          </cell>
        </row>
        <row r="5037">
          <cell r="C5037">
            <v>1.0146999999999999</v>
          </cell>
          <cell r="AT5037">
            <v>2011</v>
          </cell>
          <cell r="AU5037">
            <v>10</v>
          </cell>
        </row>
        <row r="5038">
          <cell r="C5038">
            <v>1.0146999999999999</v>
          </cell>
          <cell r="AT5038">
            <v>2011</v>
          </cell>
          <cell r="AU5038">
            <v>10</v>
          </cell>
        </row>
        <row r="5039">
          <cell r="C5039">
            <v>1.0146999999999999</v>
          </cell>
          <cell r="AT5039">
            <v>2011</v>
          </cell>
          <cell r="AU5039">
            <v>10</v>
          </cell>
        </row>
        <row r="5040">
          <cell r="C5040">
            <v>1.0152000000000001</v>
          </cell>
          <cell r="AT5040">
            <v>2011</v>
          </cell>
          <cell r="AU5040">
            <v>10</v>
          </cell>
        </row>
        <row r="5041">
          <cell r="C5041">
            <v>1.0163</v>
          </cell>
          <cell r="AT5041">
            <v>2011</v>
          </cell>
          <cell r="AU5041">
            <v>10</v>
          </cell>
        </row>
        <row r="5042">
          <cell r="C5042">
            <v>1.0136000000000001</v>
          </cell>
          <cell r="AT5042">
            <v>2011</v>
          </cell>
          <cell r="AU5042">
            <v>10</v>
          </cell>
        </row>
        <row r="5043">
          <cell r="C5043">
            <v>1.0218</v>
          </cell>
          <cell r="AT5043">
            <v>2011</v>
          </cell>
          <cell r="AU5043">
            <v>10</v>
          </cell>
        </row>
        <row r="5044">
          <cell r="C5044">
            <v>1.0091000000000001</v>
          </cell>
          <cell r="AT5044">
            <v>2011</v>
          </cell>
          <cell r="AU5044">
            <v>10</v>
          </cell>
        </row>
        <row r="5045">
          <cell r="C5045">
            <v>1.0091000000000001</v>
          </cell>
          <cell r="AT5045">
            <v>2011</v>
          </cell>
          <cell r="AU5045">
            <v>10</v>
          </cell>
        </row>
        <row r="5046">
          <cell r="C5046">
            <v>1.0091000000000001</v>
          </cell>
          <cell r="AT5046">
            <v>2011</v>
          </cell>
          <cell r="AU5046">
            <v>10</v>
          </cell>
        </row>
        <row r="5047">
          <cell r="C5047">
            <v>1.0039</v>
          </cell>
          <cell r="AT5047">
            <v>2011</v>
          </cell>
          <cell r="AU5047">
            <v>10</v>
          </cell>
        </row>
        <row r="5048">
          <cell r="C5048">
            <v>1.0144</v>
          </cell>
          <cell r="AT5048">
            <v>2011</v>
          </cell>
          <cell r="AU5048">
            <v>10</v>
          </cell>
        </row>
        <row r="5049">
          <cell r="C5049">
            <v>1.0101</v>
          </cell>
          <cell r="AT5049">
            <v>2011</v>
          </cell>
          <cell r="AU5049">
            <v>10</v>
          </cell>
        </row>
        <row r="5050">
          <cell r="C5050">
            <v>0.99419999999999997</v>
          </cell>
          <cell r="AT5050">
            <v>2011</v>
          </cell>
          <cell r="AU5050">
            <v>10</v>
          </cell>
        </row>
        <row r="5051">
          <cell r="C5051">
            <v>0.99570000000000003</v>
          </cell>
          <cell r="AT5051">
            <v>2011</v>
          </cell>
          <cell r="AU5051">
            <v>10</v>
          </cell>
        </row>
        <row r="5052">
          <cell r="C5052">
            <v>0.99570000000000003</v>
          </cell>
          <cell r="AT5052">
            <v>2011</v>
          </cell>
          <cell r="AU5052">
            <v>10</v>
          </cell>
        </row>
        <row r="5053">
          <cell r="C5053">
            <v>0.99570000000000003</v>
          </cell>
          <cell r="AT5053">
            <v>2011</v>
          </cell>
          <cell r="AU5053">
            <v>10</v>
          </cell>
        </row>
        <row r="5054">
          <cell r="C5054">
            <v>0.99350000000000005</v>
          </cell>
          <cell r="AT5054">
            <v>2011</v>
          </cell>
          <cell r="AU5054">
            <v>11</v>
          </cell>
        </row>
        <row r="5055">
          <cell r="C5055">
            <v>1.0198</v>
          </cell>
          <cell r="AT5055">
            <v>2011</v>
          </cell>
          <cell r="AU5055">
            <v>11</v>
          </cell>
        </row>
        <row r="5056">
          <cell r="C5056">
            <v>1.0125999999999999</v>
          </cell>
          <cell r="AT5056">
            <v>2011</v>
          </cell>
          <cell r="AU5056">
            <v>11</v>
          </cell>
        </row>
        <row r="5057">
          <cell r="C5057">
            <v>1.0126999999999999</v>
          </cell>
          <cell r="AT5057">
            <v>2011</v>
          </cell>
          <cell r="AU5057">
            <v>11</v>
          </cell>
        </row>
        <row r="5058">
          <cell r="C5058">
            <v>1.018</v>
          </cell>
          <cell r="AT5058">
            <v>2011</v>
          </cell>
          <cell r="AU5058">
            <v>11</v>
          </cell>
        </row>
        <row r="5059">
          <cell r="C5059">
            <v>1.018</v>
          </cell>
          <cell r="AT5059">
            <v>2011</v>
          </cell>
          <cell r="AU5059">
            <v>11</v>
          </cell>
        </row>
        <row r="5060">
          <cell r="C5060">
            <v>1.018</v>
          </cell>
          <cell r="AT5060">
            <v>2011</v>
          </cell>
          <cell r="AU5060">
            <v>11</v>
          </cell>
        </row>
        <row r="5061">
          <cell r="C5061">
            <v>1.0172000000000001</v>
          </cell>
          <cell r="AT5061">
            <v>2011</v>
          </cell>
          <cell r="AU5061">
            <v>11</v>
          </cell>
        </row>
        <row r="5062">
          <cell r="C5062">
            <v>1.014</v>
          </cell>
          <cell r="AT5062">
            <v>2011</v>
          </cell>
          <cell r="AU5062">
            <v>11</v>
          </cell>
        </row>
        <row r="5063">
          <cell r="C5063">
            <v>1.0173000000000001</v>
          </cell>
          <cell r="AT5063">
            <v>2011</v>
          </cell>
          <cell r="AU5063">
            <v>11</v>
          </cell>
        </row>
        <row r="5064">
          <cell r="C5064">
            <v>1.0189999999999999</v>
          </cell>
          <cell r="AT5064">
            <v>2011</v>
          </cell>
          <cell r="AU5064">
            <v>11</v>
          </cell>
        </row>
        <row r="5065">
          <cell r="C5065">
            <v>1.0189999999999999</v>
          </cell>
          <cell r="AT5065">
            <v>2011</v>
          </cell>
          <cell r="AU5065">
            <v>11</v>
          </cell>
        </row>
        <row r="5066">
          <cell r="C5066">
            <v>1.0189999999999999</v>
          </cell>
          <cell r="AT5066">
            <v>2011</v>
          </cell>
          <cell r="AU5066">
            <v>11</v>
          </cell>
        </row>
        <row r="5067">
          <cell r="C5067">
            <v>1.0189999999999999</v>
          </cell>
          <cell r="AT5067">
            <v>2011</v>
          </cell>
          <cell r="AU5067">
            <v>11</v>
          </cell>
        </row>
        <row r="5068">
          <cell r="C5068">
            <v>1.0178</v>
          </cell>
          <cell r="AT5068">
            <v>2011</v>
          </cell>
          <cell r="AU5068">
            <v>11</v>
          </cell>
        </row>
        <row r="5069">
          <cell r="C5069">
            <v>1.0235000000000001</v>
          </cell>
          <cell r="AT5069">
            <v>2011</v>
          </cell>
          <cell r="AU5069">
            <v>11</v>
          </cell>
        </row>
        <row r="5070">
          <cell r="C5070">
            <v>1.0206</v>
          </cell>
          <cell r="AT5070">
            <v>2011</v>
          </cell>
          <cell r="AU5070">
            <v>11</v>
          </cell>
        </row>
        <row r="5071">
          <cell r="C5071">
            <v>1.0226</v>
          </cell>
          <cell r="AT5071">
            <v>2011</v>
          </cell>
          <cell r="AU5071">
            <v>11</v>
          </cell>
        </row>
        <row r="5072">
          <cell r="C5072">
            <v>1.0262</v>
          </cell>
          <cell r="AT5072">
            <v>2011</v>
          </cell>
          <cell r="AU5072">
            <v>11</v>
          </cell>
        </row>
        <row r="5073">
          <cell r="C5073">
            <v>1.0262</v>
          </cell>
          <cell r="AT5073">
            <v>2011</v>
          </cell>
          <cell r="AU5073">
            <v>11</v>
          </cell>
        </row>
        <row r="5074">
          <cell r="C5074">
            <v>1.0262</v>
          </cell>
          <cell r="AT5074">
            <v>2011</v>
          </cell>
          <cell r="AU5074">
            <v>11</v>
          </cell>
        </row>
        <row r="5075">
          <cell r="C5075">
            <v>1.0385</v>
          </cell>
          <cell r="AT5075">
            <v>2011</v>
          </cell>
          <cell r="AU5075">
            <v>11</v>
          </cell>
        </row>
        <row r="5076">
          <cell r="C5076">
            <v>1.0367999999999999</v>
          </cell>
          <cell r="AT5076">
            <v>2011</v>
          </cell>
          <cell r="AU5076">
            <v>11</v>
          </cell>
        </row>
        <row r="5077">
          <cell r="C5077">
            <v>1.048</v>
          </cell>
          <cell r="AT5077">
            <v>2011</v>
          </cell>
          <cell r="AU5077">
            <v>11</v>
          </cell>
        </row>
        <row r="5078">
          <cell r="C5078">
            <v>1.048</v>
          </cell>
          <cell r="AT5078">
            <v>2011</v>
          </cell>
          <cell r="AU5078">
            <v>11</v>
          </cell>
        </row>
        <row r="5079">
          <cell r="C5079">
            <v>1.048</v>
          </cell>
          <cell r="AT5079">
            <v>2011</v>
          </cell>
          <cell r="AU5079">
            <v>11</v>
          </cell>
        </row>
        <row r="5080">
          <cell r="C5080">
            <v>1.048</v>
          </cell>
          <cell r="AT5080">
            <v>2011</v>
          </cell>
          <cell r="AU5080">
            <v>11</v>
          </cell>
        </row>
        <row r="5081">
          <cell r="C5081">
            <v>1.048</v>
          </cell>
          <cell r="AT5081">
            <v>2011</v>
          </cell>
          <cell r="AU5081">
            <v>11</v>
          </cell>
        </row>
        <row r="5082">
          <cell r="C5082">
            <v>1.0327</v>
          </cell>
          <cell r="AT5082">
            <v>2011</v>
          </cell>
          <cell r="AU5082">
            <v>11</v>
          </cell>
        </row>
        <row r="5083">
          <cell r="C5083">
            <v>1.0296000000000001</v>
          </cell>
          <cell r="AT5083">
            <v>2011</v>
          </cell>
          <cell r="AU5083">
            <v>11</v>
          </cell>
        </row>
        <row r="5084">
          <cell r="C5084">
            <v>1.0197000000000001</v>
          </cell>
          <cell r="AT5084">
            <v>2011</v>
          </cell>
          <cell r="AU5084">
            <v>12</v>
          </cell>
        </row>
        <row r="5085">
          <cell r="C5085">
            <v>1.0174000000000001</v>
          </cell>
          <cell r="AT5085">
            <v>2011</v>
          </cell>
          <cell r="AU5085">
            <v>12</v>
          </cell>
        </row>
        <row r="5086">
          <cell r="C5086">
            <v>1.0165</v>
          </cell>
          <cell r="AT5086">
            <v>2011</v>
          </cell>
          <cell r="AU5086">
            <v>12</v>
          </cell>
        </row>
        <row r="5087">
          <cell r="C5087">
            <v>1.0165</v>
          </cell>
          <cell r="AT5087">
            <v>2011</v>
          </cell>
          <cell r="AU5087">
            <v>12</v>
          </cell>
        </row>
        <row r="5088">
          <cell r="C5088">
            <v>1.0165</v>
          </cell>
          <cell r="AT5088">
            <v>2011</v>
          </cell>
          <cell r="AU5088">
            <v>12</v>
          </cell>
        </row>
        <row r="5089">
          <cell r="C5089">
            <v>1.0141</v>
          </cell>
          <cell r="AT5089">
            <v>2011</v>
          </cell>
          <cell r="AU5089">
            <v>12</v>
          </cell>
        </row>
        <row r="5090">
          <cell r="C5090">
            <v>1.0117</v>
          </cell>
          <cell r="AT5090">
            <v>2011</v>
          </cell>
          <cell r="AU5090">
            <v>12</v>
          </cell>
        </row>
        <row r="5091">
          <cell r="C5091">
            <v>1.0105</v>
          </cell>
          <cell r="AT5091">
            <v>2011</v>
          </cell>
          <cell r="AU5091">
            <v>12</v>
          </cell>
        </row>
        <row r="5092">
          <cell r="C5092">
            <v>1.0193000000000001</v>
          </cell>
          <cell r="AT5092">
            <v>2011</v>
          </cell>
          <cell r="AU5092">
            <v>12</v>
          </cell>
        </row>
        <row r="5093">
          <cell r="C5093">
            <v>1.0201</v>
          </cell>
          <cell r="AT5093">
            <v>2011</v>
          </cell>
          <cell r="AU5093">
            <v>12</v>
          </cell>
        </row>
        <row r="5094">
          <cell r="C5094">
            <v>1.0201</v>
          </cell>
          <cell r="AT5094">
            <v>2011</v>
          </cell>
          <cell r="AU5094">
            <v>12</v>
          </cell>
        </row>
        <row r="5095">
          <cell r="C5095">
            <v>1.0201</v>
          </cell>
          <cell r="AT5095">
            <v>2011</v>
          </cell>
          <cell r="AU5095">
            <v>12</v>
          </cell>
        </row>
        <row r="5096">
          <cell r="C5096">
            <v>1.0275000000000001</v>
          </cell>
          <cell r="AT5096">
            <v>2011</v>
          </cell>
          <cell r="AU5096">
            <v>12</v>
          </cell>
        </row>
        <row r="5097">
          <cell r="C5097">
            <v>1.0284</v>
          </cell>
          <cell r="AT5097">
            <v>2011</v>
          </cell>
          <cell r="AU5097">
            <v>12</v>
          </cell>
        </row>
        <row r="5098">
          <cell r="C5098">
            <v>1.0406</v>
          </cell>
          <cell r="AT5098">
            <v>2011</v>
          </cell>
          <cell r="AU5098">
            <v>12</v>
          </cell>
        </row>
        <row r="5099">
          <cell r="C5099">
            <v>1.0337000000000001</v>
          </cell>
          <cell r="AT5099">
            <v>2011</v>
          </cell>
          <cell r="AU5099">
            <v>12</v>
          </cell>
        </row>
        <row r="5100">
          <cell r="C5100">
            <v>1.0387999999999999</v>
          </cell>
          <cell r="AT5100">
            <v>2011</v>
          </cell>
          <cell r="AU5100">
            <v>12</v>
          </cell>
        </row>
        <row r="5101">
          <cell r="C5101">
            <v>1.0387999999999999</v>
          </cell>
          <cell r="AT5101">
            <v>2011</v>
          </cell>
          <cell r="AU5101">
            <v>12</v>
          </cell>
        </row>
        <row r="5102">
          <cell r="C5102">
            <v>1.0387999999999999</v>
          </cell>
          <cell r="AT5102">
            <v>2011</v>
          </cell>
          <cell r="AU5102">
            <v>12</v>
          </cell>
        </row>
        <row r="5103">
          <cell r="C5103">
            <v>1.0364</v>
          </cell>
          <cell r="AT5103">
            <v>2011</v>
          </cell>
          <cell r="AU5103">
            <v>12</v>
          </cell>
        </row>
        <row r="5104">
          <cell r="C5104">
            <v>1.0285</v>
          </cell>
          <cell r="AT5104">
            <v>2011</v>
          </cell>
          <cell r="AU5104">
            <v>12</v>
          </cell>
        </row>
        <row r="5105">
          <cell r="C5105">
            <v>1.0286</v>
          </cell>
          <cell r="AT5105">
            <v>2011</v>
          </cell>
          <cell r="AU5105">
            <v>12</v>
          </cell>
        </row>
        <row r="5106">
          <cell r="C5106">
            <v>1.0214000000000001</v>
          </cell>
          <cell r="AT5106">
            <v>2011</v>
          </cell>
          <cell r="AU5106">
            <v>12</v>
          </cell>
        </row>
        <row r="5107">
          <cell r="C5107">
            <v>1.0207999999999999</v>
          </cell>
          <cell r="AT5107">
            <v>2011</v>
          </cell>
          <cell r="AU5107">
            <v>12</v>
          </cell>
        </row>
        <row r="5108">
          <cell r="C5108">
            <v>1.0207999999999999</v>
          </cell>
          <cell r="AT5108">
            <v>2011</v>
          </cell>
          <cell r="AU5108">
            <v>12</v>
          </cell>
        </row>
        <row r="5109">
          <cell r="C5109">
            <v>1.0207999999999999</v>
          </cell>
          <cell r="AT5109">
            <v>2011</v>
          </cell>
          <cell r="AU5109">
            <v>12</v>
          </cell>
        </row>
        <row r="5110">
          <cell r="C5110">
            <v>1.0207999999999999</v>
          </cell>
          <cell r="AT5110">
            <v>2011</v>
          </cell>
          <cell r="AU5110">
            <v>12</v>
          </cell>
        </row>
        <row r="5111">
          <cell r="C5111">
            <v>1.0207999999999999</v>
          </cell>
          <cell r="AT5111">
            <v>2011</v>
          </cell>
          <cell r="AU5111">
            <v>12</v>
          </cell>
        </row>
        <row r="5112">
          <cell r="C5112">
            <v>1.0234000000000001</v>
          </cell>
          <cell r="AT5112">
            <v>2011</v>
          </cell>
          <cell r="AU5112">
            <v>12</v>
          </cell>
        </row>
        <row r="5113">
          <cell r="C5113">
            <v>1.0209999999999999</v>
          </cell>
          <cell r="AT5113">
            <v>2011</v>
          </cell>
          <cell r="AU5113">
            <v>12</v>
          </cell>
        </row>
        <row r="5114">
          <cell r="C5114">
            <v>1.0169999999999999</v>
          </cell>
          <cell r="AT5114">
            <v>2011</v>
          </cell>
          <cell r="AU5114">
            <v>12</v>
          </cell>
        </row>
        <row r="5115">
          <cell r="C5115">
            <v>1.0169999999999999</v>
          </cell>
          <cell r="AT5115">
            <v>2012</v>
          </cell>
          <cell r="AU5115">
            <v>1</v>
          </cell>
        </row>
        <row r="5116">
          <cell r="C5116">
            <v>1.0169999999999999</v>
          </cell>
          <cell r="AT5116">
            <v>2012</v>
          </cell>
          <cell r="AU5116">
            <v>1</v>
          </cell>
        </row>
        <row r="5117">
          <cell r="C5117">
            <v>1.0169999999999999</v>
          </cell>
          <cell r="AT5117">
            <v>2012</v>
          </cell>
          <cell r="AU5117">
            <v>1</v>
          </cell>
        </row>
        <row r="5118">
          <cell r="C5118">
            <v>1.0089999999999999</v>
          </cell>
          <cell r="AT5118">
            <v>2012</v>
          </cell>
          <cell r="AU5118">
            <v>1</v>
          </cell>
        </row>
        <row r="5119">
          <cell r="C5119">
            <v>1.0135000000000001</v>
          </cell>
          <cell r="AT5119">
            <v>2012</v>
          </cell>
          <cell r="AU5119">
            <v>1</v>
          </cell>
        </row>
        <row r="5120">
          <cell r="C5120">
            <v>1.0197000000000001</v>
          </cell>
          <cell r="AT5120">
            <v>2012</v>
          </cell>
          <cell r="AU5120">
            <v>1</v>
          </cell>
        </row>
        <row r="5121">
          <cell r="C5121">
            <v>1.0232000000000001</v>
          </cell>
          <cell r="AT5121">
            <v>2012</v>
          </cell>
          <cell r="AU5121">
            <v>1</v>
          </cell>
        </row>
        <row r="5122">
          <cell r="C5122">
            <v>1.0232000000000001</v>
          </cell>
          <cell r="AT5122">
            <v>2012</v>
          </cell>
          <cell r="AU5122">
            <v>1</v>
          </cell>
        </row>
        <row r="5123">
          <cell r="C5123">
            <v>1.0232000000000001</v>
          </cell>
          <cell r="AT5123">
            <v>2012</v>
          </cell>
          <cell r="AU5123">
            <v>1</v>
          </cell>
        </row>
        <row r="5124">
          <cell r="C5124">
            <v>1.0271999999999999</v>
          </cell>
          <cell r="AT5124">
            <v>2012</v>
          </cell>
          <cell r="AU5124">
            <v>1</v>
          </cell>
        </row>
        <row r="5125">
          <cell r="C5125">
            <v>1.0164</v>
          </cell>
          <cell r="AT5125">
            <v>2012</v>
          </cell>
          <cell r="AU5125">
            <v>1</v>
          </cell>
        </row>
        <row r="5126">
          <cell r="C5126">
            <v>1.0192000000000001</v>
          </cell>
          <cell r="AT5126">
            <v>2012</v>
          </cell>
          <cell r="AU5126">
            <v>1</v>
          </cell>
        </row>
        <row r="5127">
          <cell r="C5127">
            <v>1.0198</v>
          </cell>
          <cell r="AT5127">
            <v>2012</v>
          </cell>
          <cell r="AU5127">
            <v>1</v>
          </cell>
        </row>
        <row r="5128">
          <cell r="C5128">
            <v>1.0245</v>
          </cell>
          <cell r="AT5128">
            <v>2012</v>
          </cell>
          <cell r="AU5128">
            <v>1</v>
          </cell>
        </row>
        <row r="5129">
          <cell r="C5129">
            <v>1.0245</v>
          </cell>
          <cell r="AT5129">
            <v>2012</v>
          </cell>
          <cell r="AU5129">
            <v>1</v>
          </cell>
        </row>
        <row r="5130">
          <cell r="C5130">
            <v>1.0245</v>
          </cell>
          <cell r="AT5130">
            <v>2012</v>
          </cell>
          <cell r="AU5130">
            <v>1</v>
          </cell>
        </row>
        <row r="5131">
          <cell r="C5131">
            <v>1.0245</v>
          </cell>
          <cell r="AT5131">
            <v>2012</v>
          </cell>
          <cell r="AU5131">
            <v>1</v>
          </cell>
        </row>
        <row r="5132">
          <cell r="C5132">
            <v>1.0132000000000001</v>
          </cell>
          <cell r="AT5132">
            <v>2012</v>
          </cell>
          <cell r="AU5132">
            <v>1</v>
          </cell>
        </row>
        <row r="5133">
          <cell r="C5133">
            <v>1.014</v>
          </cell>
          <cell r="AT5133">
            <v>2012</v>
          </cell>
          <cell r="AU5133">
            <v>1</v>
          </cell>
        </row>
        <row r="5134">
          <cell r="C5134">
            <v>1.0095000000000001</v>
          </cell>
          <cell r="AT5134">
            <v>2012</v>
          </cell>
          <cell r="AU5134">
            <v>1</v>
          </cell>
        </row>
        <row r="5135">
          <cell r="C5135">
            <v>1.0143</v>
          </cell>
          <cell r="AT5135">
            <v>2012</v>
          </cell>
          <cell r="AU5135">
            <v>1</v>
          </cell>
        </row>
        <row r="5136">
          <cell r="C5136">
            <v>1.0143</v>
          </cell>
          <cell r="AT5136">
            <v>2012</v>
          </cell>
          <cell r="AU5136">
            <v>1</v>
          </cell>
        </row>
        <row r="5137">
          <cell r="C5137">
            <v>1.0143</v>
          </cell>
          <cell r="AT5137">
            <v>2012</v>
          </cell>
          <cell r="AU5137">
            <v>1</v>
          </cell>
        </row>
        <row r="5138">
          <cell r="C5138">
            <v>1.008</v>
          </cell>
          <cell r="AT5138">
            <v>2012</v>
          </cell>
          <cell r="AU5138">
            <v>1</v>
          </cell>
        </row>
        <row r="5139">
          <cell r="C5139">
            <v>1.0097</v>
          </cell>
          <cell r="AT5139">
            <v>2012</v>
          </cell>
          <cell r="AU5139">
            <v>1</v>
          </cell>
        </row>
        <row r="5140">
          <cell r="C5140">
            <v>1.012</v>
          </cell>
          <cell r="AT5140">
            <v>2012</v>
          </cell>
          <cell r="AU5140">
            <v>1</v>
          </cell>
        </row>
        <row r="5141">
          <cell r="C5141">
            <v>0.99860000000000004</v>
          </cell>
          <cell r="AT5141">
            <v>2012</v>
          </cell>
          <cell r="AU5141">
            <v>1</v>
          </cell>
        </row>
        <row r="5142">
          <cell r="C5142">
            <v>1.0013000000000001</v>
          </cell>
          <cell r="AT5142">
            <v>2012</v>
          </cell>
          <cell r="AU5142">
            <v>1</v>
          </cell>
        </row>
        <row r="5143">
          <cell r="C5143">
            <v>1.0013000000000001</v>
          </cell>
          <cell r="AT5143">
            <v>2012</v>
          </cell>
          <cell r="AU5143">
            <v>1</v>
          </cell>
        </row>
        <row r="5144">
          <cell r="C5144">
            <v>1.0013000000000001</v>
          </cell>
          <cell r="AT5144">
            <v>2012</v>
          </cell>
          <cell r="AU5144">
            <v>1</v>
          </cell>
        </row>
        <row r="5145">
          <cell r="C5145">
            <v>1.0032000000000001</v>
          </cell>
          <cell r="AT5145">
            <v>2012</v>
          </cell>
          <cell r="AU5145">
            <v>1</v>
          </cell>
        </row>
        <row r="5146">
          <cell r="C5146">
            <v>1.0052000000000001</v>
          </cell>
          <cell r="AT5146">
            <v>2012</v>
          </cell>
          <cell r="AU5146">
            <v>2</v>
          </cell>
        </row>
        <row r="5147">
          <cell r="C5147">
            <v>0.99709999999999999</v>
          </cell>
          <cell r="AT5147">
            <v>2012</v>
          </cell>
          <cell r="AU5147">
            <v>2</v>
          </cell>
        </row>
        <row r="5148">
          <cell r="C5148">
            <v>0.99850000000000005</v>
          </cell>
          <cell r="AT5148">
            <v>2012</v>
          </cell>
          <cell r="AU5148">
            <v>2</v>
          </cell>
        </row>
        <row r="5149">
          <cell r="C5149">
            <v>0.99450000000000005</v>
          </cell>
          <cell r="AT5149">
            <v>2012</v>
          </cell>
          <cell r="AU5149">
            <v>2</v>
          </cell>
        </row>
        <row r="5150">
          <cell r="C5150">
            <v>0.99450000000000005</v>
          </cell>
          <cell r="AT5150">
            <v>2012</v>
          </cell>
          <cell r="AU5150">
            <v>2</v>
          </cell>
        </row>
        <row r="5151">
          <cell r="C5151">
            <v>0.99450000000000005</v>
          </cell>
          <cell r="AT5151">
            <v>2012</v>
          </cell>
          <cell r="AU5151">
            <v>2</v>
          </cell>
        </row>
        <row r="5152">
          <cell r="C5152">
            <v>0.99539999999999995</v>
          </cell>
          <cell r="AT5152">
            <v>2012</v>
          </cell>
          <cell r="AU5152">
            <v>2</v>
          </cell>
        </row>
        <row r="5153">
          <cell r="C5153">
            <v>0.99480000000000002</v>
          </cell>
          <cell r="AT5153">
            <v>2012</v>
          </cell>
          <cell r="AU5153">
            <v>2</v>
          </cell>
        </row>
        <row r="5154">
          <cell r="C5154">
            <v>0.997</v>
          </cell>
          <cell r="AT5154">
            <v>2012</v>
          </cell>
          <cell r="AU5154">
            <v>2</v>
          </cell>
        </row>
        <row r="5155">
          <cell r="C5155">
            <v>0.99409999999999998</v>
          </cell>
          <cell r="AT5155">
            <v>2012</v>
          </cell>
          <cell r="AU5155">
            <v>2</v>
          </cell>
        </row>
        <row r="5156">
          <cell r="C5156">
            <v>1.0016</v>
          </cell>
          <cell r="AT5156">
            <v>2012</v>
          </cell>
          <cell r="AU5156">
            <v>2</v>
          </cell>
        </row>
        <row r="5157">
          <cell r="C5157">
            <v>1.0016</v>
          </cell>
          <cell r="AT5157">
            <v>2012</v>
          </cell>
          <cell r="AU5157">
            <v>2</v>
          </cell>
        </row>
        <row r="5158">
          <cell r="C5158">
            <v>1.0016</v>
          </cell>
          <cell r="AT5158">
            <v>2012</v>
          </cell>
          <cell r="AU5158">
            <v>2</v>
          </cell>
        </row>
        <row r="5159">
          <cell r="C5159">
            <v>0.99960000000000004</v>
          </cell>
          <cell r="AT5159">
            <v>2012</v>
          </cell>
          <cell r="AU5159">
            <v>2</v>
          </cell>
        </row>
        <row r="5160">
          <cell r="C5160">
            <v>0.99909999999999999</v>
          </cell>
          <cell r="AT5160">
            <v>2012</v>
          </cell>
          <cell r="AU5160">
            <v>2</v>
          </cell>
        </row>
        <row r="5161">
          <cell r="C5161">
            <v>0.99650000000000005</v>
          </cell>
          <cell r="AT5161">
            <v>2012</v>
          </cell>
          <cell r="AU5161">
            <v>2</v>
          </cell>
        </row>
        <row r="5162">
          <cell r="C5162">
            <v>0.99619999999999997</v>
          </cell>
          <cell r="AT5162">
            <v>2012</v>
          </cell>
          <cell r="AU5162">
            <v>2</v>
          </cell>
        </row>
        <row r="5163">
          <cell r="C5163">
            <v>0.997</v>
          </cell>
          <cell r="AT5163">
            <v>2012</v>
          </cell>
          <cell r="AU5163">
            <v>2</v>
          </cell>
        </row>
        <row r="5164">
          <cell r="C5164">
            <v>0.997</v>
          </cell>
          <cell r="AT5164">
            <v>2012</v>
          </cell>
          <cell r="AU5164">
            <v>2</v>
          </cell>
        </row>
        <row r="5165">
          <cell r="C5165">
            <v>0.997</v>
          </cell>
          <cell r="AT5165">
            <v>2012</v>
          </cell>
          <cell r="AU5165">
            <v>2</v>
          </cell>
        </row>
        <row r="5166">
          <cell r="C5166">
            <v>0.997</v>
          </cell>
          <cell r="AT5166">
            <v>2012</v>
          </cell>
          <cell r="AU5166">
            <v>2</v>
          </cell>
        </row>
        <row r="5167">
          <cell r="C5167">
            <v>0.99550000000000005</v>
          </cell>
          <cell r="AT5167">
            <v>2012</v>
          </cell>
          <cell r="AU5167">
            <v>2</v>
          </cell>
        </row>
        <row r="5168">
          <cell r="C5168">
            <v>1</v>
          </cell>
          <cell r="AT5168">
            <v>2012</v>
          </cell>
          <cell r="AU5168">
            <v>2</v>
          </cell>
        </row>
        <row r="5169">
          <cell r="C5169">
            <v>0.99850000000000005</v>
          </cell>
          <cell r="AT5169">
            <v>2012</v>
          </cell>
          <cell r="AU5169">
            <v>2</v>
          </cell>
        </row>
        <row r="5170">
          <cell r="C5170">
            <v>0.99880000000000002</v>
          </cell>
          <cell r="AT5170">
            <v>2012</v>
          </cell>
          <cell r="AU5170">
            <v>2</v>
          </cell>
        </row>
        <row r="5171">
          <cell r="C5171">
            <v>0.99880000000000002</v>
          </cell>
          <cell r="AT5171">
            <v>2012</v>
          </cell>
          <cell r="AU5171">
            <v>2</v>
          </cell>
        </row>
        <row r="5172">
          <cell r="C5172">
            <v>0.99880000000000002</v>
          </cell>
          <cell r="AT5172">
            <v>2012</v>
          </cell>
          <cell r="AU5172">
            <v>2</v>
          </cell>
        </row>
        <row r="5173">
          <cell r="C5173">
            <v>0.99829999999999997</v>
          </cell>
          <cell r="AT5173">
            <v>2012</v>
          </cell>
          <cell r="AU5173">
            <v>2</v>
          </cell>
        </row>
        <row r="5174">
          <cell r="C5174">
            <v>0.99560000000000004</v>
          </cell>
          <cell r="AT5174">
            <v>2012</v>
          </cell>
          <cell r="AU5174">
            <v>2</v>
          </cell>
        </row>
        <row r="5175">
          <cell r="C5175">
            <v>0.98660000000000003</v>
          </cell>
          <cell r="AT5175">
            <v>2012</v>
          </cell>
          <cell r="AU5175">
            <v>3</v>
          </cell>
        </row>
        <row r="5176">
          <cell r="C5176">
            <v>0.9849</v>
          </cell>
          <cell r="AT5176">
            <v>2012</v>
          </cell>
          <cell r="AU5176">
            <v>3</v>
          </cell>
        </row>
        <row r="5177">
          <cell r="C5177">
            <v>0.98880000000000001</v>
          </cell>
          <cell r="AT5177">
            <v>2012</v>
          </cell>
          <cell r="AU5177">
            <v>3</v>
          </cell>
        </row>
        <row r="5178">
          <cell r="C5178">
            <v>0.98880000000000001</v>
          </cell>
          <cell r="AT5178">
            <v>2012</v>
          </cell>
          <cell r="AU5178">
            <v>3</v>
          </cell>
        </row>
        <row r="5179">
          <cell r="C5179">
            <v>0.98880000000000001</v>
          </cell>
          <cell r="AT5179">
            <v>2012</v>
          </cell>
          <cell r="AU5179">
            <v>3</v>
          </cell>
        </row>
        <row r="5180">
          <cell r="C5180">
            <v>0.99360000000000004</v>
          </cell>
          <cell r="AT5180">
            <v>2012</v>
          </cell>
          <cell r="AU5180">
            <v>3</v>
          </cell>
        </row>
        <row r="5181">
          <cell r="C5181">
            <v>1.0015000000000001</v>
          </cell>
          <cell r="AT5181">
            <v>2012</v>
          </cell>
          <cell r="AU5181">
            <v>3</v>
          </cell>
        </row>
        <row r="5182">
          <cell r="C5182">
            <v>0.99929999999999997</v>
          </cell>
          <cell r="AT5182">
            <v>2012</v>
          </cell>
          <cell r="AU5182">
            <v>3</v>
          </cell>
        </row>
        <row r="5183">
          <cell r="C5183">
            <v>0.99209999999999998</v>
          </cell>
          <cell r="AT5183">
            <v>2012</v>
          </cell>
          <cell r="AU5183">
            <v>3</v>
          </cell>
        </row>
        <row r="5184">
          <cell r="C5184">
            <v>0.98950000000000005</v>
          </cell>
          <cell r="AT5184">
            <v>2012</v>
          </cell>
          <cell r="AU5184">
            <v>3</v>
          </cell>
        </row>
        <row r="5185">
          <cell r="C5185">
            <v>0.98950000000000005</v>
          </cell>
          <cell r="AT5185">
            <v>2012</v>
          </cell>
          <cell r="AU5185">
            <v>3</v>
          </cell>
        </row>
        <row r="5186">
          <cell r="C5186">
            <v>0.98950000000000005</v>
          </cell>
          <cell r="AT5186">
            <v>2012</v>
          </cell>
          <cell r="AU5186">
            <v>3</v>
          </cell>
        </row>
        <row r="5187">
          <cell r="C5187">
            <v>0.99350000000000005</v>
          </cell>
          <cell r="AT5187">
            <v>2012</v>
          </cell>
          <cell r="AU5187">
            <v>3</v>
          </cell>
        </row>
        <row r="5188">
          <cell r="C5188">
            <v>0.99050000000000005</v>
          </cell>
          <cell r="AT5188">
            <v>2012</v>
          </cell>
          <cell r="AU5188">
            <v>3</v>
          </cell>
        </row>
        <row r="5189">
          <cell r="C5189">
            <v>0.99150000000000005</v>
          </cell>
          <cell r="AT5189">
            <v>2012</v>
          </cell>
          <cell r="AU5189">
            <v>3</v>
          </cell>
        </row>
        <row r="5190">
          <cell r="C5190">
            <v>0.9929</v>
          </cell>
          <cell r="AT5190">
            <v>2012</v>
          </cell>
          <cell r="AU5190">
            <v>3</v>
          </cell>
        </row>
        <row r="5191">
          <cell r="C5191">
            <v>0.99139999999999995</v>
          </cell>
          <cell r="AT5191">
            <v>2012</v>
          </cell>
          <cell r="AU5191">
            <v>3</v>
          </cell>
        </row>
        <row r="5192">
          <cell r="C5192">
            <v>0.99139999999999995</v>
          </cell>
          <cell r="AT5192">
            <v>2012</v>
          </cell>
          <cell r="AU5192">
            <v>3</v>
          </cell>
        </row>
        <row r="5193">
          <cell r="C5193">
            <v>0.99139999999999995</v>
          </cell>
          <cell r="AT5193">
            <v>2012</v>
          </cell>
          <cell r="AU5193">
            <v>3</v>
          </cell>
        </row>
        <row r="5194">
          <cell r="C5194">
            <v>0.98799999999999999</v>
          </cell>
          <cell r="AT5194">
            <v>2012</v>
          </cell>
          <cell r="AU5194">
            <v>3</v>
          </cell>
        </row>
        <row r="5195">
          <cell r="C5195">
            <v>0.99329999999999996</v>
          </cell>
          <cell r="AT5195">
            <v>2012</v>
          </cell>
          <cell r="AU5195">
            <v>3</v>
          </cell>
        </row>
        <row r="5196">
          <cell r="C5196">
            <v>0.99309999999999998</v>
          </cell>
          <cell r="AT5196">
            <v>2012</v>
          </cell>
          <cell r="AU5196">
            <v>3</v>
          </cell>
        </row>
        <row r="5197">
          <cell r="C5197">
            <v>1.0003</v>
          </cell>
          <cell r="AT5197">
            <v>2012</v>
          </cell>
          <cell r="AU5197">
            <v>3</v>
          </cell>
        </row>
        <row r="5198">
          <cell r="C5198">
            <v>0.99819999999999998</v>
          </cell>
          <cell r="AT5198">
            <v>2012</v>
          </cell>
          <cell r="AU5198">
            <v>3</v>
          </cell>
        </row>
        <row r="5199">
          <cell r="C5199">
            <v>0.99819999999999998</v>
          </cell>
          <cell r="AT5199">
            <v>2012</v>
          </cell>
          <cell r="AU5199">
            <v>3</v>
          </cell>
        </row>
        <row r="5200">
          <cell r="C5200">
            <v>0.99819999999999998</v>
          </cell>
          <cell r="AT5200">
            <v>2012</v>
          </cell>
          <cell r="AU5200">
            <v>3</v>
          </cell>
        </row>
        <row r="5201">
          <cell r="C5201">
            <v>0.99219999999999997</v>
          </cell>
          <cell r="AT5201">
            <v>2012</v>
          </cell>
          <cell r="AU5201">
            <v>3</v>
          </cell>
        </row>
        <row r="5202">
          <cell r="C5202">
            <v>0.99280000000000002</v>
          </cell>
          <cell r="AT5202">
            <v>2012</v>
          </cell>
          <cell r="AU5202">
            <v>3</v>
          </cell>
        </row>
        <row r="5203">
          <cell r="C5203">
            <v>0.99839999999999995</v>
          </cell>
          <cell r="AT5203">
            <v>2012</v>
          </cell>
          <cell r="AU5203">
            <v>3</v>
          </cell>
        </row>
        <row r="5204">
          <cell r="C5204">
            <v>0.99990000000000001</v>
          </cell>
          <cell r="AT5204">
            <v>2012</v>
          </cell>
          <cell r="AU5204">
            <v>3</v>
          </cell>
        </row>
        <row r="5205">
          <cell r="C5205">
            <v>0.99909999999999999</v>
          </cell>
          <cell r="AT5205">
            <v>2012</v>
          </cell>
          <cell r="AU5205">
            <v>3</v>
          </cell>
        </row>
        <row r="5206">
          <cell r="C5206">
            <v>0.99909999999999999</v>
          </cell>
          <cell r="AT5206">
            <v>2012</v>
          </cell>
          <cell r="AU5206">
            <v>4</v>
          </cell>
        </row>
        <row r="5207">
          <cell r="C5207">
            <v>0.99909999999999999</v>
          </cell>
          <cell r="AT5207">
            <v>2012</v>
          </cell>
          <cell r="AU5207">
            <v>4</v>
          </cell>
        </row>
        <row r="5208">
          <cell r="C5208">
            <v>0.99170000000000003</v>
          </cell>
          <cell r="AT5208">
            <v>2012</v>
          </cell>
          <cell r="AU5208">
            <v>4</v>
          </cell>
        </row>
        <row r="5209">
          <cell r="C5209">
            <v>0.99099999999999999</v>
          </cell>
          <cell r="AT5209">
            <v>2012</v>
          </cell>
          <cell r="AU5209">
            <v>4</v>
          </cell>
        </row>
        <row r="5210">
          <cell r="C5210">
            <v>0.99619999999999997</v>
          </cell>
          <cell r="AT5210">
            <v>2012</v>
          </cell>
          <cell r="AU5210">
            <v>4</v>
          </cell>
        </row>
        <row r="5211">
          <cell r="C5211">
            <v>0.99280000000000002</v>
          </cell>
          <cell r="AT5211">
            <v>2012</v>
          </cell>
          <cell r="AU5211">
            <v>4</v>
          </cell>
        </row>
        <row r="5212">
          <cell r="C5212">
            <v>0.99280000000000002</v>
          </cell>
          <cell r="AT5212">
            <v>2012</v>
          </cell>
          <cell r="AU5212">
            <v>4</v>
          </cell>
        </row>
        <row r="5213">
          <cell r="C5213">
            <v>0.99280000000000002</v>
          </cell>
          <cell r="AT5213">
            <v>2012</v>
          </cell>
          <cell r="AU5213">
            <v>4</v>
          </cell>
        </row>
        <row r="5214">
          <cell r="C5214">
            <v>0.99280000000000002</v>
          </cell>
          <cell r="AT5214">
            <v>2012</v>
          </cell>
          <cell r="AU5214">
            <v>4</v>
          </cell>
        </row>
        <row r="5215">
          <cell r="C5215">
            <v>0.99719999999999998</v>
          </cell>
          <cell r="AT5215">
            <v>2012</v>
          </cell>
          <cell r="AU5215">
            <v>4</v>
          </cell>
        </row>
        <row r="5216">
          <cell r="C5216">
            <v>1.0027999999999999</v>
          </cell>
          <cell r="AT5216">
            <v>2012</v>
          </cell>
          <cell r="AU5216">
            <v>4</v>
          </cell>
        </row>
        <row r="5217">
          <cell r="C5217">
            <v>1.0039</v>
          </cell>
          <cell r="AT5217">
            <v>2012</v>
          </cell>
          <cell r="AU5217">
            <v>4</v>
          </cell>
        </row>
        <row r="5218">
          <cell r="C5218">
            <v>0.995</v>
          </cell>
          <cell r="AT5218">
            <v>2012</v>
          </cell>
          <cell r="AU5218">
            <v>4</v>
          </cell>
        </row>
        <row r="5219">
          <cell r="C5219">
            <v>0.99790000000000001</v>
          </cell>
          <cell r="AT5219">
            <v>2012</v>
          </cell>
          <cell r="AU5219">
            <v>4</v>
          </cell>
        </row>
        <row r="5220">
          <cell r="C5220">
            <v>0.99790000000000001</v>
          </cell>
          <cell r="AT5220">
            <v>2012</v>
          </cell>
          <cell r="AU5220">
            <v>4</v>
          </cell>
        </row>
        <row r="5221">
          <cell r="C5221">
            <v>0.99790000000000001</v>
          </cell>
          <cell r="AT5221">
            <v>2012</v>
          </cell>
          <cell r="AU5221">
            <v>4</v>
          </cell>
        </row>
        <row r="5222">
          <cell r="C5222">
            <v>1.0024</v>
          </cell>
          <cell r="AT5222">
            <v>2012</v>
          </cell>
          <cell r="AU5222">
            <v>4</v>
          </cell>
        </row>
        <row r="5223">
          <cell r="C5223">
            <v>0.98780000000000001</v>
          </cell>
          <cell r="AT5223">
            <v>2012</v>
          </cell>
          <cell r="AU5223">
            <v>4</v>
          </cell>
        </row>
        <row r="5224">
          <cell r="C5224">
            <v>0.99019999999999997</v>
          </cell>
          <cell r="AT5224">
            <v>2012</v>
          </cell>
          <cell r="AU5224">
            <v>4</v>
          </cell>
        </row>
        <row r="5225">
          <cell r="C5225">
            <v>0.99270000000000003</v>
          </cell>
          <cell r="AT5225">
            <v>2012</v>
          </cell>
          <cell r="AU5225">
            <v>4</v>
          </cell>
        </row>
        <row r="5226">
          <cell r="C5226">
            <v>0.99109999999999998</v>
          </cell>
          <cell r="AT5226">
            <v>2012</v>
          </cell>
          <cell r="AU5226">
            <v>4</v>
          </cell>
        </row>
        <row r="5227">
          <cell r="C5227">
            <v>0.99109999999999998</v>
          </cell>
          <cell r="AT5227">
            <v>2012</v>
          </cell>
          <cell r="AU5227">
            <v>4</v>
          </cell>
        </row>
        <row r="5228">
          <cell r="C5228">
            <v>0.99109999999999998</v>
          </cell>
          <cell r="AT5228">
            <v>2012</v>
          </cell>
          <cell r="AU5228">
            <v>4</v>
          </cell>
        </row>
        <row r="5229">
          <cell r="C5229">
            <v>0.99360000000000004</v>
          </cell>
          <cell r="AT5229">
            <v>2012</v>
          </cell>
          <cell r="AU5229">
            <v>4</v>
          </cell>
        </row>
        <row r="5230">
          <cell r="C5230">
            <v>0.98829999999999996</v>
          </cell>
          <cell r="AT5230">
            <v>2012</v>
          </cell>
          <cell r="AU5230">
            <v>4</v>
          </cell>
        </row>
        <row r="5231">
          <cell r="C5231">
            <v>0.98480000000000001</v>
          </cell>
          <cell r="AT5231">
            <v>2012</v>
          </cell>
          <cell r="AU5231">
            <v>4</v>
          </cell>
        </row>
        <row r="5232">
          <cell r="C5232">
            <v>0.98409999999999997</v>
          </cell>
          <cell r="AT5232">
            <v>2012</v>
          </cell>
          <cell r="AU5232">
            <v>4</v>
          </cell>
        </row>
        <row r="5233">
          <cell r="C5233">
            <v>0.98070000000000002</v>
          </cell>
          <cell r="AT5233">
            <v>2012</v>
          </cell>
          <cell r="AU5233">
            <v>4</v>
          </cell>
        </row>
        <row r="5234">
          <cell r="C5234">
            <v>0.98070000000000002</v>
          </cell>
          <cell r="AT5234">
            <v>2012</v>
          </cell>
          <cell r="AU5234">
            <v>4</v>
          </cell>
        </row>
        <row r="5235">
          <cell r="C5235">
            <v>0.98070000000000002</v>
          </cell>
          <cell r="AT5235">
            <v>2012</v>
          </cell>
          <cell r="AU5235">
            <v>4</v>
          </cell>
        </row>
        <row r="5236">
          <cell r="C5236">
            <v>0.98839999999999995</v>
          </cell>
          <cell r="AT5236">
            <v>2012</v>
          </cell>
          <cell r="AU5236">
            <v>5</v>
          </cell>
        </row>
        <row r="5237">
          <cell r="C5237">
            <v>0.9839</v>
          </cell>
          <cell r="AT5237">
            <v>2012</v>
          </cell>
          <cell r="AU5237">
            <v>5</v>
          </cell>
        </row>
        <row r="5238">
          <cell r="C5238">
            <v>0.98909999999999998</v>
          </cell>
          <cell r="AT5238">
            <v>2012</v>
          </cell>
          <cell r="AU5238">
            <v>5</v>
          </cell>
        </row>
        <row r="5239">
          <cell r="C5239">
            <v>0.98680000000000001</v>
          </cell>
          <cell r="AT5239">
            <v>2012</v>
          </cell>
          <cell r="AU5239">
            <v>5</v>
          </cell>
        </row>
        <row r="5240">
          <cell r="C5240">
            <v>0.99560000000000004</v>
          </cell>
          <cell r="AT5240">
            <v>2012</v>
          </cell>
          <cell r="AU5240">
            <v>5</v>
          </cell>
        </row>
        <row r="5241">
          <cell r="C5241">
            <v>0.99560000000000004</v>
          </cell>
          <cell r="AT5241">
            <v>2012</v>
          </cell>
          <cell r="AU5241">
            <v>5</v>
          </cell>
        </row>
        <row r="5242">
          <cell r="C5242">
            <v>0.99560000000000004</v>
          </cell>
          <cell r="AT5242">
            <v>2012</v>
          </cell>
          <cell r="AU5242">
            <v>5</v>
          </cell>
        </row>
        <row r="5243">
          <cell r="C5243">
            <v>0.99350000000000005</v>
          </cell>
          <cell r="AT5243">
            <v>2012</v>
          </cell>
          <cell r="AU5243">
            <v>5</v>
          </cell>
        </row>
        <row r="5244">
          <cell r="C5244">
            <v>0.99970000000000003</v>
          </cell>
          <cell r="AT5244">
            <v>2012</v>
          </cell>
          <cell r="AU5244">
            <v>5</v>
          </cell>
        </row>
        <row r="5245">
          <cell r="C5245">
            <v>1.0015000000000001</v>
          </cell>
          <cell r="AT5245">
            <v>2012</v>
          </cell>
          <cell r="AU5245">
            <v>5</v>
          </cell>
        </row>
        <row r="5246">
          <cell r="C5246">
            <v>1.0017</v>
          </cell>
          <cell r="AT5246">
            <v>2012</v>
          </cell>
          <cell r="AU5246">
            <v>5</v>
          </cell>
        </row>
        <row r="5247">
          <cell r="C5247">
            <v>0.99680000000000002</v>
          </cell>
          <cell r="AT5247">
            <v>2012</v>
          </cell>
          <cell r="AU5247">
            <v>5</v>
          </cell>
        </row>
        <row r="5248">
          <cell r="C5248">
            <v>0.99680000000000002</v>
          </cell>
          <cell r="AT5248">
            <v>2012</v>
          </cell>
          <cell r="AU5248">
            <v>5</v>
          </cell>
        </row>
        <row r="5249">
          <cell r="C5249">
            <v>0.99680000000000002</v>
          </cell>
          <cell r="AT5249">
            <v>2012</v>
          </cell>
          <cell r="AU5249">
            <v>5</v>
          </cell>
        </row>
        <row r="5250">
          <cell r="C5250">
            <v>1.0019</v>
          </cell>
          <cell r="AT5250">
            <v>2012</v>
          </cell>
          <cell r="AU5250">
            <v>5</v>
          </cell>
        </row>
        <row r="5251">
          <cell r="C5251">
            <v>1.0028999999999999</v>
          </cell>
          <cell r="AT5251">
            <v>2012</v>
          </cell>
          <cell r="AU5251">
            <v>5</v>
          </cell>
        </row>
        <row r="5252">
          <cell r="C5252">
            <v>1.0102</v>
          </cell>
          <cell r="AT5252">
            <v>2012</v>
          </cell>
          <cell r="AU5252">
            <v>5</v>
          </cell>
        </row>
        <row r="5253">
          <cell r="C5253">
            <v>1.0164</v>
          </cell>
          <cell r="AT5253">
            <v>2012</v>
          </cell>
          <cell r="AU5253">
            <v>5</v>
          </cell>
        </row>
        <row r="5254">
          <cell r="C5254">
            <v>1.0209999999999999</v>
          </cell>
          <cell r="AT5254">
            <v>2012</v>
          </cell>
          <cell r="AU5254">
            <v>5</v>
          </cell>
        </row>
        <row r="5255">
          <cell r="C5255">
            <v>1.0209999999999999</v>
          </cell>
          <cell r="AT5255">
            <v>2012</v>
          </cell>
          <cell r="AU5255">
            <v>5</v>
          </cell>
        </row>
        <row r="5256">
          <cell r="C5256">
            <v>1.0209999999999999</v>
          </cell>
          <cell r="AT5256">
            <v>2012</v>
          </cell>
          <cell r="AU5256">
            <v>5</v>
          </cell>
        </row>
        <row r="5257">
          <cell r="C5257">
            <v>1.0209999999999999</v>
          </cell>
          <cell r="AT5257">
            <v>2012</v>
          </cell>
          <cell r="AU5257">
            <v>5</v>
          </cell>
        </row>
        <row r="5258">
          <cell r="C5258">
            <v>1.0190999999999999</v>
          </cell>
          <cell r="AT5258">
            <v>2012</v>
          </cell>
          <cell r="AU5258">
            <v>5</v>
          </cell>
        </row>
        <row r="5259">
          <cell r="C5259">
            <v>1.0275000000000001</v>
          </cell>
          <cell r="AT5259">
            <v>2012</v>
          </cell>
          <cell r="AU5259">
            <v>5</v>
          </cell>
        </row>
        <row r="5260">
          <cell r="C5260">
            <v>1.0275000000000001</v>
          </cell>
          <cell r="AT5260">
            <v>2012</v>
          </cell>
          <cell r="AU5260">
            <v>5</v>
          </cell>
        </row>
        <row r="5261">
          <cell r="C5261">
            <v>1.0285</v>
          </cell>
          <cell r="AT5261">
            <v>2012</v>
          </cell>
          <cell r="AU5261">
            <v>5</v>
          </cell>
        </row>
        <row r="5262">
          <cell r="C5262">
            <v>1.0285</v>
          </cell>
          <cell r="AT5262">
            <v>2012</v>
          </cell>
          <cell r="AU5262">
            <v>5</v>
          </cell>
        </row>
        <row r="5263">
          <cell r="C5263">
            <v>1.0285</v>
          </cell>
          <cell r="AT5263">
            <v>2012</v>
          </cell>
          <cell r="AU5263">
            <v>5</v>
          </cell>
        </row>
        <row r="5264">
          <cell r="C5264">
            <v>1.0285</v>
          </cell>
          <cell r="AT5264">
            <v>2012</v>
          </cell>
          <cell r="AU5264">
            <v>5</v>
          </cell>
        </row>
        <row r="5265">
          <cell r="C5265">
            <v>1.0253000000000001</v>
          </cell>
          <cell r="AT5265">
            <v>2012</v>
          </cell>
          <cell r="AU5265">
            <v>5</v>
          </cell>
        </row>
        <row r="5266">
          <cell r="C5266">
            <v>1.0286</v>
          </cell>
          <cell r="AT5266">
            <v>2012</v>
          </cell>
          <cell r="AU5266">
            <v>5</v>
          </cell>
        </row>
        <row r="5267">
          <cell r="C5267">
            <v>1.0348999999999999</v>
          </cell>
          <cell r="AT5267">
            <v>2012</v>
          </cell>
          <cell r="AU5267">
            <v>6</v>
          </cell>
        </row>
        <row r="5268">
          <cell r="C5268">
            <v>1.038</v>
          </cell>
          <cell r="AT5268">
            <v>2012</v>
          </cell>
          <cell r="AU5268">
            <v>6</v>
          </cell>
        </row>
        <row r="5269">
          <cell r="C5269">
            <v>1.038</v>
          </cell>
          <cell r="AT5269">
            <v>2012</v>
          </cell>
          <cell r="AU5269">
            <v>6</v>
          </cell>
        </row>
        <row r="5270">
          <cell r="C5270">
            <v>1.038</v>
          </cell>
          <cell r="AT5270">
            <v>2012</v>
          </cell>
          <cell r="AU5270">
            <v>6</v>
          </cell>
        </row>
        <row r="5271">
          <cell r="C5271">
            <v>1.0418000000000001</v>
          </cell>
          <cell r="AT5271">
            <v>2012</v>
          </cell>
          <cell r="AU5271">
            <v>6</v>
          </cell>
        </row>
        <row r="5272">
          <cell r="C5272">
            <v>1.0414000000000001</v>
          </cell>
          <cell r="AT5272">
            <v>2012</v>
          </cell>
          <cell r="AU5272">
            <v>6</v>
          </cell>
        </row>
        <row r="5273">
          <cell r="C5273">
            <v>1.0297000000000001</v>
          </cell>
          <cell r="AT5273">
            <v>2012</v>
          </cell>
          <cell r="AU5273">
            <v>6</v>
          </cell>
        </row>
        <row r="5274">
          <cell r="C5274">
            <v>1.0244</v>
          </cell>
          <cell r="AT5274">
            <v>2012</v>
          </cell>
          <cell r="AU5274">
            <v>6</v>
          </cell>
        </row>
        <row r="5275">
          <cell r="C5275">
            <v>1.0331999999999999</v>
          </cell>
          <cell r="AT5275">
            <v>2012</v>
          </cell>
          <cell r="AU5275">
            <v>6</v>
          </cell>
        </row>
        <row r="5276">
          <cell r="C5276">
            <v>1.0331999999999999</v>
          </cell>
          <cell r="AT5276">
            <v>2012</v>
          </cell>
          <cell r="AU5276">
            <v>6</v>
          </cell>
        </row>
        <row r="5277">
          <cell r="C5277">
            <v>1.0331999999999999</v>
          </cell>
          <cell r="AT5277">
            <v>2012</v>
          </cell>
          <cell r="AU5277">
            <v>6</v>
          </cell>
        </row>
        <row r="5278">
          <cell r="C5278">
            <v>1.0283</v>
          </cell>
          <cell r="AT5278">
            <v>2012</v>
          </cell>
          <cell r="AU5278">
            <v>6</v>
          </cell>
        </row>
        <row r="5279">
          <cell r="C5279">
            <v>1.0267999999999999</v>
          </cell>
          <cell r="AT5279">
            <v>2012</v>
          </cell>
          <cell r="AU5279">
            <v>6</v>
          </cell>
        </row>
        <row r="5280">
          <cell r="C5280">
            <v>1.0269999999999999</v>
          </cell>
          <cell r="AT5280">
            <v>2012</v>
          </cell>
          <cell r="AU5280">
            <v>6</v>
          </cell>
        </row>
        <row r="5281">
          <cell r="C5281">
            <v>1.0246999999999999</v>
          </cell>
          <cell r="AT5281">
            <v>2012</v>
          </cell>
          <cell r="AU5281">
            <v>6</v>
          </cell>
        </row>
        <row r="5282">
          <cell r="C5282">
            <v>1.0244</v>
          </cell>
          <cell r="AT5282">
            <v>2012</v>
          </cell>
          <cell r="AU5282">
            <v>6</v>
          </cell>
        </row>
        <row r="5283">
          <cell r="C5283">
            <v>1.0244</v>
          </cell>
          <cell r="AT5283">
            <v>2012</v>
          </cell>
          <cell r="AU5283">
            <v>6</v>
          </cell>
        </row>
        <row r="5284">
          <cell r="C5284">
            <v>1.0244</v>
          </cell>
          <cell r="AT5284">
            <v>2012</v>
          </cell>
          <cell r="AU5284">
            <v>6</v>
          </cell>
        </row>
        <row r="5285">
          <cell r="C5285">
            <v>1.0266</v>
          </cell>
          <cell r="AT5285">
            <v>2012</v>
          </cell>
          <cell r="AU5285">
            <v>6</v>
          </cell>
        </row>
        <row r="5286">
          <cell r="C5286">
            <v>1.0178</v>
          </cell>
          <cell r="AT5286">
            <v>2012</v>
          </cell>
          <cell r="AU5286">
            <v>6</v>
          </cell>
        </row>
        <row r="5287">
          <cell r="C5287">
            <v>1.0194000000000001</v>
          </cell>
          <cell r="AT5287">
            <v>2012</v>
          </cell>
          <cell r="AU5287">
            <v>6</v>
          </cell>
        </row>
        <row r="5288">
          <cell r="C5288">
            <v>1.0250999999999999</v>
          </cell>
          <cell r="AT5288">
            <v>2012</v>
          </cell>
          <cell r="AU5288">
            <v>6</v>
          </cell>
        </row>
        <row r="5289">
          <cell r="C5289">
            <v>1.026</v>
          </cell>
          <cell r="AT5289">
            <v>2012</v>
          </cell>
          <cell r="AU5289">
            <v>6</v>
          </cell>
        </row>
        <row r="5290">
          <cell r="C5290">
            <v>1.026</v>
          </cell>
          <cell r="AT5290">
            <v>2012</v>
          </cell>
          <cell r="AU5290">
            <v>6</v>
          </cell>
        </row>
        <row r="5291">
          <cell r="C5291">
            <v>1.026</v>
          </cell>
          <cell r="AT5291">
            <v>2012</v>
          </cell>
          <cell r="AU5291">
            <v>6</v>
          </cell>
        </row>
        <row r="5292">
          <cell r="C5292">
            <v>1.026</v>
          </cell>
          <cell r="AT5292">
            <v>2012</v>
          </cell>
          <cell r="AU5292">
            <v>6</v>
          </cell>
        </row>
        <row r="5293">
          <cell r="C5293">
            <v>1.0265</v>
          </cell>
          <cell r="AT5293">
            <v>2012</v>
          </cell>
          <cell r="AU5293">
            <v>6</v>
          </cell>
        </row>
        <row r="5294">
          <cell r="C5294">
            <v>1.0257000000000001</v>
          </cell>
          <cell r="AT5294">
            <v>2012</v>
          </cell>
          <cell r="AU5294">
            <v>6</v>
          </cell>
        </row>
        <row r="5295">
          <cell r="C5295">
            <v>1.0333000000000001</v>
          </cell>
          <cell r="AT5295">
            <v>2012</v>
          </cell>
          <cell r="AU5295">
            <v>6</v>
          </cell>
        </row>
        <row r="5296">
          <cell r="C5296">
            <v>1.0190999999999999</v>
          </cell>
          <cell r="AT5296">
            <v>2012</v>
          </cell>
          <cell r="AU5296">
            <v>6</v>
          </cell>
        </row>
        <row r="5297">
          <cell r="C5297">
            <v>1.0190999999999999</v>
          </cell>
          <cell r="AT5297">
            <v>2012</v>
          </cell>
          <cell r="AU5297">
            <v>7</v>
          </cell>
        </row>
        <row r="5298">
          <cell r="C5298">
            <v>1.0190999999999999</v>
          </cell>
          <cell r="AT5298">
            <v>2012</v>
          </cell>
          <cell r="AU5298">
            <v>7</v>
          </cell>
        </row>
        <row r="5299">
          <cell r="C5299">
            <v>1.0190999999999999</v>
          </cell>
          <cell r="AT5299">
            <v>2012</v>
          </cell>
          <cell r="AU5299">
            <v>7</v>
          </cell>
        </row>
        <row r="5300">
          <cell r="C5300">
            <v>1.0123</v>
          </cell>
          <cell r="AT5300">
            <v>2012</v>
          </cell>
          <cell r="AU5300">
            <v>7</v>
          </cell>
        </row>
        <row r="5301">
          <cell r="C5301">
            <v>1.0123</v>
          </cell>
          <cell r="AT5301">
            <v>2012</v>
          </cell>
          <cell r="AU5301">
            <v>7</v>
          </cell>
        </row>
        <row r="5302">
          <cell r="C5302">
            <v>1.0130999999999999</v>
          </cell>
          <cell r="AT5302">
            <v>2012</v>
          </cell>
          <cell r="AU5302">
            <v>7</v>
          </cell>
        </row>
        <row r="5303">
          <cell r="C5303">
            <v>1.0199</v>
          </cell>
          <cell r="AT5303">
            <v>2012</v>
          </cell>
          <cell r="AU5303">
            <v>7</v>
          </cell>
        </row>
        <row r="5304">
          <cell r="C5304">
            <v>1.0199</v>
          </cell>
          <cell r="AT5304">
            <v>2012</v>
          </cell>
          <cell r="AU5304">
            <v>7</v>
          </cell>
        </row>
        <row r="5305">
          <cell r="C5305">
            <v>1.0199</v>
          </cell>
          <cell r="AT5305">
            <v>2012</v>
          </cell>
          <cell r="AU5305">
            <v>7</v>
          </cell>
        </row>
        <row r="5306">
          <cell r="C5306">
            <v>1.0212000000000001</v>
          </cell>
          <cell r="AT5306">
            <v>2012</v>
          </cell>
          <cell r="AU5306">
            <v>7</v>
          </cell>
        </row>
        <row r="5307">
          <cell r="C5307">
            <v>1.0203</v>
          </cell>
          <cell r="AT5307">
            <v>2012</v>
          </cell>
          <cell r="AU5307">
            <v>7</v>
          </cell>
        </row>
        <row r="5308">
          <cell r="C5308">
            <v>1.0195000000000001</v>
          </cell>
          <cell r="AT5308">
            <v>2012</v>
          </cell>
          <cell r="AU5308">
            <v>7</v>
          </cell>
        </row>
        <row r="5309">
          <cell r="C5309">
            <v>1.0214000000000001</v>
          </cell>
          <cell r="AT5309">
            <v>2012</v>
          </cell>
          <cell r="AU5309">
            <v>7</v>
          </cell>
        </row>
        <row r="5310">
          <cell r="C5310">
            <v>1.0150999999999999</v>
          </cell>
          <cell r="AT5310">
            <v>2012</v>
          </cell>
          <cell r="AU5310">
            <v>7</v>
          </cell>
        </row>
        <row r="5311">
          <cell r="C5311">
            <v>1.0150999999999999</v>
          </cell>
          <cell r="AT5311">
            <v>2012</v>
          </cell>
          <cell r="AU5311">
            <v>7</v>
          </cell>
        </row>
        <row r="5312">
          <cell r="C5312">
            <v>1.0150999999999999</v>
          </cell>
          <cell r="AT5312">
            <v>2012</v>
          </cell>
          <cell r="AU5312">
            <v>7</v>
          </cell>
        </row>
        <row r="5313">
          <cell r="C5313">
            <v>1.0157</v>
          </cell>
          <cell r="AT5313">
            <v>2012</v>
          </cell>
          <cell r="AU5313">
            <v>7</v>
          </cell>
        </row>
        <row r="5314">
          <cell r="C5314">
            <v>1.0141</v>
          </cell>
          <cell r="AT5314">
            <v>2012</v>
          </cell>
          <cell r="AU5314">
            <v>7</v>
          </cell>
        </row>
        <row r="5315">
          <cell r="C5315">
            <v>1.0112000000000001</v>
          </cell>
          <cell r="AT5315">
            <v>2012</v>
          </cell>
          <cell r="AU5315">
            <v>7</v>
          </cell>
        </row>
        <row r="5316">
          <cell r="C5316">
            <v>1.0077</v>
          </cell>
          <cell r="AT5316">
            <v>2012</v>
          </cell>
          <cell r="AU5316">
            <v>7</v>
          </cell>
        </row>
        <row r="5317">
          <cell r="C5317">
            <v>1.0114000000000001</v>
          </cell>
          <cell r="AT5317">
            <v>2012</v>
          </cell>
          <cell r="AU5317">
            <v>7</v>
          </cell>
        </row>
        <row r="5318">
          <cell r="C5318">
            <v>1.0114000000000001</v>
          </cell>
          <cell r="AT5318">
            <v>2012</v>
          </cell>
          <cell r="AU5318">
            <v>7</v>
          </cell>
        </row>
        <row r="5319">
          <cell r="C5319">
            <v>1.0114000000000001</v>
          </cell>
          <cell r="AT5319">
            <v>2012</v>
          </cell>
          <cell r="AU5319">
            <v>7</v>
          </cell>
        </row>
        <row r="5320">
          <cell r="C5320">
            <v>1.0172000000000001</v>
          </cell>
          <cell r="AT5320">
            <v>2012</v>
          </cell>
          <cell r="AU5320">
            <v>7</v>
          </cell>
        </row>
        <row r="5321">
          <cell r="C5321">
            <v>1.0207999999999999</v>
          </cell>
          <cell r="AT5321">
            <v>2012</v>
          </cell>
          <cell r="AU5321">
            <v>7</v>
          </cell>
        </row>
        <row r="5322">
          <cell r="C5322">
            <v>1.0181</v>
          </cell>
          <cell r="AT5322">
            <v>2012</v>
          </cell>
          <cell r="AU5322">
            <v>7</v>
          </cell>
        </row>
        <row r="5323">
          <cell r="C5323">
            <v>1.0101</v>
          </cell>
          <cell r="AT5323">
            <v>2012</v>
          </cell>
          <cell r="AU5323">
            <v>7</v>
          </cell>
        </row>
        <row r="5324">
          <cell r="C5324">
            <v>1.006</v>
          </cell>
          <cell r="AT5324">
            <v>2012</v>
          </cell>
          <cell r="AU5324">
            <v>7</v>
          </cell>
        </row>
        <row r="5325">
          <cell r="C5325">
            <v>1.006</v>
          </cell>
          <cell r="AT5325">
            <v>2012</v>
          </cell>
          <cell r="AU5325">
            <v>7</v>
          </cell>
        </row>
        <row r="5326">
          <cell r="C5326">
            <v>1.006</v>
          </cell>
          <cell r="AT5326">
            <v>2012</v>
          </cell>
          <cell r="AU5326">
            <v>7</v>
          </cell>
        </row>
        <row r="5327">
          <cell r="C5327">
            <v>1.0033000000000001</v>
          </cell>
          <cell r="AT5327">
            <v>2012</v>
          </cell>
          <cell r="AU5327">
            <v>7</v>
          </cell>
        </row>
        <row r="5328">
          <cell r="C5328">
            <v>1.0014000000000001</v>
          </cell>
          <cell r="AT5328">
            <v>2012</v>
          </cell>
          <cell r="AU5328">
            <v>8</v>
          </cell>
        </row>
        <row r="5329">
          <cell r="C5329">
            <v>1.0017</v>
          </cell>
          <cell r="AT5329">
            <v>2012</v>
          </cell>
          <cell r="AU5329">
            <v>8</v>
          </cell>
        </row>
        <row r="5330">
          <cell r="C5330">
            <v>1.0062</v>
          </cell>
          <cell r="AT5330">
            <v>2012</v>
          </cell>
          <cell r="AU5330">
            <v>8</v>
          </cell>
        </row>
        <row r="5331">
          <cell r="C5331">
            <v>0.99860000000000004</v>
          </cell>
          <cell r="AT5331">
            <v>2012</v>
          </cell>
          <cell r="AU5331">
            <v>8</v>
          </cell>
        </row>
        <row r="5332">
          <cell r="C5332">
            <v>0.99860000000000004</v>
          </cell>
          <cell r="AT5332">
            <v>2012</v>
          </cell>
          <cell r="AU5332">
            <v>8</v>
          </cell>
        </row>
        <row r="5333">
          <cell r="C5333">
            <v>0.99860000000000004</v>
          </cell>
          <cell r="AT5333">
            <v>2012</v>
          </cell>
          <cell r="AU5333">
            <v>8</v>
          </cell>
        </row>
        <row r="5334">
          <cell r="C5334">
            <v>0.99860000000000004</v>
          </cell>
          <cell r="AT5334">
            <v>2012</v>
          </cell>
          <cell r="AU5334">
            <v>8</v>
          </cell>
        </row>
        <row r="5335">
          <cell r="C5335">
            <v>0.99639999999999995</v>
          </cell>
          <cell r="AT5335">
            <v>2012</v>
          </cell>
          <cell r="AU5335">
            <v>8</v>
          </cell>
        </row>
        <row r="5336">
          <cell r="C5336">
            <v>0.99470000000000003</v>
          </cell>
          <cell r="AT5336">
            <v>2012</v>
          </cell>
          <cell r="AU5336">
            <v>8</v>
          </cell>
        </row>
        <row r="5337">
          <cell r="C5337">
            <v>0.99239999999999995</v>
          </cell>
          <cell r="AT5337">
            <v>2012</v>
          </cell>
          <cell r="AU5337">
            <v>8</v>
          </cell>
        </row>
        <row r="5338">
          <cell r="C5338">
            <v>0.99160000000000004</v>
          </cell>
          <cell r="AT5338">
            <v>2012</v>
          </cell>
          <cell r="AU5338">
            <v>8</v>
          </cell>
        </row>
        <row r="5339">
          <cell r="C5339">
            <v>0.99160000000000004</v>
          </cell>
          <cell r="AT5339">
            <v>2012</v>
          </cell>
          <cell r="AU5339">
            <v>8</v>
          </cell>
        </row>
        <row r="5340">
          <cell r="C5340">
            <v>0.99160000000000004</v>
          </cell>
          <cell r="AT5340">
            <v>2012</v>
          </cell>
          <cell r="AU5340">
            <v>8</v>
          </cell>
        </row>
        <row r="5341">
          <cell r="C5341">
            <v>0.99329999999999996</v>
          </cell>
          <cell r="AT5341">
            <v>2012</v>
          </cell>
          <cell r="AU5341">
            <v>8</v>
          </cell>
        </row>
        <row r="5342">
          <cell r="C5342">
            <v>0.99139999999999995</v>
          </cell>
          <cell r="AT5342">
            <v>2012</v>
          </cell>
          <cell r="AU5342">
            <v>8</v>
          </cell>
        </row>
        <row r="5343">
          <cell r="C5343">
            <v>0.98909999999999998</v>
          </cell>
          <cell r="AT5343">
            <v>2012</v>
          </cell>
          <cell r="AU5343">
            <v>8</v>
          </cell>
        </row>
        <row r="5344">
          <cell r="C5344">
            <v>0.98809999999999998</v>
          </cell>
          <cell r="AT5344">
            <v>2012</v>
          </cell>
          <cell r="AU5344">
            <v>8</v>
          </cell>
        </row>
        <row r="5345">
          <cell r="C5345">
            <v>0.98850000000000005</v>
          </cell>
          <cell r="AT5345">
            <v>2012</v>
          </cell>
          <cell r="AU5345">
            <v>8</v>
          </cell>
        </row>
        <row r="5346">
          <cell r="C5346">
            <v>0.98850000000000005</v>
          </cell>
          <cell r="AT5346">
            <v>2012</v>
          </cell>
          <cell r="AU5346">
            <v>8</v>
          </cell>
        </row>
        <row r="5347">
          <cell r="C5347">
            <v>0.98850000000000005</v>
          </cell>
          <cell r="AT5347">
            <v>2012</v>
          </cell>
          <cell r="AU5347">
            <v>8</v>
          </cell>
        </row>
        <row r="5348">
          <cell r="C5348">
            <v>0.98899999999999999</v>
          </cell>
          <cell r="AT5348">
            <v>2012</v>
          </cell>
          <cell r="AU5348">
            <v>8</v>
          </cell>
        </row>
        <row r="5349">
          <cell r="C5349">
            <v>0.98640000000000005</v>
          </cell>
          <cell r="AT5349">
            <v>2012</v>
          </cell>
          <cell r="AU5349">
            <v>8</v>
          </cell>
        </row>
        <row r="5350">
          <cell r="C5350">
            <v>0.9929</v>
          </cell>
          <cell r="AT5350">
            <v>2012</v>
          </cell>
          <cell r="AU5350">
            <v>8</v>
          </cell>
        </row>
        <row r="5351">
          <cell r="C5351">
            <v>0.99280000000000002</v>
          </cell>
          <cell r="AT5351">
            <v>2012</v>
          </cell>
          <cell r="AU5351">
            <v>8</v>
          </cell>
        </row>
        <row r="5352">
          <cell r="C5352">
            <v>0.99199999999999999</v>
          </cell>
          <cell r="AT5352">
            <v>2012</v>
          </cell>
          <cell r="AU5352">
            <v>8</v>
          </cell>
        </row>
        <row r="5353">
          <cell r="C5353">
            <v>0.99199999999999999</v>
          </cell>
          <cell r="AT5353">
            <v>2012</v>
          </cell>
          <cell r="AU5353">
            <v>8</v>
          </cell>
        </row>
        <row r="5354">
          <cell r="C5354">
            <v>0.99199999999999999</v>
          </cell>
          <cell r="AT5354">
            <v>2012</v>
          </cell>
          <cell r="AU5354">
            <v>8</v>
          </cell>
        </row>
        <row r="5355">
          <cell r="C5355">
            <v>0.98919999999999997</v>
          </cell>
          <cell r="AT5355">
            <v>2012</v>
          </cell>
          <cell r="AU5355">
            <v>8</v>
          </cell>
        </row>
        <row r="5356">
          <cell r="C5356">
            <v>0.98640000000000005</v>
          </cell>
          <cell r="AT5356">
            <v>2012</v>
          </cell>
          <cell r="AU5356">
            <v>8</v>
          </cell>
        </row>
        <row r="5357">
          <cell r="C5357">
            <v>0.98750000000000004</v>
          </cell>
          <cell r="AT5357">
            <v>2012</v>
          </cell>
          <cell r="AU5357">
            <v>8</v>
          </cell>
        </row>
        <row r="5358">
          <cell r="C5358">
            <v>0.99260000000000004</v>
          </cell>
          <cell r="AT5358">
            <v>2012</v>
          </cell>
          <cell r="AU5358">
            <v>8</v>
          </cell>
        </row>
        <row r="5359">
          <cell r="C5359">
            <v>0.98629999999999995</v>
          </cell>
          <cell r="AT5359">
            <v>2012</v>
          </cell>
          <cell r="AU5359">
            <v>9</v>
          </cell>
        </row>
        <row r="5360">
          <cell r="C5360">
            <v>0.98629999999999995</v>
          </cell>
          <cell r="AT5360">
            <v>2012</v>
          </cell>
          <cell r="AU5360">
            <v>9</v>
          </cell>
        </row>
        <row r="5361">
          <cell r="C5361">
            <v>0.98629999999999995</v>
          </cell>
          <cell r="AT5361">
            <v>2012</v>
          </cell>
          <cell r="AU5361">
            <v>9</v>
          </cell>
        </row>
        <row r="5362">
          <cell r="C5362">
            <v>0.98629999999999995</v>
          </cell>
          <cell r="AT5362">
            <v>2012</v>
          </cell>
          <cell r="AU5362">
            <v>9</v>
          </cell>
        </row>
        <row r="5363">
          <cell r="C5363">
            <v>0.98629999999999995</v>
          </cell>
          <cell r="AT5363">
            <v>2012</v>
          </cell>
          <cell r="AU5363">
            <v>9</v>
          </cell>
        </row>
        <row r="5364">
          <cell r="C5364">
            <v>0.99019999999999997</v>
          </cell>
          <cell r="AT5364">
            <v>2012</v>
          </cell>
          <cell r="AU5364">
            <v>9</v>
          </cell>
        </row>
        <row r="5365">
          <cell r="C5365">
            <v>0.98250000000000004</v>
          </cell>
          <cell r="AT5365">
            <v>2012</v>
          </cell>
          <cell r="AU5365">
            <v>9</v>
          </cell>
        </row>
        <row r="5366">
          <cell r="C5366">
            <v>0.9778</v>
          </cell>
          <cell r="AT5366">
            <v>2012</v>
          </cell>
          <cell r="AU5366">
            <v>9</v>
          </cell>
        </row>
        <row r="5367">
          <cell r="C5367">
            <v>0.9778</v>
          </cell>
          <cell r="AT5367">
            <v>2012</v>
          </cell>
          <cell r="AU5367">
            <v>9</v>
          </cell>
        </row>
        <row r="5368">
          <cell r="C5368">
            <v>0.9778</v>
          </cell>
          <cell r="AT5368">
            <v>2012</v>
          </cell>
          <cell r="AU5368">
            <v>9</v>
          </cell>
        </row>
        <row r="5369">
          <cell r="C5369">
            <v>0.97619999999999996</v>
          </cell>
          <cell r="AT5369">
            <v>2012</v>
          </cell>
          <cell r="AU5369">
            <v>9</v>
          </cell>
        </row>
        <row r="5370">
          <cell r="C5370">
            <v>0.97240000000000004</v>
          </cell>
          <cell r="AT5370">
            <v>2012</v>
          </cell>
          <cell r="AU5370">
            <v>9</v>
          </cell>
        </row>
        <row r="5371">
          <cell r="C5371">
            <v>0.97570000000000001</v>
          </cell>
          <cell r="AT5371">
            <v>2012</v>
          </cell>
          <cell r="AU5371">
            <v>9</v>
          </cell>
        </row>
        <row r="5372">
          <cell r="C5372">
            <v>0.97529999999999994</v>
          </cell>
          <cell r="AT5372">
            <v>2012</v>
          </cell>
          <cell r="AU5372">
            <v>9</v>
          </cell>
        </row>
        <row r="5373">
          <cell r="C5373">
            <v>0.97099999999999997</v>
          </cell>
          <cell r="AT5373">
            <v>2012</v>
          </cell>
          <cell r="AU5373">
            <v>9</v>
          </cell>
        </row>
        <row r="5374">
          <cell r="C5374">
            <v>0.97099999999999997</v>
          </cell>
          <cell r="AT5374">
            <v>2012</v>
          </cell>
          <cell r="AU5374">
            <v>9</v>
          </cell>
        </row>
        <row r="5375">
          <cell r="C5375">
            <v>0.97099999999999997</v>
          </cell>
          <cell r="AT5375">
            <v>2012</v>
          </cell>
          <cell r="AU5375">
            <v>9</v>
          </cell>
        </row>
        <row r="5376">
          <cell r="C5376">
            <v>0.97230000000000005</v>
          </cell>
          <cell r="AT5376">
            <v>2012</v>
          </cell>
          <cell r="AU5376">
            <v>9</v>
          </cell>
        </row>
        <row r="5377">
          <cell r="C5377">
            <v>0.97419999999999995</v>
          </cell>
          <cell r="AT5377">
            <v>2012</v>
          </cell>
          <cell r="AU5377">
            <v>9</v>
          </cell>
        </row>
        <row r="5378">
          <cell r="C5378">
            <v>0.97450000000000003</v>
          </cell>
          <cell r="AT5378">
            <v>2012</v>
          </cell>
          <cell r="AU5378">
            <v>9</v>
          </cell>
        </row>
        <row r="5379">
          <cell r="C5379">
            <v>0.97740000000000005</v>
          </cell>
          <cell r="AT5379">
            <v>2012</v>
          </cell>
          <cell r="AU5379">
            <v>9</v>
          </cell>
        </row>
        <row r="5380">
          <cell r="C5380">
            <v>0.97540000000000004</v>
          </cell>
          <cell r="AT5380">
            <v>2012</v>
          </cell>
          <cell r="AU5380">
            <v>9</v>
          </cell>
        </row>
        <row r="5381">
          <cell r="C5381">
            <v>0.97540000000000004</v>
          </cell>
          <cell r="AT5381">
            <v>2012</v>
          </cell>
          <cell r="AU5381">
            <v>9</v>
          </cell>
        </row>
        <row r="5382">
          <cell r="C5382">
            <v>0.97540000000000004</v>
          </cell>
          <cell r="AT5382">
            <v>2012</v>
          </cell>
          <cell r="AU5382">
            <v>9</v>
          </cell>
        </row>
        <row r="5383">
          <cell r="C5383">
            <v>0.98009999999999997</v>
          </cell>
          <cell r="AT5383">
            <v>2012</v>
          </cell>
          <cell r="AU5383">
            <v>9</v>
          </cell>
        </row>
        <row r="5384">
          <cell r="C5384">
            <v>0.97699999999999998</v>
          </cell>
          <cell r="AT5384">
            <v>2012</v>
          </cell>
          <cell r="AU5384">
            <v>9</v>
          </cell>
        </row>
        <row r="5385">
          <cell r="C5385">
            <v>0.98419999999999996</v>
          </cell>
          <cell r="AT5385">
            <v>2012</v>
          </cell>
          <cell r="AU5385">
            <v>9</v>
          </cell>
        </row>
        <row r="5386">
          <cell r="C5386">
            <v>0.98140000000000005</v>
          </cell>
          <cell r="AT5386">
            <v>2012</v>
          </cell>
          <cell r="AU5386">
            <v>9</v>
          </cell>
        </row>
        <row r="5387">
          <cell r="C5387">
            <v>0.98370000000000002</v>
          </cell>
          <cell r="AT5387">
            <v>2012</v>
          </cell>
          <cell r="AU5387">
            <v>9</v>
          </cell>
        </row>
        <row r="5388">
          <cell r="C5388">
            <v>0.98370000000000002</v>
          </cell>
          <cell r="AT5388">
            <v>2012</v>
          </cell>
          <cell r="AU5388">
            <v>9</v>
          </cell>
        </row>
        <row r="5389">
          <cell r="C5389">
            <v>0.98370000000000002</v>
          </cell>
          <cell r="AT5389">
            <v>2012</v>
          </cell>
          <cell r="AU5389">
            <v>10</v>
          </cell>
        </row>
        <row r="5390">
          <cell r="C5390">
            <v>0.98270000000000002</v>
          </cell>
          <cell r="AT5390">
            <v>2012</v>
          </cell>
          <cell r="AU5390">
            <v>10</v>
          </cell>
        </row>
        <row r="5391">
          <cell r="C5391">
            <v>0.9829</v>
          </cell>
          <cell r="AT5391">
            <v>2012</v>
          </cell>
          <cell r="AU5391">
            <v>10</v>
          </cell>
        </row>
        <row r="5392">
          <cell r="C5392">
            <v>0.98699999999999999</v>
          </cell>
          <cell r="AT5392">
            <v>2012</v>
          </cell>
          <cell r="AU5392">
            <v>10</v>
          </cell>
        </row>
        <row r="5393">
          <cell r="C5393">
            <v>0.98219999999999996</v>
          </cell>
          <cell r="AT5393">
            <v>2012</v>
          </cell>
          <cell r="AU5393">
            <v>10</v>
          </cell>
        </row>
        <row r="5394">
          <cell r="C5394">
            <v>0.97629999999999995</v>
          </cell>
          <cell r="AT5394">
            <v>2012</v>
          </cell>
          <cell r="AU5394">
            <v>10</v>
          </cell>
        </row>
        <row r="5395">
          <cell r="C5395">
            <v>0.97629999999999995</v>
          </cell>
          <cell r="AT5395">
            <v>2012</v>
          </cell>
          <cell r="AU5395">
            <v>10</v>
          </cell>
        </row>
        <row r="5396">
          <cell r="C5396">
            <v>0.97629999999999995</v>
          </cell>
          <cell r="AT5396">
            <v>2012</v>
          </cell>
          <cell r="AU5396">
            <v>10</v>
          </cell>
        </row>
        <row r="5397">
          <cell r="C5397">
            <v>0.97629999999999995</v>
          </cell>
          <cell r="AT5397">
            <v>2012</v>
          </cell>
          <cell r="AU5397">
            <v>10</v>
          </cell>
        </row>
        <row r="5398">
          <cell r="C5398">
            <v>0.9788</v>
          </cell>
          <cell r="AT5398">
            <v>2012</v>
          </cell>
          <cell r="AU5398">
            <v>10</v>
          </cell>
        </row>
        <row r="5399">
          <cell r="C5399">
            <v>0.97870000000000001</v>
          </cell>
          <cell r="AT5399">
            <v>2012</v>
          </cell>
          <cell r="AU5399">
            <v>10</v>
          </cell>
        </row>
        <row r="5400">
          <cell r="C5400">
            <v>0.97819999999999996</v>
          </cell>
          <cell r="AT5400">
            <v>2012</v>
          </cell>
          <cell r="AU5400">
            <v>10</v>
          </cell>
        </row>
        <row r="5401">
          <cell r="C5401">
            <v>0.97989999999999999</v>
          </cell>
          <cell r="AT5401">
            <v>2012</v>
          </cell>
          <cell r="AU5401">
            <v>10</v>
          </cell>
        </row>
        <row r="5402">
          <cell r="C5402">
            <v>0.97989999999999999</v>
          </cell>
          <cell r="AT5402">
            <v>2012</v>
          </cell>
          <cell r="AU5402">
            <v>10</v>
          </cell>
        </row>
        <row r="5403">
          <cell r="C5403">
            <v>0.97989999999999999</v>
          </cell>
          <cell r="AT5403">
            <v>2012</v>
          </cell>
          <cell r="AU5403">
            <v>10</v>
          </cell>
        </row>
        <row r="5404">
          <cell r="C5404">
            <v>0.97840000000000005</v>
          </cell>
          <cell r="AT5404">
            <v>2012</v>
          </cell>
          <cell r="AU5404">
            <v>10</v>
          </cell>
        </row>
        <row r="5405">
          <cell r="C5405">
            <v>0.98540000000000005</v>
          </cell>
          <cell r="AT5405">
            <v>2012</v>
          </cell>
          <cell r="AU5405">
            <v>10</v>
          </cell>
        </row>
        <row r="5406">
          <cell r="C5406">
            <v>0.97960000000000003</v>
          </cell>
          <cell r="AT5406">
            <v>2012</v>
          </cell>
          <cell r="AU5406">
            <v>10</v>
          </cell>
        </row>
        <row r="5407">
          <cell r="C5407">
            <v>0.98080000000000001</v>
          </cell>
          <cell r="AT5407">
            <v>2012</v>
          </cell>
          <cell r="AU5407">
            <v>10</v>
          </cell>
        </row>
        <row r="5408">
          <cell r="C5408">
            <v>0.99319999999999997</v>
          </cell>
          <cell r="AT5408">
            <v>2012</v>
          </cell>
          <cell r="AU5408">
            <v>10</v>
          </cell>
        </row>
        <row r="5409">
          <cell r="C5409">
            <v>0.99319999999999997</v>
          </cell>
          <cell r="AT5409">
            <v>2012</v>
          </cell>
          <cell r="AU5409">
            <v>10</v>
          </cell>
        </row>
        <row r="5410">
          <cell r="C5410">
            <v>0.99319999999999997</v>
          </cell>
          <cell r="AT5410">
            <v>2012</v>
          </cell>
          <cell r="AU5410">
            <v>10</v>
          </cell>
        </row>
        <row r="5411">
          <cell r="C5411">
            <v>0.99380000000000002</v>
          </cell>
          <cell r="AT5411">
            <v>2012</v>
          </cell>
          <cell r="AU5411">
            <v>10</v>
          </cell>
        </row>
        <row r="5412">
          <cell r="C5412">
            <v>0.99339999999999995</v>
          </cell>
          <cell r="AT5412">
            <v>2012</v>
          </cell>
          <cell r="AU5412">
            <v>10</v>
          </cell>
        </row>
        <row r="5413">
          <cell r="C5413">
            <v>0.99460000000000004</v>
          </cell>
          <cell r="AT5413">
            <v>2012</v>
          </cell>
          <cell r="AU5413">
            <v>10</v>
          </cell>
        </row>
        <row r="5414">
          <cell r="C5414">
            <v>0.99419999999999997</v>
          </cell>
          <cell r="AT5414">
            <v>2012</v>
          </cell>
          <cell r="AU5414">
            <v>10</v>
          </cell>
        </row>
        <row r="5415">
          <cell r="C5415">
            <v>0.999</v>
          </cell>
          <cell r="AT5415">
            <v>2012</v>
          </cell>
          <cell r="AU5415">
            <v>10</v>
          </cell>
        </row>
        <row r="5416">
          <cell r="C5416">
            <v>0.999</v>
          </cell>
          <cell r="AT5416">
            <v>2012</v>
          </cell>
          <cell r="AU5416">
            <v>10</v>
          </cell>
        </row>
        <row r="5417">
          <cell r="C5417">
            <v>0.999</v>
          </cell>
          <cell r="AT5417">
            <v>2012</v>
          </cell>
          <cell r="AU5417">
            <v>10</v>
          </cell>
        </row>
        <row r="5418">
          <cell r="C5418">
            <v>1.0004</v>
          </cell>
          <cell r="AT5418">
            <v>2012</v>
          </cell>
          <cell r="AU5418">
            <v>10</v>
          </cell>
        </row>
        <row r="5419">
          <cell r="C5419">
            <v>0.99939999999999996</v>
          </cell>
          <cell r="AT5419">
            <v>2012</v>
          </cell>
          <cell r="AU5419">
            <v>10</v>
          </cell>
        </row>
        <row r="5420">
          <cell r="C5420">
            <v>0.99960000000000004</v>
          </cell>
          <cell r="AT5420">
            <v>2012</v>
          </cell>
          <cell r="AU5420">
            <v>11</v>
          </cell>
        </row>
        <row r="5421">
          <cell r="C5421">
            <v>0.99729999999999996</v>
          </cell>
          <cell r="AT5421">
            <v>2012</v>
          </cell>
          <cell r="AU5421">
            <v>11</v>
          </cell>
        </row>
        <row r="5422">
          <cell r="C5422">
            <v>0.99639999999999995</v>
          </cell>
          <cell r="AT5422">
            <v>2012</v>
          </cell>
          <cell r="AU5422">
            <v>11</v>
          </cell>
        </row>
        <row r="5423">
          <cell r="C5423">
            <v>0.99639999999999995</v>
          </cell>
          <cell r="AT5423">
            <v>2012</v>
          </cell>
          <cell r="AU5423">
            <v>11</v>
          </cell>
        </row>
        <row r="5424">
          <cell r="C5424">
            <v>0.99639999999999995</v>
          </cell>
          <cell r="AT5424">
            <v>2012</v>
          </cell>
          <cell r="AU5424">
            <v>11</v>
          </cell>
        </row>
        <row r="5425">
          <cell r="C5425">
            <v>0.99650000000000005</v>
          </cell>
          <cell r="AT5425">
            <v>2012</v>
          </cell>
          <cell r="AU5425">
            <v>11</v>
          </cell>
        </row>
        <row r="5426">
          <cell r="C5426">
            <v>0.99360000000000004</v>
          </cell>
          <cell r="AT5426">
            <v>2012</v>
          </cell>
          <cell r="AU5426">
            <v>11</v>
          </cell>
        </row>
        <row r="5427">
          <cell r="C5427">
            <v>0.99719999999999998</v>
          </cell>
          <cell r="AT5427">
            <v>2012</v>
          </cell>
          <cell r="AU5427">
            <v>11</v>
          </cell>
        </row>
        <row r="5428">
          <cell r="C5428">
            <v>0.99860000000000004</v>
          </cell>
          <cell r="AT5428">
            <v>2012</v>
          </cell>
          <cell r="AU5428">
            <v>11</v>
          </cell>
        </row>
        <row r="5429">
          <cell r="C5429">
            <v>1.0005999999999999</v>
          </cell>
          <cell r="AT5429">
            <v>2012</v>
          </cell>
          <cell r="AU5429">
            <v>11</v>
          </cell>
        </row>
        <row r="5430">
          <cell r="C5430">
            <v>1.0005999999999999</v>
          </cell>
          <cell r="AT5430">
            <v>2012</v>
          </cell>
          <cell r="AU5430">
            <v>11</v>
          </cell>
        </row>
        <row r="5431">
          <cell r="C5431">
            <v>1.0005999999999999</v>
          </cell>
          <cell r="AT5431">
            <v>2012</v>
          </cell>
          <cell r="AU5431">
            <v>11</v>
          </cell>
        </row>
        <row r="5432">
          <cell r="C5432">
            <v>1.0005999999999999</v>
          </cell>
          <cell r="AT5432">
            <v>2012</v>
          </cell>
          <cell r="AU5432">
            <v>11</v>
          </cell>
        </row>
        <row r="5433">
          <cell r="C5433">
            <v>1.0016</v>
          </cell>
          <cell r="AT5433">
            <v>2012</v>
          </cell>
          <cell r="AU5433">
            <v>11</v>
          </cell>
        </row>
        <row r="5434">
          <cell r="C5434">
            <v>1.0018</v>
          </cell>
          <cell r="AT5434">
            <v>2012</v>
          </cell>
          <cell r="AU5434">
            <v>11</v>
          </cell>
        </row>
        <row r="5435">
          <cell r="C5435">
            <v>1.0024999999999999</v>
          </cell>
          <cell r="AT5435">
            <v>2012</v>
          </cell>
          <cell r="AU5435">
            <v>11</v>
          </cell>
        </row>
        <row r="5436">
          <cell r="C5436">
            <v>1.0027999999999999</v>
          </cell>
          <cell r="AT5436">
            <v>2012</v>
          </cell>
          <cell r="AU5436">
            <v>11</v>
          </cell>
        </row>
        <row r="5437">
          <cell r="C5437">
            <v>1.0027999999999999</v>
          </cell>
          <cell r="AT5437">
            <v>2012</v>
          </cell>
          <cell r="AU5437">
            <v>11</v>
          </cell>
        </row>
        <row r="5438">
          <cell r="C5438">
            <v>1.0027999999999999</v>
          </cell>
          <cell r="AT5438">
            <v>2012</v>
          </cell>
          <cell r="AU5438">
            <v>11</v>
          </cell>
        </row>
        <row r="5439">
          <cell r="C5439">
            <v>0.99639999999999995</v>
          </cell>
          <cell r="AT5439">
            <v>2012</v>
          </cell>
          <cell r="AU5439">
            <v>11</v>
          </cell>
        </row>
        <row r="5440">
          <cell r="C5440">
            <v>0.997</v>
          </cell>
          <cell r="AT5440">
            <v>2012</v>
          </cell>
          <cell r="AU5440">
            <v>11</v>
          </cell>
        </row>
        <row r="5441">
          <cell r="C5441">
            <v>0.998</v>
          </cell>
          <cell r="AT5441">
            <v>2012</v>
          </cell>
          <cell r="AU5441">
            <v>11</v>
          </cell>
        </row>
        <row r="5442">
          <cell r="C5442">
            <v>0.998</v>
          </cell>
          <cell r="AT5442">
            <v>2012</v>
          </cell>
          <cell r="AU5442">
            <v>11</v>
          </cell>
        </row>
        <row r="5443">
          <cell r="C5443">
            <v>0.998</v>
          </cell>
          <cell r="AT5443">
            <v>2012</v>
          </cell>
          <cell r="AU5443">
            <v>11</v>
          </cell>
        </row>
        <row r="5444">
          <cell r="C5444">
            <v>0.998</v>
          </cell>
          <cell r="AT5444">
            <v>2012</v>
          </cell>
          <cell r="AU5444">
            <v>11</v>
          </cell>
        </row>
        <row r="5445">
          <cell r="C5445">
            <v>0.998</v>
          </cell>
          <cell r="AT5445">
            <v>2012</v>
          </cell>
          <cell r="AU5445">
            <v>11</v>
          </cell>
        </row>
        <row r="5446">
          <cell r="C5446">
            <v>0.99490000000000001</v>
          </cell>
          <cell r="AT5446">
            <v>2012</v>
          </cell>
          <cell r="AU5446">
            <v>11</v>
          </cell>
        </row>
        <row r="5447">
          <cell r="C5447">
            <v>0.99360000000000004</v>
          </cell>
          <cell r="AT5447">
            <v>2012</v>
          </cell>
          <cell r="AU5447">
            <v>11</v>
          </cell>
        </row>
        <row r="5448">
          <cell r="C5448">
            <v>0.9929</v>
          </cell>
          <cell r="AT5448">
            <v>2012</v>
          </cell>
          <cell r="AU5448">
            <v>11</v>
          </cell>
        </row>
        <row r="5449">
          <cell r="C5449">
            <v>0.99299999999999999</v>
          </cell>
          <cell r="AT5449">
            <v>2012</v>
          </cell>
          <cell r="AU5449">
            <v>11</v>
          </cell>
        </row>
        <row r="5450">
          <cell r="C5450">
            <v>0.99319999999999997</v>
          </cell>
          <cell r="AT5450">
            <v>2012</v>
          </cell>
          <cell r="AU5450">
            <v>12</v>
          </cell>
        </row>
        <row r="5451">
          <cell r="C5451">
            <v>0.99319999999999997</v>
          </cell>
          <cell r="AT5451">
            <v>2012</v>
          </cell>
          <cell r="AU5451">
            <v>12</v>
          </cell>
        </row>
        <row r="5452">
          <cell r="C5452">
            <v>0.99319999999999997</v>
          </cell>
          <cell r="AT5452">
            <v>2012</v>
          </cell>
          <cell r="AU5452">
            <v>12</v>
          </cell>
        </row>
        <row r="5453">
          <cell r="C5453">
            <v>0.99280000000000002</v>
          </cell>
          <cell r="AT5453">
            <v>2012</v>
          </cell>
          <cell r="AU5453">
            <v>12</v>
          </cell>
        </row>
        <row r="5454">
          <cell r="C5454">
            <v>0.99270000000000003</v>
          </cell>
          <cell r="AT5454">
            <v>2012</v>
          </cell>
          <cell r="AU5454">
            <v>12</v>
          </cell>
        </row>
        <row r="5455">
          <cell r="C5455">
            <v>0.99119999999999997</v>
          </cell>
          <cell r="AT5455">
            <v>2012</v>
          </cell>
          <cell r="AU5455">
            <v>12</v>
          </cell>
        </row>
        <row r="5456">
          <cell r="C5456">
            <v>0.99099999999999999</v>
          </cell>
          <cell r="AT5456">
            <v>2012</v>
          </cell>
          <cell r="AU5456">
            <v>12</v>
          </cell>
        </row>
        <row r="5457">
          <cell r="C5457">
            <v>0.98899999999999999</v>
          </cell>
          <cell r="AT5457">
            <v>2012</v>
          </cell>
          <cell r="AU5457">
            <v>12</v>
          </cell>
        </row>
        <row r="5458">
          <cell r="C5458">
            <v>0.98899999999999999</v>
          </cell>
          <cell r="AT5458">
            <v>2012</v>
          </cell>
          <cell r="AU5458">
            <v>12</v>
          </cell>
        </row>
        <row r="5459">
          <cell r="C5459">
            <v>0.98899999999999999</v>
          </cell>
          <cell r="AT5459">
            <v>2012</v>
          </cell>
          <cell r="AU5459">
            <v>12</v>
          </cell>
        </row>
        <row r="5460">
          <cell r="C5460">
            <v>0.98719999999999997</v>
          </cell>
          <cell r="AT5460">
            <v>2012</v>
          </cell>
          <cell r="AU5460">
            <v>12</v>
          </cell>
        </row>
        <row r="5461">
          <cell r="C5461">
            <v>0.98670000000000002</v>
          </cell>
          <cell r="AT5461">
            <v>2012</v>
          </cell>
          <cell r="AU5461">
            <v>12</v>
          </cell>
        </row>
        <row r="5462">
          <cell r="C5462">
            <v>0.98540000000000005</v>
          </cell>
          <cell r="AT5462">
            <v>2012</v>
          </cell>
          <cell r="AU5462">
            <v>12</v>
          </cell>
        </row>
        <row r="5463">
          <cell r="C5463">
            <v>0.98470000000000002</v>
          </cell>
          <cell r="AT5463">
            <v>2012</v>
          </cell>
          <cell r="AU5463">
            <v>12</v>
          </cell>
        </row>
        <row r="5464">
          <cell r="C5464">
            <v>0.98599999999999999</v>
          </cell>
          <cell r="AT5464">
            <v>2012</v>
          </cell>
          <cell r="AU5464">
            <v>12</v>
          </cell>
        </row>
        <row r="5465">
          <cell r="C5465">
            <v>0.98599999999999999</v>
          </cell>
          <cell r="AT5465">
            <v>2012</v>
          </cell>
          <cell r="AU5465">
            <v>12</v>
          </cell>
        </row>
        <row r="5466">
          <cell r="C5466">
            <v>0.98599999999999999</v>
          </cell>
          <cell r="AT5466">
            <v>2012</v>
          </cell>
          <cell r="AU5466">
            <v>12</v>
          </cell>
        </row>
        <row r="5467">
          <cell r="C5467">
            <v>0.98409999999999997</v>
          </cell>
          <cell r="AT5467">
            <v>2012</v>
          </cell>
          <cell r="AU5467">
            <v>12</v>
          </cell>
        </row>
        <row r="5468">
          <cell r="C5468">
            <v>0.98540000000000005</v>
          </cell>
          <cell r="AT5468">
            <v>2012</v>
          </cell>
          <cell r="AU5468">
            <v>12</v>
          </cell>
        </row>
        <row r="5469">
          <cell r="C5469">
            <v>0.98680000000000001</v>
          </cell>
          <cell r="AT5469">
            <v>2012</v>
          </cell>
          <cell r="AU5469">
            <v>12</v>
          </cell>
        </row>
        <row r="5470">
          <cell r="C5470">
            <v>0.98829999999999996</v>
          </cell>
          <cell r="AT5470">
            <v>2012</v>
          </cell>
          <cell r="AU5470">
            <v>12</v>
          </cell>
        </row>
        <row r="5471">
          <cell r="C5471">
            <v>0.99419999999999997</v>
          </cell>
          <cell r="AT5471">
            <v>2012</v>
          </cell>
          <cell r="AU5471">
            <v>12</v>
          </cell>
        </row>
        <row r="5472">
          <cell r="C5472">
            <v>0.99419999999999997</v>
          </cell>
          <cell r="AT5472">
            <v>2012</v>
          </cell>
          <cell r="AU5472">
            <v>12</v>
          </cell>
        </row>
        <row r="5473">
          <cell r="C5473">
            <v>0.99419999999999997</v>
          </cell>
          <cell r="AT5473">
            <v>2012</v>
          </cell>
          <cell r="AU5473">
            <v>12</v>
          </cell>
        </row>
        <row r="5474">
          <cell r="C5474">
            <v>0.99129999999999996</v>
          </cell>
          <cell r="AT5474">
            <v>2012</v>
          </cell>
          <cell r="AU5474">
            <v>12</v>
          </cell>
        </row>
        <row r="5475">
          <cell r="C5475">
            <v>0.99129999999999996</v>
          </cell>
          <cell r="AT5475">
            <v>2012</v>
          </cell>
          <cell r="AU5475">
            <v>12</v>
          </cell>
        </row>
        <row r="5476">
          <cell r="C5476">
            <v>0.99129999999999996</v>
          </cell>
          <cell r="AT5476">
            <v>2012</v>
          </cell>
          <cell r="AU5476">
            <v>12</v>
          </cell>
        </row>
        <row r="5477">
          <cell r="C5477">
            <v>0.99490000000000001</v>
          </cell>
          <cell r="AT5477">
            <v>2012</v>
          </cell>
          <cell r="AU5477">
            <v>12</v>
          </cell>
        </row>
        <row r="5478">
          <cell r="C5478">
            <v>0.99519999999999997</v>
          </cell>
          <cell r="AT5478">
            <v>2012</v>
          </cell>
          <cell r="AU5478">
            <v>12</v>
          </cell>
        </row>
        <row r="5479">
          <cell r="C5479">
            <v>0.99519999999999997</v>
          </cell>
          <cell r="AT5479">
            <v>2012</v>
          </cell>
          <cell r="AU5479">
            <v>12</v>
          </cell>
        </row>
        <row r="5480">
          <cell r="C5480">
            <v>0.99519999999999997</v>
          </cell>
          <cell r="AT5480">
            <v>2012</v>
          </cell>
          <cell r="AU5480">
            <v>12</v>
          </cell>
        </row>
        <row r="5481">
          <cell r="C5481">
            <v>0.99490000000000001</v>
          </cell>
          <cell r="AT5481">
            <v>2013</v>
          </cell>
          <cell r="AU5481">
            <v>1</v>
          </cell>
        </row>
        <row r="5482">
          <cell r="C5482">
            <v>0.99490000000000001</v>
          </cell>
          <cell r="AT5482">
            <v>2013</v>
          </cell>
          <cell r="AU5482">
            <v>1</v>
          </cell>
        </row>
        <row r="5483">
          <cell r="C5483">
            <v>0.9859</v>
          </cell>
          <cell r="AT5483">
            <v>2013</v>
          </cell>
          <cell r="AU5483">
            <v>1</v>
          </cell>
        </row>
        <row r="5484">
          <cell r="C5484">
            <v>0.98529999999999995</v>
          </cell>
          <cell r="AT5484">
            <v>2013</v>
          </cell>
          <cell r="AU5484">
            <v>1</v>
          </cell>
        </row>
        <row r="5485">
          <cell r="C5485">
            <v>0.98560000000000003</v>
          </cell>
          <cell r="AT5485">
            <v>2013</v>
          </cell>
          <cell r="AU5485">
            <v>1</v>
          </cell>
        </row>
        <row r="5486">
          <cell r="C5486">
            <v>0.98560000000000003</v>
          </cell>
          <cell r="AT5486">
            <v>2013</v>
          </cell>
          <cell r="AU5486">
            <v>1</v>
          </cell>
        </row>
        <row r="5487">
          <cell r="C5487">
            <v>0.98560000000000003</v>
          </cell>
          <cell r="AT5487">
            <v>2013</v>
          </cell>
          <cell r="AU5487">
            <v>1</v>
          </cell>
        </row>
        <row r="5488">
          <cell r="C5488">
            <v>0.98599999999999999</v>
          </cell>
          <cell r="AT5488">
            <v>2013</v>
          </cell>
          <cell r="AU5488">
            <v>1</v>
          </cell>
        </row>
        <row r="5489">
          <cell r="C5489">
            <v>0.98729999999999996</v>
          </cell>
          <cell r="AT5489">
            <v>2013</v>
          </cell>
          <cell r="AU5489">
            <v>1</v>
          </cell>
        </row>
        <row r="5490">
          <cell r="C5490">
            <v>0.98680000000000001</v>
          </cell>
          <cell r="AT5490">
            <v>2013</v>
          </cell>
          <cell r="AU5490">
            <v>1</v>
          </cell>
        </row>
        <row r="5491">
          <cell r="C5491">
            <v>0.98599999999999999</v>
          </cell>
          <cell r="AT5491">
            <v>2013</v>
          </cell>
          <cell r="AU5491">
            <v>1</v>
          </cell>
        </row>
        <row r="5492">
          <cell r="C5492">
            <v>0.98409999999999997</v>
          </cell>
          <cell r="AT5492">
            <v>2013</v>
          </cell>
          <cell r="AU5492">
            <v>1</v>
          </cell>
        </row>
        <row r="5493">
          <cell r="C5493">
            <v>0.98409999999999997</v>
          </cell>
          <cell r="AT5493">
            <v>2013</v>
          </cell>
          <cell r="AU5493">
            <v>1</v>
          </cell>
        </row>
        <row r="5494">
          <cell r="C5494">
            <v>0.98409999999999997</v>
          </cell>
          <cell r="AT5494">
            <v>2013</v>
          </cell>
          <cell r="AU5494">
            <v>1</v>
          </cell>
        </row>
        <row r="5495">
          <cell r="C5495">
            <v>0.98399999999999999</v>
          </cell>
          <cell r="AT5495">
            <v>2013</v>
          </cell>
          <cell r="AU5495">
            <v>1</v>
          </cell>
        </row>
        <row r="5496">
          <cell r="C5496">
            <v>0.9839</v>
          </cell>
          <cell r="AT5496">
            <v>2013</v>
          </cell>
          <cell r="AU5496">
            <v>1</v>
          </cell>
        </row>
        <row r="5497">
          <cell r="C5497">
            <v>0.98499999999999999</v>
          </cell>
          <cell r="AT5497">
            <v>2013</v>
          </cell>
          <cell r="AU5497">
            <v>1</v>
          </cell>
        </row>
        <row r="5498">
          <cell r="C5498">
            <v>0.98529999999999995</v>
          </cell>
          <cell r="AT5498">
            <v>2013</v>
          </cell>
          <cell r="AU5498">
            <v>1</v>
          </cell>
        </row>
        <row r="5499">
          <cell r="C5499">
            <v>0.99370000000000003</v>
          </cell>
          <cell r="AT5499">
            <v>2013</v>
          </cell>
          <cell r="AU5499">
            <v>1</v>
          </cell>
        </row>
        <row r="5500">
          <cell r="C5500">
            <v>0.99370000000000003</v>
          </cell>
          <cell r="AT5500">
            <v>2013</v>
          </cell>
          <cell r="AU5500">
            <v>1</v>
          </cell>
        </row>
        <row r="5501">
          <cell r="C5501">
            <v>0.99370000000000003</v>
          </cell>
          <cell r="AT5501">
            <v>2013</v>
          </cell>
          <cell r="AU5501">
            <v>1</v>
          </cell>
        </row>
        <row r="5502">
          <cell r="C5502">
            <v>0.99370000000000003</v>
          </cell>
          <cell r="AT5502">
            <v>2013</v>
          </cell>
          <cell r="AU5502">
            <v>1</v>
          </cell>
        </row>
        <row r="5503">
          <cell r="C5503">
            <v>0.99339999999999995</v>
          </cell>
          <cell r="AT5503">
            <v>2013</v>
          </cell>
          <cell r="AU5503">
            <v>1</v>
          </cell>
        </row>
        <row r="5504">
          <cell r="C5504">
            <v>0.99860000000000004</v>
          </cell>
          <cell r="AT5504">
            <v>2013</v>
          </cell>
          <cell r="AU5504">
            <v>1</v>
          </cell>
        </row>
        <row r="5505">
          <cell r="C5505">
            <v>1.0025999999999999</v>
          </cell>
          <cell r="AT5505">
            <v>2013</v>
          </cell>
          <cell r="AU5505">
            <v>1</v>
          </cell>
        </row>
        <row r="5506">
          <cell r="C5506">
            <v>1.0078</v>
          </cell>
          <cell r="AT5506">
            <v>2013</v>
          </cell>
          <cell r="AU5506">
            <v>1</v>
          </cell>
        </row>
        <row r="5507">
          <cell r="C5507">
            <v>1.0078</v>
          </cell>
          <cell r="AT5507">
            <v>2013</v>
          </cell>
          <cell r="AU5507">
            <v>1</v>
          </cell>
        </row>
        <row r="5508">
          <cell r="C5508">
            <v>1.0078</v>
          </cell>
          <cell r="AT5508">
            <v>2013</v>
          </cell>
          <cell r="AU5508">
            <v>1</v>
          </cell>
        </row>
        <row r="5509">
          <cell r="C5509">
            <v>1.0068999999999999</v>
          </cell>
          <cell r="AT5509">
            <v>2013</v>
          </cell>
          <cell r="AU5509">
            <v>1</v>
          </cell>
        </row>
        <row r="5510">
          <cell r="C5510">
            <v>1.0028999999999999</v>
          </cell>
          <cell r="AT5510">
            <v>2013</v>
          </cell>
          <cell r="AU5510">
            <v>1</v>
          </cell>
        </row>
        <row r="5511">
          <cell r="C5511">
            <v>1.0033000000000001</v>
          </cell>
          <cell r="AT5511">
            <v>2013</v>
          </cell>
          <cell r="AU5511">
            <v>1</v>
          </cell>
        </row>
        <row r="5512">
          <cell r="C5512">
            <v>0.99919999999999998</v>
          </cell>
          <cell r="AT5512">
            <v>2013</v>
          </cell>
          <cell r="AU5512">
            <v>2</v>
          </cell>
        </row>
        <row r="5513">
          <cell r="C5513">
            <v>0.99870000000000003</v>
          </cell>
          <cell r="AT5513">
            <v>2013</v>
          </cell>
          <cell r="AU5513">
            <v>2</v>
          </cell>
        </row>
        <row r="5514">
          <cell r="C5514">
            <v>0.99870000000000003</v>
          </cell>
          <cell r="AT5514">
            <v>2013</v>
          </cell>
          <cell r="AU5514">
            <v>2</v>
          </cell>
        </row>
        <row r="5515">
          <cell r="C5515">
            <v>0.99870000000000003</v>
          </cell>
          <cell r="AT5515">
            <v>2013</v>
          </cell>
          <cell r="AU5515">
            <v>2</v>
          </cell>
        </row>
        <row r="5516">
          <cell r="C5516">
            <v>0.99770000000000003</v>
          </cell>
          <cell r="AT5516">
            <v>2013</v>
          </cell>
          <cell r="AU5516">
            <v>2</v>
          </cell>
        </row>
        <row r="5517">
          <cell r="C5517">
            <v>0.99719999999999998</v>
          </cell>
          <cell r="AT5517">
            <v>2013</v>
          </cell>
          <cell r="AU5517">
            <v>2</v>
          </cell>
        </row>
        <row r="5518">
          <cell r="C5518">
            <v>0.996</v>
          </cell>
          <cell r="AT5518">
            <v>2013</v>
          </cell>
          <cell r="AU5518">
            <v>2</v>
          </cell>
        </row>
        <row r="5519">
          <cell r="C5519">
            <v>0.99929999999999997</v>
          </cell>
          <cell r="AT5519">
            <v>2013</v>
          </cell>
          <cell r="AU5519">
            <v>2</v>
          </cell>
        </row>
        <row r="5520">
          <cell r="C5520">
            <v>1.002</v>
          </cell>
          <cell r="AT5520">
            <v>2013</v>
          </cell>
          <cell r="AU5520">
            <v>2</v>
          </cell>
        </row>
        <row r="5521">
          <cell r="C5521">
            <v>1.002</v>
          </cell>
          <cell r="AT5521">
            <v>2013</v>
          </cell>
          <cell r="AU5521">
            <v>2</v>
          </cell>
        </row>
        <row r="5522">
          <cell r="C5522">
            <v>1.002</v>
          </cell>
          <cell r="AT5522">
            <v>2013</v>
          </cell>
          <cell r="AU5522">
            <v>2</v>
          </cell>
        </row>
        <row r="5523">
          <cell r="C5523">
            <v>1.0065</v>
          </cell>
          <cell r="AT5523">
            <v>2013</v>
          </cell>
          <cell r="AU5523">
            <v>2</v>
          </cell>
        </row>
        <row r="5524">
          <cell r="C5524">
            <v>1.0028999999999999</v>
          </cell>
          <cell r="AT5524">
            <v>2013</v>
          </cell>
          <cell r="AU5524">
            <v>2</v>
          </cell>
        </row>
        <row r="5525">
          <cell r="C5525">
            <v>1.002</v>
          </cell>
          <cell r="AT5525">
            <v>2013</v>
          </cell>
          <cell r="AU5525">
            <v>2</v>
          </cell>
        </row>
        <row r="5526">
          <cell r="C5526">
            <v>1.0007999999999999</v>
          </cell>
          <cell r="AT5526">
            <v>2013</v>
          </cell>
          <cell r="AU5526">
            <v>2</v>
          </cell>
        </row>
        <row r="5527">
          <cell r="C5527">
            <v>1.0069999999999999</v>
          </cell>
          <cell r="AT5527">
            <v>2013</v>
          </cell>
          <cell r="AU5527">
            <v>2</v>
          </cell>
        </row>
        <row r="5528">
          <cell r="C5528">
            <v>1.0069999999999999</v>
          </cell>
          <cell r="AT5528">
            <v>2013</v>
          </cell>
          <cell r="AU5528">
            <v>2</v>
          </cell>
        </row>
        <row r="5529">
          <cell r="C5529">
            <v>1.0069999999999999</v>
          </cell>
          <cell r="AT5529">
            <v>2013</v>
          </cell>
          <cell r="AU5529">
            <v>2</v>
          </cell>
        </row>
        <row r="5530">
          <cell r="C5530">
            <v>1.0069999999999999</v>
          </cell>
          <cell r="AT5530">
            <v>2013</v>
          </cell>
          <cell r="AU5530">
            <v>2</v>
          </cell>
        </row>
        <row r="5531">
          <cell r="C5531">
            <v>1.0118</v>
          </cell>
          <cell r="AT5531">
            <v>2013</v>
          </cell>
          <cell r="AU5531">
            <v>2</v>
          </cell>
        </row>
        <row r="5532">
          <cell r="C5532">
            <v>1.0163</v>
          </cell>
          <cell r="AT5532">
            <v>2013</v>
          </cell>
          <cell r="AU5532">
            <v>2</v>
          </cell>
        </row>
        <row r="5533">
          <cell r="C5533">
            <v>1.0185</v>
          </cell>
          <cell r="AT5533">
            <v>2013</v>
          </cell>
          <cell r="AU5533">
            <v>2</v>
          </cell>
        </row>
        <row r="5534">
          <cell r="C5534">
            <v>1.0224</v>
          </cell>
          <cell r="AT5534">
            <v>2013</v>
          </cell>
          <cell r="AU5534">
            <v>2</v>
          </cell>
        </row>
        <row r="5535">
          <cell r="C5535">
            <v>1.0224</v>
          </cell>
          <cell r="AT5535">
            <v>2013</v>
          </cell>
          <cell r="AU5535">
            <v>2</v>
          </cell>
        </row>
        <row r="5536">
          <cell r="C5536">
            <v>1.0224</v>
          </cell>
          <cell r="AT5536">
            <v>2013</v>
          </cell>
          <cell r="AU5536">
            <v>2</v>
          </cell>
        </row>
        <row r="5537">
          <cell r="C5537">
            <v>1.0265</v>
          </cell>
          <cell r="AT5537">
            <v>2013</v>
          </cell>
          <cell r="AU5537">
            <v>2</v>
          </cell>
        </row>
        <row r="5538">
          <cell r="C5538">
            <v>1.028</v>
          </cell>
          <cell r="AT5538">
            <v>2013</v>
          </cell>
          <cell r="AU5538">
            <v>2</v>
          </cell>
        </row>
        <row r="5539">
          <cell r="C5539">
            <v>1.0249999999999999</v>
          </cell>
          <cell r="AT5539">
            <v>2013</v>
          </cell>
          <cell r="AU5539">
            <v>2</v>
          </cell>
        </row>
        <row r="5540">
          <cell r="C5540">
            <v>1.0285</v>
          </cell>
          <cell r="AT5540">
            <v>2013</v>
          </cell>
          <cell r="AU5540">
            <v>3</v>
          </cell>
        </row>
        <row r="5541">
          <cell r="C5541">
            <v>1.0285</v>
          </cell>
          <cell r="AT5541">
            <v>2013</v>
          </cell>
          <cell r="AU5541">
            <v>3</v>
          </cell>
        </row>
        <row r="5542">
          <cell r="C5542">
            <v>1.0285</v>
          </cell>
          <cell r="AT5542">
            <v>2013</v>
          </cell>
          <cell r="AU5542">
            <v>3</v>
          </cell>
        </row>
        <row r="5543">
          <cell r="C5543">
            <v>1.0285</v>
          </cell>
          <cell r="AT5543">
            <v>2013</v>
          </cell>
          <cell r="AU5543">
            <v>3</v>
          </cell>
        </row>
        <row r="5544">
          <cell r="C5544">
            <v>1.0298</v>
          </cell>
          <cell r="AT5544">
            <v>2013</v>
          </cell>
          <cell r="AU5544">
            <v>3</v>
          </cell>
        </row>
        <row r="5545">
          <cell r="C5545">
            <v>1.0289999999999999</v>
          </cell>
          <cell r="AT5545">
            <v>2013</v>
          </cell>
          <cell r="AU5545">
            <v>3</v>
          </cell>
        </row>
        <row r="5546">
          <cell r="C5546">
            <v>1.0314000000000001</v>
          </cell>
          <cell r="AT5546">
            <v>2013</v>
          </cell>
          <cell r="AU5546">
            <v>3</v>
          </cell>
        </row>
        <row r="5547">
          <cell r="C5547">
            <v>1.0302</v>
          </cell>
          <cell r="AT5547">
            <v>2013</v>
          </cell>
          <cell r="AU5547">
            <v>3</v>
          </cell>
        </row>
        <row r="5548">
          <cell r="C5548">
            <v>1.0273000000000001</v>
          </cell>
          <cell r="AT5548">
            <v>2013</v>
          </cell>
          <cell r="AU5548">
            <v>3</v>
          </cell>
        </row>
        <row r="5549">
          <cell r="C5549">
            <v>1.0273000000000001</v>
          </cell>
          <cell r="AT5549">
            <v>2013</v>
          </cell>
          <cell r="AU5549">
            <v>3</v>
          </cell>
        </row>
        <row r="5550">
          <cell r="C5550">
            <v>1.0273000000000001</v>
          </cell>
          <cell r="AT5550">
            <v>2013</v>
          </cell>
          <cell r="AU5550">
            <v>3</v>
          </cell>
        </row>
        <row r="5551">
          <cell r="C5551">
            <v>1.0267999999999999</v>
          </cell>
          <cell r="AT5551">
            <v>2013</v>
          </cell>
          <cell r="AU5551">
            <v>3</v>
          </cell>
        </row>
        <row r="5552">
          <cell r="C5552">
            <v>1.0267999999999999</v>
          </cell>
          <cell r="AT5552">
            <v>2013</v>
          </cell>
          <cell r="AU5552">
            <v>3</v>
          </cell>
        </row>
        <row r="5553">
          <cell r="C5553">
            <v>1.0273000000000001</v>
          </cell>
          <cell r="AT5553">
            <v>2013</v>
          </cell>
          <cell r="AU5553">
            <v>3</v>
          </cell>
        </row>
        <row r="5554">
          <cell r="C5554">
            <v>1.0261</v>
          </cell>
          <cell r="AT5554">
            <v>2013</v>
          </cell>
          <cell r="AU5554">
            <v>3</v>
          </cell>
        </row>
        <row r="5555">
          <cell r="C5555">
            <v>1.0193000000000001</v>
          </cell>
          <cell r="AT5555">
            <v>2013</v>
          </cell>
          <cell r="AU5555">
            <v>3</v>
          </cell>
        </row>
        <row r="5556">
          <cell r="C5556">
            <v>1.0193000000000001</v>
          </cell>
          <cell r="AT5556">
            <v>2013</v>
          </cell>
          <cell r="AU5556">
            <v>3</v>
          </cell>
        </row>
        <row r="5557">
          <cell r="C5557">
            <v>1.0193000000000001</v>
          </cell>
          <cell r="AT5557">
            <v>2013</v>
          </cell>
          <cell r="AU5557">
            <v>3</v>
          </cell>
        </row>
        <row r="5558">
          <cell r="C5558">
            <v>1.0217000000000001</v>
          </cell>
          <cell r="AT5558">
            <v>2013</v>
          </cell>
          <cell r="AU5558">
            <v>3</v>
          </cell>
        </row>
        <row r="5559">
          <cell r="C5559">
            <v>1.0274000000000001</v>
          </cell>
          <cell r="AT5559">
            <v>2013</v>
          </cell>
          <cell r="AU5559">
            <v>3</v>
          </cell>
        </row>
        <row r="5560">
          <cell r="C5560">
            <v>1.0267999999999999</v>
          </cell>
          <cell r="AT5560">
            <v>2013</v>
          </cell>
          <cell r="AU5560">
            <v>3</v>
          </cell>
        </row>
        <row r="5561">
          <cell r="C5561">
            <v>1.0241</v>
          </cell>
          <cell r="AT5561">
            <v>2013</v>
          </cell>
          <cell r="AU5561">
            <v>3</v>
          </cell>
        </row>
        <row r="5562">
          <cell r="C5562">
            <v>1.0225</v>
          </cell>
          <cell r="AT5562">
            <v>2013</v>
          </cell>
          <cell r="AU5562">
            <v>3</v>
          </cell>
        </row>
        <row r="5563">
          <cell r="C5563">
            <v>1.0225</v>
          </cell>
          <cell r="AT5563">
            <v>2013</v>
          </cell>
          <cell r="AU5563">
            <v>3</v>
          </cell>
        </row>
        <row r="5564">
          <cell r="C5564">
            <v>1.0225</v>
          </cell>
          <cell r="AT5564">
            <v>2013</v>
          </cell>
          <cell r="AU5564">
            <v>3</v>
          </cell>
        </row>
        <row r="5565">
          <cell r="C5565">
            <v>1.0218</v>
          </cell>
          <cell r="AT5565">
            <v>2013</v>
          </cell>
          <cell r="AU5565">
            <v>3</v>
          </cell>
        </row>
        <row r="5566">
          <cell r="C5566">
            <v>1.0165999999999999</v>
          </cell>
          <cell r="AT5566">
            <v>2013</v>
          </cell>
          <cell r="AU5566">
            <v>3</v>
          </cell>
        </row>
        <row r="5567">
          <cell r="C5567">
            <v>1.0169999999999999</v>
          </cell>
          <cell r="AT5567">
            <v>2013</v>
          </cell>
          <cell r="AU5567">
            <v>3</v>
          </cell>
        </row>
        <row r="5568">
          <cell r="C5568">
            <v>1.0156000000000001</v>
          </cell>
          <cell r="AT5568">
            <v>2013</v>
          </cell>
          <cell r="AU5568">
            <v>3</v>
          </cell>
        </row>
        <row r="5569">
          <cell r="C5569">
            <v>1.0156000000000001</v>
          </cell>
          <cell r="AT5569">
            <v>2013</v>
          </cell>
          <cell r="AU5569">
            <v>3</v>
          </cell>
        </row>
        <row r="5570">
          <cell r="C5570">
            <v>1.0156000000000001</v>
          </cell>
          <cell r="AT5570">
            <v>2013</v>
          </cell>
          <cell r="AU5570">
            <v>3</v>
          </cell>
        </row>
        <row r="5571">
          <cell r="C5571">
            <v>1.0156000000000001</v>
          </cell>
          <cell r="AT5571">
            <v>2013</v>
          </cell>
          <cell r="AU5571">
            <v>4</v>
          </cell>
        </row>
        <row r="5572">
          <cell r="C5572">
            <v>1.0166999999999999</v>
          </cell>
          <cell r="AT5572">
            <v>2013</v>
          </cell>
          <cell r="AU5572">
            <v>4</v>
          </cell>
        </row>
        <row r="5573">
          <cell r="C5573">
            <v>1.0147999999999999</v>
          </cell>
          <cell r="AT5573">
            <v>2013</v>
          </cell>
          <cell r="AU5573">
            <v>4</v>
          </cell>
        </row>
        <row r="5574">
          <cell r="C5574">
            <v>1.0134000000000001</v>
          </cell>
          <cell r="AT5574">
            <v>2013</v>
          </cell>
          <cell r="AU5574">
            <v>4</v>
          </cell>
        </row>
        <row r="5575">
          <cell r="C5575">
            <v>1.0139</v>
          </cell>
          <cell r="AT5575">
            <v>2013</v>
          </cell>
          <cell r="AU5575">
            <v>4</v>
          </cell>
        </row>
        <row r="5576">
          <cell r="C5576">
            <v>1.0190999999999999</v>
          </cell>
          <cell r="AT5576">
            <v>2013</v>
          </cell>
          <cell r="AU5576">
            <v>4</v>
          </cell>
        </row>
        <row r="5577">
          <cell r="C5577">
            <v>1.0190999999999999</v>
          </cell>
          <cell r="AT5577">
            <v>2013</v>
          </cell>
          <cell r="AU5577">
            <v>4</v>
          </cell>
        </row>
        <row r="5578">
          <cell r="C5578">
            <v>1.0190999999999999</v>
          </cell>
          <cell r="AT5578">
            <v>2013</v>
          </cell>
          <cell r="AU5578">
            <v>4</v>
          </cell>
        </row>
        <row r="5579">
          <cell r="C5579">
            <v>1.0198</v>
          </cell>
          <cell r="AT5579">
            <v>2013</v>
          </cell>
          <cell r="AU5579">
            <v>4</v>
          </cell>
        </row>
        <row r="5580">
          <cell r="C5580">
            <v>1.0162</v>
          </cell>
          <cell r="AT5580">
            <v>2013</v>
          </cell>
          <cell r="AU5580">
            <v>4</v>
          </cell>
        </row>
        <row r="5581">
          <cell r="C5581">
            <v>1.0149999999999999</v>
          </cell>
          <cell r="AT5581">
            <v>2013</v>
          </cell>
          <cell r="AU5581">
            <v>4</v>
          </cell>
        </row>
        <row r="5582">
          <cell r="C5582">
            <v>1.0106999999999999</v>
          </cell>
          <cell r="AT5582">
            <v>2013</v>
          </cell>
          <cell r="AU5582">
            <v>4</v>
          </cell>
        </row>
        <row r="5583">
          <cell r="C5583">
            <v>1.0134000000000001</v>
          </cell>
          <cell r="AT5583">
            <v>2013</v>
          </cell>
          <cell r="AU5583">
            <v>4</v>
          </cell>
        </row>
        <row r="5584">
          <cell r="C5584">
            <v>1.0134000000000001</v>
          </cell>
          <cell r="AT5584">
            <v>2013</v>
          </cell>
          <cell r="AU5584">
            <v>4</v>
          </cell>
        </row>
        <row r="5585">
          <cell r="C5585">
            <v>1.0134000000000001</v>
          </cell>
          <cell r="AT5585">
            <v>2013</v>
          </cell>
          <cell r="AU5585">
            <v>4</v>
          </cell>
        </row>
        <row r="5586">
          <cell r="C5586">
            <v>1.0206</v>
          </cell>
          <cell r="AT5586">
            <v>2013</v>
          </cell>
          <cell r="AU5586">
            <v>4</v>
          </cell>
        </row>
        <row r="5587">
          <cell r="C5587">
            <v>1.0229999999999999</v>
          </cell>
          <cell r="AT5587">
            <v>2013</v>
          </cell>
          <cell r="AU5587">
            <v>4</v>
          </cell>
        </row>
        <row r="5588">
          <cell r="C5588">
            <v>1.0262</v>
          </cell>
          <cell r="AT5588">
            <v>2013</v>
          </cell>
          <cell r="AU5588">
            <v>4</v>
          </cell>
        </row>
        <row r="5589">
          <cell r="C5589">
            <v>1.0255000000000001</v>
          </cell>
          <cell r="AT5589">
            <v>2013</v>
          </cell>
          <cell r="AU5589">
            <v>4</v>
          </cell>
        </row>
        <row r="5590">
          <cell r="C5590">
            <v>1.0264</v>
          </cell>
          <cell r="AT5590">
            <v>2013</v>
          </cell>
          <cell r="AU5590">
            <v>4</v>
          </cell>
        </row>
        <row r="5591">
          <cell r="C5591">
            <v>1.0264</v>
          </cell>
          <cell r="AT5591">
            <v>2013</v>
          </cell>
          <cell r="AU5591">
            <v>4</v>
          </cell>
        </row>
        <row r="5592">
          <cell r="C5592">
            <v>1.0264</v>
          </cell>
          <cell r="AT5592">
            <v>2013</v>
          </cell>
          <cell r="AU5592">
            <v>4</v>
          </cell>
        </row>
        <row r="5593">
          <cell r="C5593">
            <v>1.0263</v>
          </cell>
          <cell r="AT5593">
            <v>2013</v>
          </cell>
          <cell r="AU5593">
            <v>4</v>
          </cell>
        </row>
        <row r="5594">
          <cell r="C5594">
            <v>1.0259</v>
          </cell>
          <cell r="AT5594">
            <v>2013</v>
          </cell>
          <cell r="AU5594">
            <v>4</v>
          </cell>
        </row>
        <row r="5595">
          <cell r="C5595">
            <v>1.0269999999999999</v>
          </cell>
          <cell r="AT5595">
            <v>2013</v>
          </cell>
          <cell r="AU5595">
            <v>4</v>
          </cell>
        </row>
        <row r="5596">
          <cell r="C5596">
            <v>1.0194000000000001</v>
          </cell>
          <cell r="AT5596">
            <v>2013</v>
          </cell>
          <cell r="AU5596">
            <v>4</v>
          </cell>
        </row>
        <row r="5597">
          <cell r="C5597">
            <v>1.0169999999999999</v>
          </cell>
          <cell r="AT5597">
            <v>2013</v>
          </cell>
          <cell r="AU5597">
            <v>4</v>
          </cell>
        </row>
        <row r="5598">
          <cell r="C5598">
            <v>1.0169999999999999</v>
          </cell>
          <cell r="AT5598">
            <v>2013</v>
          </cell>
          <cell r="AU5598">
            <v>4</v>
          </cell>
        </row>
        <row r="5599">
          <cell r="C5599">
            <v>1.0169999999999999</v>
          </cell>
          <cell r="AT5599">
            <v>2013</v>
          </cell>
          <cell r="AU5599">
            <v>4</v>
          </cell>
        </row>
        <row r="5600">
          <cell r="C5600">
            <v>1.0138</v>
          </cell>
          <cell r="AT5600">
            <v>2013</v>
          </cell>
          <cell r="AU5600">
            <v>4</v>
          </cell>
        </row>
        <row r="5601">
          <cell r="C5601">
            <v>1.0072000000000001</v>
          </cell>
          <cell r="AT5601">
            <v>2013</v>
          </cell>
          <cell r="AU5601">
            <v>5</v>
          </cell>
        </row>
        <row r="5602">
          <cell r="C5602">
            <v>1.0084</v>
          </cell>
          <cell r="AT5602">
            <v>2013</v>
          </cell>
          <cell r="AU5602">
            <v>5</v>
          </cell>
        </row>
        <row r="5603">
          <cell r="C5603">
            <v>1.0083</v>
          </cell>
          <cell r="AT5603">
            <v>2013</v>
          </cell>
          <cell r="AU5603">
            <v>5</v>
          </cell>
        </row>
        <row r="5604">
          <cell r="C5604">
            <v>1.0079</v>
          </cell>
          <cell r="AT5604">
            <v>2013</v>
          </cell>
          <cell r="AU5604">
            <v>5</v>
          </cell>
        </row>
        <row r="5605">
          <cell r="C5605">
            <v>1.0079</v>
          </cell>
          <cell r="AT5605">
            <v>2013</v>
          </cell>
          <cell r="AU5605">
            <v>5</v>
          </cell>
        </row>
        <row r="5606">
          <cell r="C5606">
            <v>1.0079</v>
          </cell>
          <cell r="AT5606">
            <v>2013</v>
          </cell>
          <cell r="AU5606">
            <v>5</v>
          </cell>
        </row>
        <row r="5607">
          <cell r="C5607">
            <v>1.0075000000000001</v>
          </cell>
          <cell r="AT5607">
            <v>2013</v>
          </cell>
          <cell r="AU5607">
            <v>5</v>
          </cell>
        </row>
        <row r="5608">
          <cell r="C5608">
            <v>1.0052000000000001</v>
          </cell>
          <cell r="AT5608">
            <v>2013</v>
          </cell>
          <cell r="AU5608">
            <v>5</v>
          </cell>
        </row>
        <row r="5609">
          <cell r="C5609">
            <v>1.0023</v>
          </cell>
          <cell r="AT5609">
            <v>2013</v>
          </cell>
          <cell r="AU5609">
            <v>5</v>
          </cell>
        </row>
        <row r="5610">
          <cell r="C5610">
            <v>1.0026999999999999</v>
          </cell>
          <cell r="AT5610">
            <v>2013</v>
          </cell>
          <cell r="AU5610">
            <v>5</v>
          </cell>
        </row>
        <row r="5611">
          <cell r="C5611">
            <v>1.0124</v>
          </cell>
          <cell r="AT5611">
            <v>2013</v>
          </cell>
          <cell r="AU5611">
            <v>5</v>
          </cell>
        </row>
        <row r="5612">
          <cell r="C5612">
            <v>1.0124</v>
          </cell>
          <cell r="AT5612">
            <v>2013</v>
          </cell>
          <cell r="AU5612">
            <v>5</v>
          </cell>
        </row>
        <row r="5613">
          <cell r="C5613">
            <v>1.0124</v>
          </cell>
          <cell r="AT5613">
            <v>2013</v>
          </cell>
          <cell r="AU5613">
            <v>5</v>
          </cell>
        </row>
        <row r="5614">
          <cell r="C5614">
            <v>1.0107999999999999</v>
          </cell>
          <cell r="AT5614">
            <v>2013</v>
          </cell>
          <cell r="AU5614">
            <v>5</v>
          </cell>
        </row>
        <row r="5615">
          <cell r="C5615">
            <v>1.0147999999999999</v>
          </cell>
          <cell r="AT5615">
            <v>2013</v>
          </cell>
          <cell r="AU5615">
            <v>5</v>
          </cell>
        </row>
        <row r="5616">
          <cell r="C5616">
            <v>1.0173000000000001</v>
          </cell>
          <cell r="AT5616">
            <v>2013</v>
          </cell>
          <cell r="AU5616">
            <v>5</v>
          </cell>
        </row>
        <row r="5617">
          <cell r="C5617">
            <v>1.0163</v>
          </cell>
          <cell r="AT5617">
            <v>2013</v>
          </cell>
          <cell r="AU5617">
            <v>5</v>
          </cell>
        </row>
        <row r="5618">
          <cell r="C5618">
            <v>1.0268999999999999</v>
          </cell>
          <cell r="AT5618">
            <v>2013</v>
          </cell>
          <cell r="AU5618">
            <v>5</v>
          </cell>
        </row>
        <row r="5619">
          <cell r="C5619">
            <v>1.0268999999999999</v>
          </cell>
          <cell r="AT5619">
            <v>2013</v>
          </cell>
          <cell r="AU5619">
            <v>5</v>
          </cell>
        </row>
        <row r="5620">
          <cell r="C5620">
            <v>1.0268999999999999</v>
          </cell>
          <cell r="AT5620">
            <v>2013</v>
          </cell>
          <cell r="AU5620">
            <v>5</v>
          </cell>
        </row>
        <row r="5621">
          <cell r="C5621">
            <v>1.0268999999999999</v>
          </cell>
          <cell r="AT5621">
            <v>2013</v>
          </cell>
          <cell r="AU5621">
            <v>5</v>
          </cell>
        </row>
        <row r="5622">
          <cell r="C5622">
            <v>1.0277000000000001</v>
          </cell>
          <cell r="AT5622">
            <v>2013</v>
          </cell>
          <cell r="AU5622">
            <v>5</v>
          </cell>
        </row>
        <row r="5623">
          <cell r="C5623">
            <v>1.0333000000000001</v>
          </cell>
          <cell r="AT5623">
            <v>2013</v>
          </cell>
          <cell r="AU5623">
            <v>5</v>
          </cell>
        </row>
        <row r="5624">
          <cell r="C5624">
            <v>1.0309999999999999</v>
          </cell>
          <cell r="AT5624">
            <v>2013</v>
          </cell>
          <cell r="AU5624">
            <v>5</v>
          </cell>
        </row>
        <row r="5625">
          <cell r="C5625">
            <v>1.0323</v>
          </cell>
          <cell r="AT5625">
            <v>2013</v>
          </cell>
          <cell r="AU5625">
            <v>5</v>
          </cell>
        </row>
        <row r="5626">
          <cell r="C5626">
            <v>1.0323</v>
          </cell>
          <cell r="AT5626">
            <v>2013</v>
          </cell>
          <cell r="AU5626">
            <v>5</v>
          </cell>
        </row>
        <row r="5627">
          <cell r="C5627">
            <v>1.0323</v>
          </cell>
          <cell r="AT5627">
            <v>2013</v>
          </cell>
          <cell r="AU5627">
            <v>5</v>
          </cell>
        </row>
        <row r="5628">
          <cell r="C5628">
            <v>1.0323</v>
          </cell>
          <cell r="AT5628">
            <v>2013</v>
          </cell>
          <cell r="AU5628">
            <v>5</v>
          </cell>
        </row>
        <row r="5629">
          <cell r="C5629">
            <v>1.0370999999999999</v>
          </cell>
          <cell r="AT5629">
            <v>2013</v>
          </cell>
          <cell r="AU5629">
            <v>5</v>
          </cell>
        </row>
        <row r="5630">
          <cell r="C5630">
            <v>1.0369999999999999</v>
          </cell>
          <cell r="AT5630">
            <v>2013</v>
          </cell>
          <cell r="AU5630">
            <v>5</v>
          </cell>
        </row>
        <row r="5631">
          <cell r="C5631">
            <v>1.0308999999999999</v>
          </cell>
          <cell r="AT5631">
            <v>2013</v>
          </cell>
          <cell r="AU5631">
            <v>5</v>
          </cell>
        </row>
        <row r="5632">
          <cell r="C5632">
            <v>1.0339</v>
          </cell>
          <cell r="AT5632">
            <v>2013</v>
          </cell>
          <cell r="AU5632">
            <v>6</v>
          </cell>
        </row>
        <row r="5633">
          <cell r="C5633">
            <v>1.0339</v>
          </cell>
          <cell r="AT5633">
            <v>2013</v>
          </cell>
          <cell r="AU5633">
            <v>6</v>
          </cell>
        </row>
        <row r="5634">
          <cell r="C5634">
            <v>1.0339</v>
          </cell>
          <cell r="AT5634">
            <v>2013</v>
          </cell>
          <cell r="AU5634">
            <v>6</v>
          </cell>
        </row>
        <row r="5635">
          <cell r="C5635">
            <v>1.0290999999999999</v>
          </cell>
          <cell r="AT5635">
            <v>2013</v>
          </cell>
          <cell r="AU5635">
            <v>6</v>
          </cell>
        </row>
        <row r="5636">
          <cell r="C5636">
            <v>1.0347999999999999</v>
          </cell>
          <cell r="AT5636">
            <v>2013</v>
          </cell>
          <cell r="AU5636">
            <v>6</v>
          </cell>
        </row>
        <row r="5637">
          <cell r="C5637">
            <v>1.0345</v>
          </cell>
          <cell r="AT5637">
            <v>2013</v>
          </cell>
          <cell r="AU5637">
            <v>6</v>
          </cell>
        </row>
        <row r="5638">
          <cell r="C5638">
            <v>1.0238</v>
          </cell>
          <cell r="AT5638">
            <v>2013</v>
          </cell>
          <cell r="AU5638">
            <v>6</v>
          </cell>
        </row>
        <row r="5639">
          <cell r="C5639">
            <v>1.0209999999999999</v>
          </cell>
          <cell r="AT5639">
            <v>2013</v>
          </cell>
          <cell r="AU5639">
            <v>6</v>
          </cell>
        </row>
        <row r="5640">
          <cell r="C5640">
            <v>1.0209999999999999</v>
          </cell>
          <cell r="AT5640">
            <v>2013</v>
          </cell>
          <cell r="AU5640">
            <v>6</v>
          </cell>
        </row>
        <row r="5641">
          <cell r="C5641">
            <v>1.0209999999999999</v>
          </cell>
          <cell r="AT5641">
            <v>2013</v>
          </cell>
          <cell r="AU5641">
            <v>6</v>
          </cell>
        </row>
        <row r="5642">
          <cell r="C5642">
            <v>1.0186999999999999</v>
          </cell>
          <cell r="AT5642">
            <v>2013</v>
          </cell>
          <cell r="AU5642">
            <v>6</v>
          </cell>
        </row>
        <row r="5643">
          <cell r="C5643">
            <v>1.0189999999999999</v>
          </cell>
          <cell r="AT5643">
            <v>2013</v>
          </cell>
          <cell r="AU5643">
            <v>6</v>
          </cell>
        </row>
        <row r="5644">
          <cell r="C5644">
            <v>1.0202</v>
          </cell>
          <cell r="AT5644">
            <v>2013</v>
          </cell>
          <cell r="AU5644">
            <v>6</v>
          </cell>
        </row>
        <row r="5645">
          <cell r="C5645">
            <v>1.0169999999999999</v>
          </cell>
          <cell r="AT5645">
            <v>2013</v>
          </cell>
          <cell r="AU5645">
            <v>6</v>
          </cell>
        </row>
        <row r="5646">
          <cell r="C5646">
            <v>1.0177</v>
          </cell>
          <cell r="AT5646">
            <v>2013</v>
          </cell>
          <cell r="AU5646">
            <v>6</v>
          </cell>
        </row>
        <row r="5647">
          <cell r="C5647">
            <v>1.0177</v>
          </cell>
          <cell r="AT5647">
            <v>2013</v>
          </cell>
          <cell r="AU5647">
            <v>6</v>
          </cell>
        </row>
        <row r="5648">
          <cell r="C5648">
            <v>1.0177</v>
          </cell>
          <cell r="AT5648">
            <v>2013</v>
          </cell>
          <cell r="AU5648">
            <v>6</v>
          </cell>
        </row>
        <row r="5649">
          <cell r="C5649">
            <v>1.0176000000000001</v>
          </cell>
          <cell r="AT5649">
            <v>2013</v>
          </cell>
          <cell r="AU5649">
            <v>6</v>
          </cell>
        </row>
        <row r="5650">
          <cell r="C5650">
            <v>1.0208999999999999</v>
          </cell>
          <cell r="AT5650">
            <v>2013</v>
          </cell>
          <cell r="AU5650">
            <v>6</v>
          </cell>
        </row>
        <row r="5651">
          <cell r="C5651">
            <v>1.0186999999999999</v>
          </cell>
          <cell r="AT5651">
            <v>2013</v>
          </cell>
          <cell r="AU5651">
            <v>6</v>
          </cell>
        </row>
        <row r="5652">
          <cell r="C5652">
            <v>1.0387</v>
          </cell>
          <cell r="AT5652">
            <v>2013</v>
          </cell>
          <cell r="AU5652">
            <v>6</v>
          </cell>
        </row>
        <row r="5653">
          <cell r="C5653">
            <v>1.0469999999999999</v>
          </cell>
          <cell r="AT5653">
            <v>2013</v>
          </cell>
          <cell r="AU5653">
            <v>6</v>
          </cell>
        </row>
        <row r="5654">
          <cell r="C5654">
            <v>1.0469999999999999</v>
          </cell>
          <cell r="AT5654">
            <v>2013</v>
          </cell>
          <cell r="AU5654">
            <v>6</v>
          </cell>
        </row>
        <row r="5655">
          <cell r="C5655">
            <v>1.0469999999999999</v>
          </cell>
          <cell r="AT5655">
            <v>2013</v>
          </cell>
          <cell r="AU5655">
            <v>6</v>
          </cell>
        </row>
        <row r="5656">
          <cell r="C5656">
            <v>1.0531999999999999</v>
          </cell>
          <cell r="AT5656">
            <v>2013</v>
          </cell>
          <cell r="AU5656">
            <v>6</v>
          </cell>
        </row>
        <row r="5657">
          <cell r="C5657">
            <v>1.0512999999999999</v>
          </cell>
          <cell r="AT5657">
            <v>2013</v>
          </cell>
          <cell r="AU5657">
            <v>6</v>
          </cell>
        </row>
        <row r="5658">
          <cell r="C5658">
            <v>1.0468999999999999</v>
          </cell>
          <cell r="AT5658">
            <v>2013</v>
          </cell>
          <cell r="AU5658">
            <v>6</v>
          </cell>
        </row>
        <row r="5659">
          <cell r="C5659">
            <v>1.048</v>
          </cell>
          <cell r="AT5659">
            <v>2013</v>
          </cell>
          <cell r="AU5659">
            <v>6</v>
          </cell>
        </row>
        <row r="5660">
          <cell r="C5660">
            <v>1.0511999999999999</v>
          </cell>
          <cell r="AT5660">
            <v>2013</v>
          </cell>
          <cell r="AU5660">
            <v>6</v>
          </cell>
        </row>
        <row r="5661">
          <cell r="C5661">
            <v>1.0511999999999999</v>
          </cell>
          <cell r="AT5661">
            <v>2013</v>
          </cell>
          <cell r="AU5661">
            <v>6</v>
          </cell>
        </row>
        <row r="5662">
          <cell r="C5662">
            <v>1.0511999999999999</v>
          </cell>
          <cell r="AT5662">
            <v>2013</v>
          </cell>
          <cell r="AU5662">
            <v>7</v>
          </cell>
        </row>
        <row r="5663">
          <cell r="C5663">
            <v>1.0511999999999999</v>
          </cell>
          <cell r="AT5663">
            <v>2013</v>
          </cell>
          <cell r="AU5663">
            <v>7</v>
          </cell>
        </row>
        <row r="5664">
          <cell r="C5664">
            <v>1.0529999999999999</v>
          </cell>
          <cell r="AT5664">
            <v>2013</v>
          </cell>
          <cell r="AU5664">
            <v>7</v>
          </cell>
        </row>
        <row r="5665">
          <cell r="C5665">
            <v>1.0523</v>
          </cell>
          <cell r="AT5665">
            <v>2013</v>
          </cell>
          <cell r="AU5665">
            <v>7</v>
          </cell>
        </row>
        <row r="5666">
          <cell r="C5666">
            <v>1.0568</v>
          </cell>
          <cell r="AT5666">
            <v>2013</v>
          </cell>
          <cell r="AU5666">
            <v>7</v>
          </cell>
        </row>
        <row r="5667">
          <cell r="C5667">
            <v>1.0568</v>
          </cell>
          <cell r="AT5667">
            <v>2013</v>
          </cell>
          <cell r="AU5667">
            <v>7</v>
          </cell>
        </row>
        <row r="5668">
          <cell r="C5668">
            <v>1.0568</v>
          </cell>
          <cell r="AT5668">
            <v>2013</v>
          </cell>
          <cell r="AU5668">
            <v>7</v>
          </cell>
        </row>
        <row r="5669">
          <cell r="C5669">
            <v>1.0568</v>
          </cell>
          <cell r="AT5669">
            <v>2013</v>
          </cell>
          <cell r="AU5669">
            <v>7</v>
          </cell>
        </row>
        <row r="5670">
          <cell r="C5670">
            <v>1.0576000000000001</v>
          </cell>
          <cell r="AT5670">
            <v>2013</v>
          </cell>
          <cell r="AU5670">
            <v>7</v>
          </cell>
        </row>
        <row r="5671">
          <cell r="C5671">
            <v>1.0529999999999999</v>
          </cell>
          <cell r="AT5671">
            <v>2013</v>
          </cell>
          <cell r="AU5671">
            <v>7</v>
          </cell>
        </row>
        <row r="5672">
          <cell r="C5672">
            <v>1.0510999999999999</v>
          </cell>
          <cell r="AT5672">
            <v>2013</v>
          </cell>
          <cell r="AU5672">
            <v>7</v>
          </cell>
        </row>
        <row r="5673">
          <cell r="C5673">
            <v>1.0388999999999999</v>
          </cell>
          <cell r="AT5673">
            <v>2013</v>
          </cell>
          <cell r="AU5673">
            <v>7</v>
          </cell>
        </row>
        <row r="5674">
          <cell r="C5674">
            <v>1.0391999999999999</v>
          </cell>
          <cell r="AT5674">
            <v>2013</v>
          </cell>
          <cell r="AU5674">
            <v>7</v>
          </cell>
        </row>
        <row r="5675">
          <cell r="C5675">
            <v>1.0391999999999999</v>
          </cell>
          <cell r="AT5675">
            <v>2013</v>
          </cell>
          <cell r="AU5675">
            <v>7</v>
          </cell>
        </row>
        <row r="5676">
          <cell r="C5676">
            <v>1.0391999999999999</v>
          </cell>
          <cell r="AT5676">
            <v>2013</v>
          </cell>
          <cell r="AU5676">
            <v>7</v>
          </cell>
        </row>
        <row r="5677">
          <cell r="C5677">
            <v>1.0412999999999999</v>
          </cell>
          <cell r="AT5677">
            <v>2013</v>
          </cell>
          <cell r="AU5677">
            <v>7</v>
          </cell>
        </row>
        <row r="5678">
          <cell r="C5678">
            <v>1.0387999999999999</v>
          </cell>
          <cell r="AT5678">
            <v>2013</v>
          </cell>
          <cell r="AU5678">
            <v>7</v>
          </cell>
        </row>
        <row r="5679">
          <cell r="C5679">
            <v>1.0425</v>
          </cell>
          <cell r="AT5679">
            <v>2013</v>
          </cell>
          <cell r="AU5679">
            <v>7</v>
          </cell>
        </row>
        <row r="5680">
          <cell r="C5680">
            <v>1.0396000000000001</v>
          </cell>
          <cell r="AT5680">
            <v>2013</v>
          </cell>
          <cell r="AU5680">
            <v>7</v>
          </cell>
        </row>
        <row r="5681">
          <cell r="C5681">
            <v>1.0363</v>
          </cell>
          <cell r="AT5681">
            <v>2013</v>
          </cell>
          <cell r="AU5681">
            <v>7</v>
          </cell>
        </row>
        <row r="5682">
          <cell r="C5682">
            <v>1.0363</v>
          </cell>
          <cell r="AT5682">
            <v>2013</v>
          </cell>
          <cell r="AU5682">
            <v>7</v>
          </cell>
        </row>
        <row r="5683">
          <cell r="C5683">
            <v>1.0363</v>
          </cell>
          <cell r="AT5683">
            <v>2013</v>
          </cell>
          <cell r="AU5683">
            <v>7</v>
          </cell>
        </row>
        <row r="5684">
          <cell r="C5684">
            <v>1.0337000000000001</v>
          </cell>
          <cell r="AT5684">
            <v>2013</v>
          </cell>
          <cell r="AU5684">
            <v>7</v>
          </cell>
        </row>
        <row r="5685">
          <cell r="C5685">
            <v>1.0304</v>
          </cell>
          <cell r="AT5685">
            <v>2013</v>
          </cell>
          <cell r="AU5685">
            <v>7</v>
          </cell>
        </row>
        <row r="5686">
          <cell r="C5686">
            <v>1.0298</v>
          </cell>
          <cell r="AT5686">
            <v>2013</v>
          </cell>
          <cell r="AU5686">
            <v>7</v>
          </cell>
        </row>
        <row r="5687">
          <cell r="C5687">
            <v>1.0298</v>
          </cell>
          <cell r="AT5687">
            <v>2013</v>
          </cell>
          <cell r="AU5687">
            <v>7</v>
          </cell>
        </row>
        <row r="5688">
          <cell r="C5688">
            <v>1.0290999999999999</v>
          </cell>
          <cell r="AT5688">
            <v>2013</v>
          </cell>
          <cell r="AU5688">
            <v>7</v>
          </cell>
        </row>
        <row r="5689">
          <cell r="C5689">
            <v>1.0290999999999999</v>
          </cell>
          <cell r="AT5689">
            <v>2013</v>
          </cell>
          <cell r="AU5689">
            <v>7</v>
          </cell>
        </row>
        <row r="5690">
          <cell r="C5690">
            <v>1.0290999999999999</v>
          </cell>
          <cell r="AT5690">
            <v>2013</v>
          </cell>
          <cell r="AU5690">
            <v>7</v>
          </cell>
        </row>
        <row r="5691">
          <cell r="C5691">
            <v>1.0261</v>
          </cell>
          <cell r="AT5691">
            <v>2013</v>
          </cell>
          <cell r="AU5691">
            <v>7</v>
          </cell>
        </row>
        <row r="5692">
          <cell r="C5692">
            <v>1.0293000000000001</v>
          </cell>
          <cell r="AT5692">
            <v>2013</v>
          </cell>
          <cell r="AU5692">
            <v>7</v>
          </cell>
        </row>
        <row r="5693">
          <cell r="C5693">
            <v>1.0286999999999999</v>
          </cell>
          <cell r="AT5693">
            <v>2013</v>
          </cell>
          <cell r="AU5693">
            <v>8</v>
          </cell>
        </row>
        <row r="5694">
          <cell r="C5694">
            <v>1.0338000000000001</v>
          </cell>
          <cell r="AT5694">
            <v>2013</v>
          </cell>
          <cell r="AU5694">
            <v>8</v>
          </cell>
        </row>
        <row r="5695">
          <cell r="C5695">
            <v>1.0338000000000001</v>
          </cell>
          <cell r="AT5695">
            <v>2013</v>
          </cell>
          <cell r="AU5695">
            <v>8</v>
          </cell>
        </row>
        <row r="5696">
          <cell r="C5696">
            <v>1.0338000000000001</v>
          </cell>
          <cell r="AT5696">
            <v>2013</v>
          </cell>
          <cell r="AU5696">
            <v>8</v>
          </cell>
        </row>
        <row r="5697">
          <cell r="C5697">
            <v>1.0338000000000001</v>
          </cell>
          <cell r="AT5697">
            <v>2013</v>
          </cell>
          <cell r="AU5697">
            <v>8</v>
          </cell>
        </row>
        <row r="5698">
          <cell r="C5698">
            <v>1.0382</v>
          </cell>
          <cell r="AT5698">
            <v>2013</v>
          </cell>
          <cell r="AU5698">
            <v>8</v>
          </cell>
        </row>
        <row r="5699">
          <cell r="C5699">
            <v>1.0379</v>
          </cell>
          <cell r="AT5699">
            <v>2013</v>
          </cell>
          <cell r="AU5699">
            <v>8</v>
          </cell>
        </row>
        <row r="5700">
          <cell r="C5700">
            <v>1.0416000000000001</v>
          </cell>
          <cell r="AT5700">
            <v>2013</v>
          </cell>
          <cell r="AU5700">
            <v>8</v>
          </cell>
        </row>
        <row r="5701">
          <cell r="C5701">
            <v>1.0347999999999999</v>
          </cell>
          <cell r="AT5701">
            <v>2013</v>
          </cell>
          <cell r="AU5701">
            <v>8</v>
          </cell>
        </row>
        <row r="5702">
          <cell r="C5702">
            <v>1.0303</v>
          </cell>
          <cell r="AT5702">
            <v>2013</v>
          </cell>
          <cell r="AU5702">
            <v>8</v>
          </cell>
        </row>
        <row r="5703">
          <cell r="C5703">
            <v>1.0303</v>
          </cell>
          <cell r="AT5703">
            <v>2013</v>
          </cell>
          <cell r="AU5703">
            <v>8</v>
          </cell>
        </row>
        <row r="5704">
          <cell r="C5704">
            <v>1.0303</v>
          </cell>
          <cell r="AT5704">
            <v>2013</v>
          </cell>
          <cell r="AU5704">
            <v>8</v>
          </cell>
        </row>
        <row r="5705">
          <cell r="C5705">
            <v>1.0297000000000001</v>
          </cell>
          <cell r="AT5705">
            <v>2013</v>
          </cell>
          <cell r="AU5705">
            <v>8</v>
          </cell>
        </row>
        <row r="5706">
          <cell r="C5706">
            <v>1.0345</v>
          </cell>
          <cell r="AT5706">
            <v>2013</v>
          </cell>
          <cell r="AU5706">
            <v>8</v>
          </cell>
        </row>
        <row r="5707">
          <cell r="C5707">
            <v>1.0322</v>
          </cell>
          <cell r="AT5707">
            <v>2013</v>
          </cell>
          <cell r="AU5707">
            <v>8</v>
          </cell>
        </row>
        <row r="5708">
          <cell r="C5708">
            <v>1.034</v>
          </cell>
          <cell r="AT5708">
            <v>2013</v>
          </cell>
          <cell r="AU5708">
            <v>8</v>
          </cell>
        </row>
        <row r="5709">
          <cell r="C5709">
            <v>1.0345</v>
          </cell>
          <cell r="AT5709">
            <v>2013</v>
          </cell>
          <cell r="AU5709">
            <v>8</v>
          </cell>
        </row>
        <row r="5710">
          <cell r="C5710">
            <v>1.0345</v>
          </cell>
          <cell r="AT5710">
            <v>2013</v>
          </cell>
          <cell r="AU5710">
            <v>8</v>
          </cell>
        </row>
        <row r="5711">
          <cell r="C5711">
            <v>1.0345</v>
          </cell>
          <cell r="AT5711">
            <v>2013</v>
          </cell>
          <cell r="AU5711">
            <v>8</v>
          </cell>
        </row>
        <row r="5712">
          <cell r="C5712">
            <v>1.0334000000000001</v>
          </cell>
          <cell r="AT5712">
            <v>2013</v>
          </cell>
          <cell r="AU5712">
            <v>8</v>
          </cell>
        </row>
        <row r="5713">
          <cell r="C5713">
            <v>1.0376000000000001</v>
          </cell>
          <cell r="AT5713">
            <v>2013</v>
          </cell>
          <cell r="AU5713">
            <v>8</v>
          </cell>
        </row>
        <row r="5714">
          <cell r="C5714">
            <v>1.0443</v>
          </cell>
          <cell r="AT5714">
            <v>2013</v>
          </cell>
          <cell r="AU5714">
            <v>8</v>
          </cell>
        </row>
        <row r="5715">
          <cell r="C5715">
            <v>1.0511999999999999</v>
          </cell>
          <cell r="AT5715">
            <v>2013</v>
          </cell>
          <cell r="AU5715">
            <v>8</v>
          </cell>
        </row>
        <row r="5716">
          <cell r="C5716">
            <v>1.0515000000000001</v>
          </cell>
          <cell r="AT5716">
            <v>2013</v>
          </cell>
          <cell r="AU5716">
            <v>8</v>
          </cell>
        </row>
        <row r="5717">
          <cell r="C5717">
            <v>1.0515000000000001</v>
          </cell>
          <cell r="AT5717">
            <v>2013</v>
          </cell>
          <cell r="AU5717">
            <v>8</v>
          </cell>
        </row>
        <row r="5718">
          <cell r="C5718">
            <v>1.0515000000000001</v>
          </cell>
          <cell r="AT5718">
            <v>2013</v>
          </cell>
          <cell r="AU5718">
            <v>8</v>
          </cell>
        </row>
        <row r="5719">
          <cell r="C5719">
            <v>1.0513999999999999</v>
          </cell>
          <cell r="AT5719">
            <v>2013</v>
          </cell>
          <cell r="AU5719">
            <v>8</v>
          </cell>
        </row>
        <row r="5720">
          <cell r="C5720">
            <v>1.0503</v>
          </cell>
          <cell r="AT5720">
            <v>2013</v>
          </cell>
          <cell r="AU5720">
            <v>8</v>
          </cell>
        </row>
        <row r="5721">
          <cell r="C5721">
            <v>1.0489999999999999</v>
          </cell>
          <cell r="AT5721">
            <v>2013</v>
          </cell>
          <cell r="AU5721">
            <v>8</v>
          </cell>
        </row>
        <row r="5722">
          <cell r="C5722">
            <v>1.0526</v>
          </cell>
          <cell r="AT5722">
            <v>2013</v>
          </cell>
          <cell r="AU5722">
            <v>8</v>
          </cell>
        </row>
        <row r="5723">
          <cell r="C5723">
            <v>1.0552999999999999</v>
          </cell>
          <cell r="AT5723">
            <v>2013</v>
          </cell>
          <cell r="AU5723">
            <v>8</v>
          </cell>
        </row>
        <row r="5724">
          <cell r="C5724">
            <v>1.0552999999999999</v>
          </cell>
          <cell r="AT5724">
            <v>2013</v>
          </cell>
          <cell r="AU5724">
            <v>9</v>
          </cell>
        </row>
        <row r="5725">
          <cell r="C5725">
            <v>1.0552999999999999</v>
          </cell>
          <cell r="AT5725">
            <v>2013</v>
          </cell>
          <cell r="AU5725">
            <v>9</v>
          </cell>
        </row>
        <row r="5726">
          <cell r="C5726">
            <v>1.0552999999999999</v>
          </cell>
          <cell r="AT5726">
            <v>2013</v>
          </cell>
          <cell r="AU5726">
            <v>9</v>
          </cell>
        </row>
        <row r="5727">
          <cell r="C5727">
            <v>1.0532999999999999</v>
          </cell>
          <cell r="AT5727">
            <v>2013</v>
          </cell>
          <cell r="AU5727">
            <v>9</v>
          </cell>
        </row>
        <row r="5728">
          <cell r="C5728">
            <v>1.0482</v>
          </cell>
          <cell r="AT5728">
            <v>2013</v>
          </cell>
          <cell r="AU5728">
            <v>9</v>
          </cell>
        </row>
        <row r="5729">
          <cell r="C5729">
            <v>1.05</v>
          </cell>
          <cell r="AT5729">
            <v>2013</v>
          </cell>
          <cell r="AU5729">
            <v>9</v>
          </cell>
        </row>
        <row r="5730">
          <cell r="C5730">
            <v>1.0389999999999999</v>
          </cell>
          <cell r="AT5730">
            <v>2013</v>
          </cell>
          <cell r="AU5730">
            <v>9</v>
          </cell>
        </row>
        <row r="5731">
          <cell r="C5731">
            <v>1.0389999999999999</v>
          </cell>
          <cell r="AT5731">
            <v>2013</v>
          </cell>
          <cell r="AU5731">
            <v>9</v>
          </cell>
        </row>
        <row r="5732">
          <cell r="C5732">
            <v>1.0389999999999999</v>
          </cell>
          <cell r="AT5732">
            <v>2013</v>
          </cell>
          <cell r="AU5732">
            <v>9</v>
          </cell>
        </row>
        <row r="5733">
          <cell r="C5733">
            <v>1.0366</v>
          </cell>
          <cell r="AT5733">
            <v>2013</v>
          </cell>
          <cell r="AU5733">
            <v>9</v>
          </cell>
        </row>
        <row r="5734">
          <cell r="C5734">
            <v>1.0357000000000001</v>
          </cell>
          <cell r="AT5734">
            <v>2013</v>
          </cell>
          <cell r="AU5734">
            <v>9</v>
          </cell>
        </row>
        <row r="5735">
          <cell r="C5735">
            <v>1.0337000000000001</v>
          </cell>
          <cell r="AT5735">
            <v>2013</v>
          </cell>
          <cell r="AU5735">
            <v>9</v>
          </cell>
        </row>
        <row r="5736">
          <cell r="C5736">
            <v>1.032</v>
          </cell>
          <cell r="AT5736">
            <v>2013</v>
          </cell>
          <cell r="AU5736">
            <v>9</v>
          </cell>
        </row>
        <row r="5737">
          <cell r="C5737">
            <v>1.0341</v>
          </cell>
          <cell r="AT5737">
            <v>2013</v>
          </cell>
          <cell r="AU5737">
            <v>9</v>
          </cell>
        </row>
        <row r="5738">
          <cell r="C5738">
            <v>1.0341</v>
          </cell>
          <cell r="AT5738">
            <v>2013</v>
          </cell>
          <cell r="AU5738">
            <v>9</v>
          </cell>
        </row>
        <row r="5739">
          <cell r="C5739">
            <v>1.0341</v>
          </cell>
          <cell r="AT5739">
            <v>2013</v>
          </cell>
          <cell r="AU5739">
            <v>9</v>
          </cell>
        </row>
        <row r="5740">
          <cell r="C5740">
            <v>1.0316000000000001</v>
          </cell>
          <cell r="AT5740">
            <v>2013</v>
          </cell>
          <cell r="AU5740">
            <v>9</v>
          </cell>
        </row>
        <row r="5741">
          <cell r="C5741">
            <v>1.0290999999999999</v>
          </cell>
          <cell r="AT5741">
            <v>2013</v>
          </cell>
          <cell r="AU5741">
            <v>9</v>
          </cell>
        </row>
        <row r="5742">
          <cell r="C5742">
            <v>1.0311999999999999</v>
          </cell>
          <cell r="AT5742">
            <v>2013</v>
          </cell>
          <cell r="AU5742">
            <v>9</v>
          </cell>
        </row>
        <row r="5743">
          <cell r="C5743">
            <v>1.0237000000000001</v>
          </cell>
          <cell r="AT5743">
            <v>2013</v>
          </cell>
          <cell r="AU5743">
            <v>9</v>
          </cell>
        </row>
        <row r="5744">
          <cell r="C5744">
            <v>1.0286999999999999</v>
          </cell>
          <cell r="AT5744">
            <v>2013</v>
          </cell>
          <cell r="AU5744">
            <v>9</v>
          </cell>
        </row>
        <row r="5745">
          <cell r="C5745">
            <v>1.0286999999999999</v>
          </cell>
          <cell r="AT5745">
            <v>2013</v>
          </cell>
          <cell r="AU5745">
            <v>9</v>
          </cell>
        </row>
        <row r="5746">
          <cell r="C5746">
            <v>1.0286999999999999</v>
          </cell>
          <cell r="AT5746">
            <v>2013</v>
          </cell>
          <cell r="AU5746">
            <v>9</v>
          </cell>
        </row>
        <row r="5747">
          <cell r="C5747">
            <v>1.0283</v>
          </cell>
          <cell r="AT5747">
            <v>2013</v>
          </cell>
          <cell r="AU5747">
            <v>9</v>
          </cell>
        </row>
        <row r="5748">
          <cell r="C5748">
            <v>1.0295000000000001</v>
          </cell>
          <cell r="AT5748">
            <v>2013</v>
          </cell>
          <cell r="AU5748">
            <v>9</v>
          </cell>
        </row>
        <row r="5749">
          <cell r="C5749">
            <v>1.0295000000000001</v>
          </cell>
          <cell r="AT5749">
            <v>2013</v>
          </cell>
          <cell r="AU5749">
            <v>9</v>
          </cell>
        </row>
        <row r="5750">
          <cell r="C5750">
            <v>1.0321</v>
          </cell>
          <cell r="AT5750">
            <v>2013</v>
          </cell>
          <cell r="AU5750">
            <v>9</v>
          </cell>
        </row>
        <row r="5751">
          <cell r="C5751">
            <v>1.03</v>
          </cell>
          <cell r="AT5751">
            <v>2013</v>
          </cell>
          <cell r="AU5751">
            <v>9</v>
          </cell>
        </row>
        <row r="5752">
          <cell r="C5752">
            <v>1.03</v>
          </cell>
          <cell r="AT5752">
            <v>2013</v>
          </cell>
          <cell r="AU5752">
            <v>9</v>
          </cell>
        </row>
        <row r="5753">
          <cell r="C5753">
            <v>1.03</v>
          </cell>
          <cell r="AT5753">
            <v>2013</v>
          </cell>
          <cell r="AU5753">
            <v>9</v>
          </cell>
        </row>
        <row r="5754">
          <cell r="C5754">
            <v>1.0285</v>
          </cell>
          <cell r="AT5754">
            <v>2013</v>
          </cell>
          <cell r="AU5754">
            <v>10</v>
          </cell>
        </row>
        <row r="5755">
          <cell r="C5755">
            <v>1.0333000000000001</v>
          </cell>
          <cell r="AT5755">
            <v>2013</v>
          </cell>
          <cell r="AU5755">
            <v>10</v>
          </cell>
        </row>
        <row r="5756">
          <cell r="C5756">
            <v>1.0331999999999999</v>
          </cell>
          <cell r="AT5756">
            <v>2013</v>
          </cell>
          <cell r="AU5756">
            <v>10</v>
          </cell>
        </row>
        <row r="5757">
          <cell r="C5757">
            <v>1.0323</v>
          </cell>
          <cell r="AT5757">
            <v>2013</v>
          </cell>
          <cell r="AU5757">
            <v>10</v>
          </cell>
        </row>
        <row r="5758">
          <cell r="C5758">
            <v>1.0306</v>
          </cell>
          <cell r="AT5758">
            <v>2013</v>
          </cell>
          <cell r="AU5758">
            <v>10</v>
          </cell>
        </row>
        <row r="5759">
          <cell r="C5759">
            <v>1.0306</v>
          </cell>
          <cell r="AT5759">
            <v>2013</v>
          </cell>
          <cell r="AU5759">
            <v>10</v>
          </cell>
        </row>
        <row r="5760">
          <cell r="C5760">
            <v>1.0306</v>
          </cell>
          <cell r="AT5760">
            <v>2013</v>
          </cell>
          <cell r="AU5760">
            <v>10</v>
          </cell>
        </row>
        <row r="5761">
          <cell r="C5761">
            <v>1.0306</v>
          </cell>
          <cell r="AT5761">
            <v>2013</v>
          </cell>
          <cell r="AU5761">
            <v>10</v>
          </cell>
        </row>
        <row r="5762">
          <cell r="C5762">
            <v>1.0330999999999999</v>
          </cell>
          <cell r="AT5762">
            <v>2013</v>
          </cell>
          <cell r="AU5762">
            <v>10</v>
          </cell>
        </row>
        <row r="5763">
          <cell r="C5763">
            <v>1.0397000000000001</v>
          </cell>
          <cell r="AT5763">
            <v>2013</v>
          </cell>
          <cell r="AU5763">
            <v>10</v>
          </cell>
        </row>
        <row r="5764">
          <cell r="C5764">
            <v>1.0383</v>
          </cell>
          <cell r="AT5764">
            <v>2013</v>
          </cell>
          <cell r="AU5764">
            <v>10</v>
          </cell>
        </row>
        <row r="5765">
          <cell r="C5765">
            <v>1.0385</v>
          </cell>
          <cell r="AT5765">
            <v>2013</v>
          </cell>
          <cell r="AU5765">
            <v>10</v>
          </cell>
        </row>
        <row r="5766">
          <cell r="C5766">
            <v>1.0385</v>
          </cell>
          <cell r="AT5766">
            <v>2013</v>
          </cell>
          <cell r="AU5766">
            <v>10</v>
          </cell>
        </row>
        <row r="5767">
          <cell r="C5767">
            <v>1.0385</v>
          </cell>
          <cell r="AT5767">
            <v>2013</v>
          </cell>
          <cell r="AU5767">
            <v>10</v>
          </cell>
        </row>
        <row r="5768">
          <cell r="C5768">
            <v>1.0385</v>
          </cell>
          <cell r="AT5768">
            <v>2013</v>
          </cell>
          <cell r="AU5768">
            <v>10</v>
          </cell>
        </row>
        <row r="5769">
          <cell r="C5769">
            <v>1.0370999999999999</v>
          </cell>
          <cell r="AT5769">
            <v>2013</v>
          </cell>
          <cell r="AU5769">
            <v>10</v>
          </cell>
        </row>
        <row r="5770">
          <cell r="C5770">
            <v>1.0345</v>
          </cell>
          <cell r="AT5770">
            <v>2013</v>
          </cell>
          <cell r="AU5770">
            <v>10</v>
          </cell>
        </row>
        <row r="5771">
          <cell r="C5771">
            <v>1.0285</v>
          </cell>
          <cell r="AT5771">
            <v>2013</v>
          </cell>
          <cell r="AU5771">
            <v>10</v>
          </cell>
        </row>
        <row r="5772">
          <cell r="C5772">
            <v>1.0286999999999999</v>
          </cell>
          <cell r="AT5772">
            <v>2013</v>
          </cell>
          <cell r="AU5772">
            <v>10</v>
          </cell>
        </row>
        <row r="5773">
          <cell r="C5773">
            <v>1.0286999999999999</v>
          </cell>
          <cell r="AT5773">
            <v>2013</v>
          </cell>
          <cell r="AU5773">
            <v>10</v>
          </cell>
        </row>
        <row r="5774">
          <cell r="C5774">
            <v>1.0286999999999999</v>
          </cell>
          <cell r="AT5774">
            <v>2013</v>
          </cell>
          <cell r="AU5774">
            <v>10</v>
          </cell>
        </row>
        <row r="5775">
          <cell r="C5775">
            <v>1.0297000000000001</v>
          </cell>
          <cell r="AT5775">
            <v>2013</v>
          </cell>
          <cell r="AU5775">
            <v>10</v>
          </cell>
        </row>
        <row r="5776">
          <cell r="C5776">
            <v>1.0284</v>
          </cell>
          <cell r="AT5776">
            <v>2013</v>
          </cell>
          <cell r="AU5776">
            <v>10</v>
          </cell>
        </row>
        <row r="5777">
          <cell r="C5777">
            <v>1.0385</v>
          </cell>
          <cell r="AT5777">
            <v>2013</v>
          </cell>
          <cell r="AU5777">
            <v>10</v>
          </cell>
        </row>
        <row r="5778">
          <cell r="C5778">
            <v>1.0385</v>
          </cell>
          <cell r="AT5778">
            <v>2013</v>
          </cell>
          <cell r="AU5778">
            <v>10</v>
          </cell>
        </row>
        <row r="5779">
          <cell r="C5779">
            <v>1.0449999999999999</v>
          </cell>
          <cell r="AT5779">
            <v>2013</v>
          </cell>
          <cell r="AU5779">
            <v>10</v>
          </cell>
        </row>
        <row r="5780">
          <cell r="C5780">
            <v>1.0449999999999999</v>
          </cell>
          <cell r="AT5780">
            <v>2013</v>
          </cell>
          <cell r="AU5780">
            <v>10</v>
          </cell>
        </row>
        <row r="5781">
          <cell r="C5781">
            <v>1.0449999999999999</v>
          </cell>
          <cell r="AT5781">
            <v>2013</v>
          </cell>
          <cell r="AU5781">
            <v>10</v>
          </cell>
        </row>
        <row r="5782">
          <cell r="C5782">
            <v>1.0445</v>
          </cell>
          <cell r="AT5782">
            <v>2013</v>
          </cell>
          <cell r="AU5782">
            <v>10</v>
          </cell>
        </row>
        <row r="5783">
          <cell r="C5783">
            <v>1.0445</v>
          </cell>
          <cell r="AT5783">
            <v>2013</v>
          </cell>
          <cell r="AU5783">
            <v>10</v>
          </cell>
        </row>
        <row r="5784">
          <cell r="C5784">
            <v>1.0445</v>
          </cell>
          <cell r="AT5784">
            <v>2013</v>
          </cell>
          <cell r="AU5784">
            <v>10</v>
          </cell>
        </row>
        <row r="5785">
          <cell r="C5785">
            <v>1.0428999999999999</v>
          </cell>
          <cell r="AT5785">
            <v>2013</v>
          </cell>
          <cell r="AU5785">
            <v>11</v>
          </cell>
        </row>
        <row r="5786">
          <cell r="C5786">
            <v>1.0443</v>
          </cell>
          <cell r="AT5786">
            <v>2013</v>
          </cell>
          <cell r="AU5786">
            <v>11</v>
          </cell>
        </row>
        <row r="5787">
          <cell r="C5787">
            <v>1.0443</v>
          </cell>
          <cell r="AT5787">
            <v>2013</v>
          </cell>
          <cell r="AU5787">
            <v>11</v>
          </cell>
        </row>
        <row r="5788">
          <cell r="C5788">
            <v>1.0443</v>
          </cell>
          <cell r="AT5788">
            <v>2013</v>
          </cell>
          <cell r="AU5788">
            <v>11</v>
          </cell>
        </row>
        <row r="5789">
          <cell r="C5789">
            <v>1.0415000000000001</v>
          </cell>
          <cell r="AT5789">
            <v>2013</v>
          </cell>
          <cell r="AU5789">
            <v>11</v>
          </cell>
        </row>
        <row r="5790">
          <cell r="C5790">
            <v>1.0448</v>
          </cell>
          <cell r="AT5790">
            <v>2013</v>
          </cell>
          <cell r="AU5790">
            <v>11</v>
          </cell>
        </row>
        <row r="5791">
          <cell r="C5791">
            <v>1.0419</v>
          </cell>
          <cell r="AT5791">
            <v>2013</v>
          </cell>
          <cell r="AU5791">
            <v>11</v>
          </cell>
        </row>
        <row r="5792">
          <cell r="C5792">
            <v>1.0442</v>
          </cell>
          <cell r="AT5792">
            <v>2013</v>
          </cell>
          <cell r="AU5792">
            <v>11</v>
          </cell>
        </row>
        <row r="5793">
          <cell r="C5793">
            <v>1.0487</v>
          </cell>
          <cell r="AT5793">
            <v>2013</v>
          </cell>
          <cell r="AU5793">
            <v>11</v>
          </cell>
        </row>
        <row r="5794">
          <cell r="C5794">
            <v>1.0487</v>
          </cell>
          <cell r="AT5794">
            <v>2013</v>
          </cell>
          <cell r="AU5794">
            <v>11</v>
          </cell>
        </row>
        <row r="5795">
          <cell r="C5795">
            <v>1.0487</v>
          </cell>
          <cell r="AT5795">
            <v>2013</v>
          </cell>
          <cell r="AU5795">
            <v>11</v>
          </cell>
        </row>
        <row r="5796">
          <cell r="C5796">
            <v>1.0487</v>
          </cell>
          <cell r="AT5796">
            <v>2013</v>
          </cell>
          <cell r="AU5796">
            <v>11</v>
          </cell>
        </row>
        <row r="5797">
          <cell r="C5797">
            <v>1.0502</v>
          </cell>
          <cell r="AT5797">
            <v>2013</v>
          </cell>
          <cell r="AU5797">
            <v>11</v>
          </cell>
        </row>
        <row r="5798">
          <cell r="C5798">
            <v>1.0468</v>
          </cell>
          <cell r="AT5798">
            <v>2013</v>
          </cell>
          <cell r="AU5798">
            <v>11</v>
          </cell>
        </row>
        <row r="5799">
          <cell r="C5799">
            <v>1.0497000000000001</v>
          </cell>
          <cell r="AT5799">
            <v>2013</v>
          </cell>
          <cell r="AU5799">
            <v>11</v>
          </cell>
        </row>
        <row r="5800">
          <cell r="C5800">
            <v>1.0458000000000001</v>
          </cell>
          <cell r="AT5800">
            <v>2013</v>
          </cell>
          <cell r="AU5800">
            <v>11</v>
          </cell>
        </row>
        <row r="5801">
          <cell r="C5801">
            <v>1.0458000000000001</v>
          </cell>
          <cell r="AT5801">
            <v>2013</v>
          </cell>
          <cell r="AU5801">
            <v>11</v>
          </cell>
        </row>
        <row r="5802">
          <cell r="C5802">
            <v>1.0458000000000001</v>
          </cell>
          <cell r="AT5802">
            <v>2013</v>
          </cell>
          <cell r="AU5802">
            <v>11</v>
          </cell>
        </row>
        <row r="5803">
          <cell r="C5803">
            <v>1.0427</v>
          </cell>
          <cell r="AT5803">
            <v>2013</v>
          </cell>
          <cell r="AU5803">
            <v>11</v>
          </cell>
        </row>
        <row r="5804">
          <cell r="C5804">
            <v>1.0466</v>
          </cell>
          <cell r="AT5804">
            <v>2013</v>
          </cell>
          <cell r="AU5804">
            <v>11</v>
          </cell>
        </row>
        <row r="5805">
          <cell r="C5805">
            <v>1.0445</v>
          </cell>
          <cell r="AT5805">
            <v>2013</v>
          </cell>
          <cell r="AU5805">
            <v>11</v>
          </cell>
        </row>
        <row r="5806">
          <cell r="C5806">
            <v>1.0506</v>
          </cell>
          <cell r="AT5806">
            <v>2013</v>
          </cell>
          <cell r="AU5806">
            <v>11</v>
          </cell>
        </row>
        <row r="5807">
          <cell r="C5807">
            <v>1.0535000000000001</v>
          </cell>
          <cell r="AT5807">
            <v>2013</v>
          </cell>
          <cell r="AU5807">
            <v>11</v>
          </cell>
        </row>
        <row r="5808">
          <cell r="C5808">
            <v>1.0535000000000001</v>
          </cell>
          <cell r="AT5808">
            <v>2013</v>
          </cell>
          <cell r="AU5808">
            <v>11</v>
          </cell>
        </row>
        <row r="5809">
          <cell r="C5809">
            <v>1.0535000000000001</v>
          </cell>
          <cell r="AT5809">
            <v>2013</v>
          </cell>
          <cell r="AU5809">
            <v>11</v>
          </cell>
        </row>
        <row r="5810">
          <cell r="C5810">
            <v>1.0553999999999999</v>
          </cell>
          <cell r="AT5810">
            <v>2013</v>
          </cell>
          <cell r="AU5810">
            <v>11</v>
          </cell>
        </row>
        <row r="5811">
          <cell r="C5811">
            <v>1.0547</v>
          </cell>
          <cell r="AT5811">
            <v>2013</v>
          </cell>
          <cell r="AU5811">
            <v>11</v>
          </cell>
        </row>
        <row r="5812">
          <cell r="C5812">
            <v>1.0547</v>
          </cell>
          <cell r="AT5812">
            <v>2013</v>
          </cell>
          <cell r="AU5812">
            <v>11</v>
          </cell>
        </row>
        <row r="5813">
          <cell r="C5813">
            <v>1.0592999999999999</v>
          </cell>
          <cell r="AT5813">
            <v>2013</v>
          </cell>
          <cell r="AU5813">
            <v>11</v>
          </cell>
        </row>
        <row r="5814">
          <cell r="C5814">
            <v>1.0592999999999999</v>
          </cell>
          <cell r="AT5814">
            <v>2013</v>
          </cell>
          <cell r="AU5814">
            <v>11</v>
          </cell>
        </row>
        <row r="5815">
          <cell r="C5815">
            <v>1.0592999999999999</v>
          </cell>
          <cell r="AT5815">
            <v>2013</v>
          </cell>
          <cell r="AU5815">
            <v>12</v>
          </cell>
        </row>
        <row r="5816">
          <cell r="C5816">
            <v>1.0592999999999999</v>
          </cell>
          <cell r="AT5816">
            <v>2013</v>
          </cell>
          <cell r="AU5816">
            <v>12</v>
          </cell>
        </row>
        <row r="5817">
          <cell r="C5817">
            <v>1.0633999999999999</v>
          </cell>
          <cell r="AT5817">
            <v>2013</v>
          </cell>
          <cell r="AU5817">
            <v>12</v>
          </cell>
        </row>
        <row r="5818">
          <cell r="C5818">
            <v>1.0662</v>
          </cell>
          <cell r="AT5818">
            <v>2013</v>
          </cell>
          <cell r="AU5818">
            <v>12</v>
          </cell>
        </row>
        <row r="5819">
          <cell r="C5819">
            <v>1.0696000000000001</v>
          </cell>
          <cell r="AT5819">
            <v>2013</v>
          </cell>
          <cell r="AU5819">
            <v>12</v>
          </cell>
        </row>
        <row r="5820">
          <cell r="C5820">
            <v>1.0638000000000001</v>
          </cell>
          <cell r="AT5820">
            <v>2013</v>
          </cell>
          <cell r="AU5820">
            <v>12</v>
          </cell>
        </row>
        <row r="5821">
          <cell r="C5821">
            <v>1.0663</v>
          </cell>
          <cell r="AT5821">
            <v>2013</v>
          </cell>
          <cell r="AU5821">
            <v>12</v>
          </cell>
        </row>
        <row r="5822">
          <cell r="C5822">
            <v>1.0663</v>
          </cell>
          <cell r="AT5822">
            <v>2013</v>
          </cell>
          <cell r="AU5822">
            <v>12</v>
          </cell>
        </row>
        <row r="5823">
          <cell r="C5823">
            <v>1.0663</v>
          </cell>
          <cell r="AT5823">
            <v>2013</v>
          </cell>
          <cell r="AU5823">
            <v>12</v>
          </cell>
        </row>
        <row r="5824">
          <cell r="C5824">
            <v>1.0641</v>
          </cell>
          <cell r="AT5824">
            <v>2013</v>
          </cell>
          <cell r="AU5824">
            <v>12</v>
          </cell>
        </row>
        <row r="5825">
          <cell r="C5825">
            <v>1.0623</v>
          </cell>
          <cell r="AT5825">
            <v>2013</v>
          </cell>
          <cell r="AU5825">
            <v>12</v>
          </cell>
        </row>
        <row r="5826">
          <cell r="C5826">
            <v>1.0607</v>
          </cell>
          <cell r="AT5826">
            <v>2013</v>
          </cell>
          <cell r="AU5826">
            <v>12</v>
          </cell>
        </row>
        <row r="5827">
          <cell r="C5827">
            <v>1.0641</v>
          </cell>
          <cell r="AT5827">
            <v>2013</v>
          </cell>
          <cell r="AU5827">
            <v>12</v>
          </cell>
        </row>
        <row r="5828">
          <cell r="C5828">
            <v>1.0595000000000001</v>
          </cell>
          <cell r="AT5828">
            <v>2013</v>
          </cell>
          <cell r="AU5828">
            <v>12</v>
          </cell>
        </row>
        <row r="5829">
          <cell r="C5829">
            <v>1.0595000000000001</v>
          </cell>
          <cell r="AT5829">
            <v>2013</v>
          </cell>
          <cell r="AU5829">
            <v>12</v>
          </cell>
        </row>
        <row r="5830">
          <cell r="C5830">
            <v>1.0595000000000001</v>
          </cell>
          <cell r="AT5830">
            <v>2013</v>
          </cell>
          <cell r="AU5830">
            <v>12</v>
          </cell>
        </row>
        <row r="5831">
          <cell r="C5831">
            <v>1.0577000000000001</v>
          </cell>
          <cell r="AT5831">
            <v>2013</v>
          </cell>
          <cell r="AU5831">
            <v>12</v>
          </cell>
        </row>
        <row r="5832">
          <cell r="C5832">
            <v>1.0609999999999999</v>
          </cell>
          <cell r="AT5832">
            <v>2013</v>
          </cell>
          <cell r="AU5832">
            <v>12</v>
          </cell>
        </row>
        <row r="5833">
          <cell r="C5833">
            <v>1.0645</v>
          </cell>
          <cell r="AT5833">
            <v>2013</v>
          </cell>
          <cell r="AU5833">
            <v>12</v>
          </cell>
        </row>
        <row r="5834">
          <cell r="C5834">
            <v>1.0676000000000001</v>
          </cell>
          <cell r="AT5834">
            <v>2013</v>
          </cell>
          <cell r="AU5834">
            <v>12</v>
          </cell>
        </row>
        <row r="5835">
          <cell r="C5835">
            <v>1.0680000000000001</v>
          </cell>
          <cell r="AT5835">
            <v>2013</v>
          </cell>
          <cell r="AU5835">
            <v>12</v>
          </cell>
        </row>
        <row r="5836">
          <cell r="C5836">
            <v>1.0680000000000001</v>
          </cell>
          <cell r="AT5836">
            <v>2013</v>
          </cell>
          <cell r="AU5836">
            <v>12</v>
          </cell>
        </row>
        <row r="5837">
          <cell r="C5837">
            <v>1.0680000000000001</v>
          </cell>
          <cell r="AT5837">
            <v>2013</v>
          </cell>
          <cell r="AU5837">
            <v>12</v>
          </cell>
        </row>
        <row r="5838">
          <cell r="C5838">
            <v>1.0603</v>
          </cell>
          <cell r="AT5838">
            <v>2013</v>
          </cell>
          <cell r="AU5838">
            <v>12</v>
          </cell>
        </row>
        <row r="5839">
          <cell r="C5839">
            <v>1.0619000000000001</v>
          </cell>
          <cell r="AT5839">
            <v>2013</v>
          </cell>
          <cell r="AU5839">
            <v>12</v>
          </cell>
        </row>
        <row r="5840">
          <cell r="C5840">
            <v>1.0619000000000001</v>
          </cell>
          <cell r="AT5840">
            <v>2013</v>
          </cell>
          <cell r="AU5840">
            <v>12</v>
          </cell>
        </row>
        <row r="5841">
          <cell r="C5841">
            <v>1.0619000000000001</v>
          </cell>
          <cell r="AT5841">
            <v>2013</v>
          </cell>
          <cell r="AU5841">
            <v>12</v>
          </cell>
        </row>
        <row r="5842">
          <cell r="C5842">
            <v>1.0697000000000001</v>
          </cell>
          <cell r="AT5842">
            <v>2013</v>
          </cell>
          <cell r="AU5842">
            <v>12</v>
          </cell>
        </row>
        <row r="5843">
          <cell r="C5843">
            <v>1.0697000000000001</v>
          </cell>
          <cell r="AT5843">
            <v>2013</v>
          </cell>
          <cell r="AU5843">
            <v>12</v>
          </cell>
        </row>
        <row r="5844">
          <cell r="C5844">
            <v>1.0697000000000001</v>
          </cell>
          <cell r="AT5844">
            <v>2013</v>
          </cell>
          <cell r="AU5844">
            <v>12</v>
          </cell>
        </row>
        <row r="5845">
          <cell r="C5845">
            <v>1.0640000000000001</v>
          </cell>
          <cell r="AT5845">
            <v>2013</v>
          </cell>
          <cell r="AU5845">
            <v>12</v>
          </cell>
        </row>
        <row r="5846">
          <cell r="C5846">
            <v>1.0636000000000001</v>
          </cell>
          <cell r="AT5846">
            <v>2014</v>
          </cell>
          <cell r="AU5846">
            <v>1</v>
          </cell>
        </row>
        <row r="5847">
          <cell r="C5847">
            <v>1.0636000000000001</v>
          </cell>
          <cell r="AT5847">
            <v>2014</v>
          </cell>
          <cell r="AU5847">
            <v>1</v>
          </cell>
        </row>
        <row r="5848">
          <cell r="C5848">
            <v>1.0632999999999999</v>
          </cell>
          <cell r="AT5848">
            <v>2014</v>
          </cell>
          <cell r="AU5848">
            <v>1</v>
          </cell>
        </row>
        <row r="5849">
          <cell r="C5849">
            <v>1.0613999999999999</v>
          </cell>
          <cell r="AT5849">
            <v>2014</v>
          </cell>
          <cell r="AU5849">
            <v>1</v>
          </cell>
        </row>
        <row r="5850">
          <cell r="C5850">
            <v>1.0613999999999999</v>
          </cell>
          <cell r="AT5850">
            <v>2014</v>
          </cell>
          <cell r="AU5850">
            <v>1</v>
          </cell>
        </row>
        <row r="5851">
          <cell r="C5851">
            <v>1.0613999999999999</v>
          </cell>
          <cell r="AT5851">
            <v>2014</v>
          </cell>
          <cell r="AU5851">
            <v>1</v>
          </cell>
        </row>
        <row r="5852">
          <cell r="C5852">
            <v>1.0659000000000001</v>
          </cell>
          <cell r="AT5852">
            <v>2014</v>
          </cell>
          <cell r="AU5852">
            <v>1</v>
          </cell>
        </row>
        <row r="5853">
          <cell r="C5853">
            <v>1.0742</v>
          </cell>
          <cell r="AT5853">
            <v>2014</v>
          </cell>
          <cell r="AU5853">
            <v>1</v>
          </cell>
        </row>
        <row r="5854">
          <cell r="C5854">
            <v>1.0804</v>
          </cell>
          <cell r="AT5854">
            <v>2014</v>
          </cell>
          <cell r="AU5854">
            <v>1</v>
          </cell>
        </row>
        <row r="5855">
          <cell r="C5855">
            <v>1.0851</v>
          </cell>
          <cell r="AT5855">
            <v>2014</v>
          </cell>
          <cell r="AU5855">
            <v>1</v>
          </cell>
        </row>
        <row r="5856">
          <cell r="C5856">
            <v>1.0916999999999999</v>
          </cell>
          <cell r="AT5856">
            <v>2014</v>
          </cell>
          <cell r="AU5856">
            <v>1</v>
          </cell>
        </row>
        <row r="5857">
          <cell r="C5857">
            <v>1.0916999999999999</v>
          </cell>
          <cell r="AT5857">
            <v>2014</v>
          </cell>
          <cell r="AU5857">
            <v>1</v>
          </cell>
        </row>
        <row r="5858">
          <cell r="C5858">
            <v>1.0916999999999999</v>
          </cell>
          <cell r="AT5858">
            <v>2014</v>
          </cell>
          <cell r="AU5858">
            <v>1</v>
          </cell>
        </row>
        <row r="5859">
          <cell r="C5859">
            <v>1.0869</v>
          </cell>
          <cell r="AT5859">
            <v>2014</v>
          </cell>
          <cell r="AU5859">
            <v>1</v>
          </cell>
        </row>
        <row r="5860">
          <cell r="C5860">
            <v>1.0933999999999999</v>
          </cell>
          <cell r="AT5860">
            <v>2014</v>
          </cell>
          <cell r="AU5860">
            <v>1</v>
          </cell>
        </row>
        <row r="5861">
          <cell r="C5861">
            <v>1.0932999999999999</v>
          </cell>
          <cell r="AT5861">
            <v>2014</v>
          </cell>
          <cell r="AU5861">
            <v>1</v>
          </cell>
        </row>
        <row r="5862">
          <cell r="C5862">
            <v>1.0926</v>
          </cell>
          <cell r="AT5862">
            <v>2014</v>
          </cell>
          <cell r="AU5862">
            <v>1</v>
          </cell>
        </row>
        <row r="5863">
          <cell r="C5863">
            <v>1.0961000000000001</v>
          </cell>
          <cell r="AT5863">
            <v>2014</v>
          </cell>
          <cell r="AU5863">
            <v>1</v>
          </cell>
        </row>
        <row r="5864">
          <cell r="C5864">
            <v>1.0961000000000001</v>
          </cell>
          <cell r="AT5864">
            <v>2014</v>
          </cell>
          <cell r="AU5864">
            <v>1</v>
          </cell>
        </row>
        <row r="5865">
          <cell r="C5865">
            <v>1.0961000000000001</v>
          </cell>
          <cell r="AT5865">
            <v>2014</v>
          </cell>
          <cell r="AU5865">
            <v>1</v>
          </cell>
        </row>
        <row r="5866">
          <cell r="C5866">
            <v>1.0962000000000001</v>
          </cell>
          <cell r="AT5866">
            <v>2014</v>
          </cell>
          <cell r="AU5866">
            <v>1</v>
          </cell>
        </row>
        <row r="5867">
          <cell r="C5867">
            <v>1.0972</v>
          </cell>
          <cell r="AT5867">
            <v>2014</v>
          </cell>
          <cell r="AU5867">
            <v>1</v>
          </cell>
        </row>
        <row r="5868">
          <cell r="C5868">
            <v>1.1069</v>
          </cell>
          <cell r="AT5868">
            <v>2014</v>
          </cell>
          <cell r="AU5868">
            <v>1</v>
          </cell>
        </row>
        <row r="5869">
          <cell r="C5869">
            <v>1.113</v>
          </cell>
          <cell r="AT5869">
            <v>2014</v>
          </cell>
          <cell r="AU5869">
            <v>1</v>
          </cell>
        </row>
        <row r="5870">
          <cell r="C5870">
            <v>1.1062000000000001</v>
          </cell>
          <cell r="AT5870">
            <v>2014</v>
          </cell>
          <cell r="AU5870">
            <v>1</v>
          </cell>
        </row>
        <row r="5871">
          <cell r="C5871">
            <v>1.1062000000000001</v>
          </cell>
          <cell r="AT5871">
            <v>2014</v>
          </cell>
          <cell r="AU5871">
            <v>1</v>
          </cell>
        </row>
        <row r="5872">
          <cell r="C5872">
            <v>1.1062000000000001</v>
          </cell>
          <cell r="AT5872">
            <v>2014</v>
          </cell>
          <cell r="AU5872">
            <v>1</v>
          </cell>
        </row>
        <row r="5873">
          <cell r="C5873">
            <v>1.1097999999999999</v>
          </cell>
          <cell r="AT5873">
            <v>2014</v>
          </cell>
          <cell r="AU5873">
            <v>1</v>
          </cell>
        </row>
        <row r="5874">
          <cell r="C5874">
            <v>1.1148</v>
          </cell>
          <cell r="AT5874">
            <v>2014</v>
          </cell>
          <cell r="AU5874">
            <v>1</v>
          </cell>
        </row>
        <row r="5875">
          <cell r="C5875">
            <v>1.1148</v>
          </cell>
          <cell r="AT5875">
            <v>2014</v>
          </cell>
          <cell r="AU5875">
            <v>1</v>
          </cell>
        </row>
        <row r="5876">
          <cell r="C5876">
            <v>1.1171</v>
          </cell>
          <cell r="AT5876">
            <v>2014</v>
          </cell>
          <cell r="AU5876">
            <v>1</v>
          </cell>
        </row>
        <row r="5877">
          <cell r="C5877">
            <v>1.1119000000000001</v>
          </cell>
          <cell r="AT5877">
            <v>2014</v>
          </cell>
          <cell r="AU5877">
            <v>2</v>
          </cell>
        </row>
        <row r="5878">
          <cell r="C5878">
            <v>1.1119000000000001</v>
          </cell>
          <cell r="AT5878">
            <v>2014</v>
          </cell>
          <cell r="AU5878">
            <v>2</v>
          </cell>
        </row>
        <row r="5879">
          <cell r="C5879">
            <v>1.1119000000000001</v>
          </cell>
          <cell r="AT5879">
            <v>2014</v>
          </cell>
          <cell r="AU5879">
            <v>2</v>
          </cell>
        </row>
        <row r="5880">
          <cell r="C5880">
            <v>1.1075999999999999</v>
          </cell>
          <cell r="AT5880">
            <v>2014</v>
          </cell>
          <cell r="AU5880">
            <v>2</v>
          </cell>
        </row>
        <row r="5881">
          <cell r="C5881">
            <v>1.1054999999999999</v>
          </cell>
          <cell r="AT5881">
            <v>2014</v>
          </cell>
          <cell r="AU5881">
            <v>2</v>
          </cell>
        </row>
        <row r="5882">
          <cell r="C5882">
            <v>1.1101000000000001</v>
          </cell>
          <cell r="AT5882">
            <v>2014</v>
          </cell>
          <cell r="AU5882">
            <v>2</v>
          </cell>
        </row>
        <row r="5883">
          <cell r="C5883">
            <v>1.1066</v>
          </cell>
          <cell r="AT5883">
            <v>2014</v>
          </cell>
          <cell r="AU5883">
            <v>2</v>
          </cell>
        </row>
        <row r="5884">
          <cell r="C5884">
            <v>1.1017999999999999</v>
          </cell>
          <cell r="AT5884">
            <v>2014</v>
          </cell>
          <cell r="AU5884">
            <v>2</v>
          </cell>
        </row>
        <row r="5885">
          <cell r="C5885">
            <v>1.1017999999999999</v>
          </cell>
          <cell r="AT5885">
            <v>2014</v>
          </cell>
          <cell r="AU5885">
            <v>2</v>
          </cell>
        </row>
        <row r="5886">
          <cell r="C5886">
            <v>1.1017999999999999</v>
          </cell>
          <cell r="AT5886">
            <v>2014</v>
          </cell>
          <cell r="AU5886">
            <v>2</v>
          </cell>
        </row>
        <row r="5887">
          <cell r="C5887">
            <v>1.1048</v>
          </cell>
          <cell r="AT5887">
            <v>2014</v>
          </cell>
          <cell r="AU5887">
            <v>2</v>
          </cell>
        </row>
        <row r="5888">
          <cell r="C5888">
            <v>1.1025</v>
          </cell>
          <cell r="AT5888">
            <v>2014</v>
          </cell>
          <cell r="AU5888">
            <v>2</v>
          </cell>
        </row>
        <row r="5889">
          <cell r="C5889">
            <v>1.0992999999999999</v>
          </cell>
          <cell r="AT5889">
            <v>2014</v>
          </cell>
          <cell r="AU5889">
            <v>2</v>
          </cell>
        </row>
        <row r="5890">
          <cell r="C5890">
            <v>1.0980000000000001</v>
          </cell>
          <cell r="AT5890">
            <v>2014</v>
          </cell>
          <cell r="AU5890">
            <v>2</v>
          </cell>
        </row>
        <row r="5891">
          <cell r="C5891">
            <v>1.0981000000000001</v>
          </cell>
          <cell r="AT5891">
            <v>2014</v>
          </cell>
          <cell r="AU5891">
            <v>2</v>
          </cell>
        </row>
        <row r="5892">
          <cell r="C5892">
            <v>1.0981000000000001</v>
          </cell>
          <cell r="AT5892">
            <v>2014</v>
          </cell>
          <cell r="AU5892">
            <v>2</v>
          </cell>
        </row>
        <row r="5893">
          <cell r="C5893">
            <v>1.0981000000000001</v>
          </cell>
          <cell r="AT5893">
            <v>2014</v>
          </cell>
          <cell r="AU5893">
            <v>2</v>
          </cell>
        </row>
        <row r="5894">
          <cell r="C5894">
            <v>1.0981000000000001</v>
          </cell>
          <cell r="AT5894">
            <v>2014</v>
          </cell>
          <cell r="AU5894">
            <v>2</v>
          </cell>
        </row>
        <row r="5895">
          <cell r="C5895">
            <v>1.0952999999999999</v>
          </cell>
          <cell r="AT5895">
            <v>2014</v>
          </cell>
          <cell r="AU5895">
            <v>2</v>
          </cell>
        </row>
        <row r="5896">
          <cell r="C5896">
            <v>1.1045</v>
          </cell>
          <cell r="AT5896">
            <v>2014</v>
          </cell>
          <cell r="AU5896">
            <v>2</v>
          </cell>
        </row>
        <row r="5897">
          <cell r="C5897">
            <v>1.1104000000000001</v>
          </cell>
          <cell r="AT5897">
            <v>2014</v>
          </cell>
          <cell r="AU5897">
            <v>2</v>
          </cell>
        </row>
        <row r="5898">
          <cell r="C5898">
            <v>1.1128</v>
          </cell>
          <cell r="AT5898">
            <v>2014</v>
          </cell>
          <cell r="AU5898">
            <v>2</v>
          </cell>
        </row>
        <row r="5899">
          <cell r="C5899">
            <v>1.1128</v>
          </cell>
          <cell r="AT5899">
            <v>2014</v>
          </cell>
          <cell r="AU5899">
            <v>2</v>
          </cell>
        </row>
        <row r="5900">
          <cell r="C5900">
            <v>1.1128</v>
          </cell>
          <cell r="AT5900">
            <v>2014</v>
          </cell>
          <cell r="AU5900">
            <v>2</v>
          </cell>
        </row>
        <row r="5901">
          <cell r="C5901">
            <v>1.1057999999999999</v>
          </cell>
          <cell r="AT5901">
            <v>2014</v>
          </cell>
          <cell r="AU5901">
            <v>2</v>
          </cell>
        </row>
        <row r="5902">
          <cell r="C5902">
            <v>1.1084000000000001</v>
          </cell>
          <cell r="AT5902">
            <v>2014</v>
          </cell>
          <cell r="AU5902">
            <v>2</v>
          </cell>
        </row>
        <row r="5903">
          <cell r="C5903">
            <v>1.1116999999999999</v>
          </cell>
          <cell r="AT5903">
            <v>2014</v>
          </cell>
          <cell r="AU5903">
            <v>2</v>
          </cell>
        </row>
        <row r="5904">
          <cell r="C5904">
            <v>1.1140000000000001</v>
          </cell>
          <cell r="AT5904">
            <v>2014</v>
          </cell>
          <cell r="AU5904">
            <v>2</v>
          </cell>
        </row>
        <row r="5905">
          <cell r="C5905">
            <v>1.1074999999999999</v>
          </cell>
          <cell r="AT5905">
            <v>2014</v>
          </cell>
          <cell r="AU5905">
            <v>3</v>
          </cell>
        </row>
        <row r="5906">
          <cell r="C5906">
            <v>1.1074999999999999</v>
          </cell>
          <cell r="AT5906">
            <v>2014</v>
          </cell>
          <cell r="AU5906">
            <v>3</v>
          </cell>
        </row>
        <row r="5907">
          <cell r="C5907">
            <v>1.1074999999999999</v>
          </cell>
          <cell r="AT5907">
            <v>2014</v>
          </cell>
          <cell r="AU5907">
            <v>3</v>
          </cell>
        </row>
        <row r="5908">
          <cell r="C5908">
            <v>1.1074999999999999</v>
          </cell>
          <cell r="AT5908">
            <v>2014</v>
          </cell>
          <cell r="AU5908">
            <v>3</v>
          </cell>
        </row>
        <row r="5909">
          <cell r="C5909">
            <v>1.1113999999999999</v>
          </cell>
          <cell r="AT5909">
            <v>2014</v>
          </cell>
          <cell r="AU5909">
            <v>3</v>
          </cell>
        </row>
        <row r="5910">
          <cell r="C5910">
            <v>1.1051</v>
          </cell>
          <cell r="AT5910">
            <v>2014</v>
          </cell>
          <cell r="AU5910">
            <v>3</v>
          </cell>
        </row>
        <row r="5911">
          <cell r="C5911">
            <v>1.0966</v>
          </cell>
          <cell r="AT5911">
            <v>2014</v>
          </cell>
          <cell r="AU5911">
            <v>3</v>
          </cell>
        </row>
        <row r="5912">
          <cell r="C5912">
            <v>1.1089</v>
          </cell>
          <cell r="AT5912">
            <v>2014</v>
          </cell>
          <cell r="AU5912">
            <v>3</v>
          </cell>
        </row>
        <row r="5913">
          <cell r="C5913">
            <v>1.1089</v>
          </cell>
          <cell r="AT5913">
            <v>2014</v>
          </cell>
          <cell r="AU5913">
            <v>3</v>
          </cell>
        </row>
        <row r="5914">
          <cell r="C5914">
            <v>1.1089</v>
          </cell>
          <cell r="AT5914">
            <v>2014</v>
          </cell>
          <cell r="AU5914">
            <v>3</v>
          </cell>
        </row>
        <row r="5915">
          <cell r="C5915">
            <v>1.1105</v>
          </cell>
          <cell r="AT5915">
            <v>2014</v>
          </cell>
          <cell r="AU5915">
            <v>3</v>
          </cell>
        </row>
        <row r="5916">
          <cell r="C5916">
            <v>1.1085</v>
          </cell>
          <cell r="AT5916">
            <v>2014</v>
          </cell>
          <cell r="AU5916">
            <v>3</v>
          </cell>
        </row>
        <row r="5917">
          <cell r="C5917">
            <v>1.1132</v>
          </cell>
          <cell r="AT5917">
            <v>2014</v>
          </cell>
          <cell r="AU5917">
            <v>3</v>
          </cell>
        </row>
        <row r="5918">
          <cell r="C5918">
            <v>1.1056999999999999</v>
          </cell>
          <cell r="AT5918">
            <v>2014</v>
          </cell>
          <cell r="AU5918">
            <v>3</v>
          </cell>
        </row>
        <row r="5919">
          <cell r="C5919">
            <v>1.1087</v>
          </cell>
          <cell r="AT5919">
            <v>2014</v>
          </cell>
          <cell r="AU5919">
            <v>3</v>
          </cell>
        </row>
        <row r="5920">
          <cell r="C5920">
            <v>1.1087</v>
          </cell>
          <cell r="AT5920">
            <v>2014</v>
          </cell>
          <cell r="AU5920">
            <v>3</v>
          </cell>
        </row>
        <row r="5921">
          <cell r="C5921">
            <v>1.1087</v>
          </cell>
          <cell r="AT5921">
            <v>2014</v>
          </cell>
          <cell r="AU5921">
            <v>3</v>
          </cell>
        </row>
        <row r="5922">
          <cell r="C5922">
            <v>1.1052</v>
          </cell>
          <cell r="AT5922">
            <v>2014</v>
          </cell>
          <cell r="AU5922">
            <v>3</v>
          </cell>
        </row>
        <row r="5923">
          <cell r="C5923">
            <v>1.1086</v>
          </cell>
          <cell r="AT5923">
            <v>2014</v>
          </cell>
          <cell r="AU5923">
            <v>3</v>
          </cell>
        </row>
        <row r="5924">
          <cell r="C5924">
            <v>1.1178999999999999</v>
          </cell>
          <cell r="AT5924">
            <v>2014</v>
          </cell>
          <cell r="AU5924">
            <v>3</v>
          </cell>
        </row>
        <row r="5925">
          <cell r="C5925">
            <v>1.1251</v>
          </cell>
          <cell r="AT5925">
            <v>2014</v>
          </cell>
          <cell r="AU5925">
            <v>3</v>
          </cell>
        </row>
        <row r="5926">
          <cell r="C5926">
            <v>1.1194</v>
          </cell>
          <cell r="AT5926">
            <v>2014</v>
          </cell>
          <cell r="AU5926">
            <v>3</v>
          </cell>
        </row>
        <row r="5927">
          <cell r="C5927">
            <v>1.1194</v>
          </cell>
          <cell r="AT5927">
            <v>2014</v>
          </cell>
          <cell r="AU5927">
            <v>3</v>
          </cell>
        </row>
        <row r="5928">
          <cell r="C5928">
            <v>1.1194</v>
          </cell>
          <cell r="AT5928">
            <v>2014</v>
          </cell>
          <cell r="AU5928">
            <v>3</v>
          </cell>
        </row>
        <row r="5929">
          <cell r="C5929">
            <v>1.1216999999999999</v>
          </cell>
          <cell r="AT5929">
            <v>2014</v>
          </cell>
          <cell r="AU5929">
            <v>3</v>
          </cell>
        </row>
        <row r="5930">
          <cell r="C5930">
            <v>1.1175999999999999</v>
          </cell>
          <cell r="AT5930">
            <v>2014</v>
          </cell>
          <cell r="AU5930">
            <v>3</v>
          </cell>
        </row>
        <row r="5931">
          <cell r="C5931">
            <v>1.1143000000000001</v>
          </cell>
          <cell r="AT5931">
            <v>2014</v>
          </cell>
          <cell r="AU5931">
            <v>3</v>
          </cell>
        </row>
        <row r="5932">
          <cell r="C5932">
            <v>1.1056999999999999</v>
          </cell>
          <cell r="AT5932">
            <v>2014</v>
          </cell>
          <cell r="AU5932">
            <v>3</v>
          </cell>
        </row>
        <row r="5933">
          <cell r="C5933">
            <v>1.1056999999999999</v>
          </cell>
          <cell r="AT5933">
            <v>2014</v>
          </cell>
          <cell r="AU5933">
            <v>3</v>
          </cell>
        </row>
        <row r="5934">
          <cell r="C5934">
            <v>1.1056999999999999</v>
          </cell>
          <cell r="AT5934">
            <v>2014</v>
          </cell>
          <cell r="AU5934">
            <v>3</v>
          </cell>
        </row>
        <row r="5935">
          <cell r="C5935">
            <v>1.1056999999999999</v>
          </cell>
          <cell r="AT5935">
            <v>2014</v>
          </cell>
          <cell r="AU5935">
            <v>3</v>
          </cell>
        </row>
        <row r="5936">
          <cell r="C5936">
            <v>1.1052999999999999</v>
          </cell>
          <cell r="AT5936">
            <v>2014</v>
          </cell>
          <cell r="AU5936">
            <v>4</v>
          </cell>
        </row>
        <row r="5937">
          <cell r="C5937">
            <v>1.1027</v>
          </cell>
          <cell r="AT5937">
            <v>2014</v>
          </cell>
          <cell r="AU5937">
            <v>4</v>
          </cell>
        </row>
        <row r="5938">
          <cell r="C5938">
            <v>1.1031</v>
          </cell>
          <cell r="AT5938">
            <v>2014</v>
          </cell>
          <cell r="AU5938">
            <v>4</v>
          </cell>
        </row>
        <row r="5939">
          <cell r="C5939">
            <v>1.1034999999999999</v>
          </cell>
          <cell r="AT5939">
            <v>2014</v>
          </cell>
          <cell r="AU5939">
            <v>4</v>
          </cell>
        </row>
        <row r="5940">
          <cell r="C5940">
            <v>1.0978000000000001</v>
          </cell>
          <cell r="AT5940">
            <v>2014</v>
          </cell>
          <cell r="AU5940">
            <v>4</v>
          </cell>
        </row>
        <row r="5941">
          <cell r="C5941">
            <v>1.0978000000000001</v>
          </cell>
          <cell r="AT5941">
            <v>2014</v>
          </cell>
          <cell r="AU5941">
            <v>4</v>
          </cell>
        </row>
        <row r="5942">
          <cell r="C5942">
            <v>1.0978000000000001</v>
          </cell>
          <cell r="AT5942">
            <v>2014</v>
          </cell>
          <cell r="AU5942">
            <v>4</v>
          </cell>
        </row>
        <row r="5943">
          <cell r="C5943">
            <v>1.0971</v>
          </cell>
          <cell r="AT5943">
            <v>2014</v>
          </cell>
          <cell r="AU5943">
            <v>4</v>
          </cell>
        </row>
        <row r="5944">
          <cell r="C5944">
            <v>1.0922000000000001</v>
          </cell>
          <cell r="AT5944">
            <v>2014</v>
          </cell>
          <cell r="AU5944">
            <v>4</v>
          </cell>
        </row>
        <row r="5945">
          <cell r="C5945">
            <v>1.0903</v>
          </cell>
          <cell r="AT5945">
            <v>2014</v>
          </cell>
          <cell r="AU5945">
            <v>4</v>
          </cell>
        </row>
        <row r="5946">
          <cell r="C5946">
            <v>1.0911999999999999</v>
          </cell>
          <cell r="AT5946">
            <v>2014</v>
          </cell>
          <cell r="AU5946">
            <v>4</v>
          </cell>
        </row>
        <row r="5947">
          <cell r="C5947">
            <v>1.0960000000000001</v>
          </cell>
          <cell r="AT5947">
            <v>2014</v>
          </cell>
          <cell r="AU5947">
            <v>4</v>
          </cell>
        </row>
        <row r="5948">
          <cell r="C5948">
            <v>1.0960000000000001</v>
          </cell>
          <cell r="AT5948">
            <v>2014</v>
          </cell>
          <cell r="AU5948">
            <v>4</v>
          </cell>
        </row>
        <row r="5949">
          <cell r="C5949">
            <v>1.0960000000000001</v>
          </cell>
          <cell r="AT5949">
            <v>2014</v>
          </cell>
          <cell r="AU5949">
            <v>4</v>
          </cell>
        </row>
        <row r="5950">
          <cell r="C5950">
            <v>1.097</v>
          </cell>
          <cell r="AT5950">
            <v>2014</v>
          </cell>
          <cell r="AU5950">
            <v>4</v>
          </cell>
        </row>
        <row r="5951">
          <cell r="C5951">
            <v>1.0981000000000001</v>
          </cell>
          <cell r="AT5951">
            <v>2014</v>
          </cell>
          <cell r="AU5951">
            <v>4</v>
          </cell>
        </row>
        <row r="5952">
          <cell r="C5952">
            <v>1.1028</v>
          </cell>
          <cell r="AT5952">
            <v>2014</v>
          </cell>
          <cell r="AU5952">
            <v>4</v>
          </cell>
        </row>
        <row r="5953">
          <cell r="C5953">
            <v>1.0998000000000001</v>
          </cell>
          <cell r="AT5953">
            <v>2014</v>
          </cell>
          <cell r="AU5953">
            <v>4</v>
          </cell>
        </row>
        <row r="5954">
          <cell r="C5954">
            <v>1.0998000000000001</v>
          </cell>
          <cell r="AT5954">
            <v>2014</v>
          </cell>
          <cell r="AU5954">
            <v>4</v>
          </cell>
        </row>
        <row r="5955">
          <cell r="C5955">
            <v>1.0998000000000001</v>
          </cell>
          <cell r="AT5955">
            <v>2014</v>
          </cell>
          <cell r="AU5955">
            <v>4</v>
          </cell>
        </row>
        <row r="5956">
          <cell r="C5956">
            <v>1.0998000000000001</v>
          </cell>
          <cell r="AT5956">
            <v>2014</v>
          </cell>
          <cell r="AU5956">
            <v>4</v>
          </cell>
        </row>
        <row r="5957">
          <cell r="C5957">
            <v>1.0998000000000001</v>
          </cell>
          <cell r="AT5957">
            <v>2014</v>
          </cell>
          <cell r="AU5957">
            <v>4</v>
          </cell>
        </row>
        <row r="5958">
          <cell r="C5958">
            <v>1.1026</v>
          </cell>
          <cell r="AT5958">
            <v>2014</v>
          </cell>
          <cell r="AU5958">
            <v>4</v>
          </cell>
        </row>
        <row r="5959">
          <cell r="C5959">
            <v>1.1032</v>
          </cell>
          <cell r="AT5959">
            <v>2014</v>
          </cell>
          <cell r="AU5959">
            <v>4</v>
          </cell>
        </row>
        <row r="5960">
          <cell r="C5960">
            <v>1.1027</v>
          </cell>
          <cell r="AT5960">
            <v>2014</v>
          </cell>
          <cell r="AU5960">
            <v>4</v>
          </cell>
        </row>
        <row r="5961">
          <cell r="C5961">
            <v>1.1042000000000001</v>
          </cell>
          <cell r="AT5961">
            <v>2014</v>
          </cell>
          <cell r="AU5961">
            <v>4</v>
          </cell>
        </row>
        <row r="5962">
          <cell r="C5962">
            <v>1.1042000000000001</v>
          </cell>
          <cell r="AT5962">
            <v>2014</v>
          </cell>
          <cell r="AU5962">
            <v>4</v>
          </cell>
        </row>
        <row r="5963">
          <cell r="C5963">
            <v>1.1042000000000001</v>
          </cell>
          <cell r="AT5963">
            <v>2014</v>
          </cell>
          <cell r="AU5963">
            <v>4</v>
          </cell>
        </row>
        <row r="5964">
          <cell r="C5964">
            <v>1.1032999999999999</v>
          </cell>
          <cell r="AT5964">
            <v>2014</v>
          </cell>
          <cell r="AU5964">
            <v>4</v>
          </cell>
        </row>
        <row r="5965">
          <cell r="C5965">
            <v>1.0963000000000001</v>
          </cell>
          <cell r="AT5965">
            <v>2014</v>
          </cell>
          <cell r="AU5965">
            <v>4</v>
          </cell>
        </row>
        <row r="5966">
          <cell r="C5966">
            <v>1.0956999999999999</v>
          </cell>
          <cell r="AT5966">
            <v>2014</v>
          </cell>
          <cell r="AU5966">
            <v>5</v>
          </cell>
        </row>
        <row r="5967">
          <cell r="C5967">
            <v>1.0956999999999999</v>
          </cell>
          <cell r="AT5967">
            <v>2014</v>
          </cell>
          <cell r="AU5967">
            <v>5</v>
          </cell>
        </row>
        <row r="5968">
          <cell r="C5968">
            <v>1.0972999999999999</v>
          </cell>
          <cell r="AT5968">
            <v>2014</v>
          </cell>
          <cell r="AU5968">
            <v>5</v>
          </cell>
        </row>
        <row r="5969">
          <cell r="C5969">
            <v>1.0972999999999999</v>
          </cell>
          <cell r="AT5969">
            <v>2014</v>
          </cell>
          <cell r="AU5969">
            <v>5</v>
          </cell>
        </row>
        <row r="5970">
          <cell r="C5970">
            <v>1.0972999999999999</v>
          </cell>
          <cell r="AT5970">
            <v>2014</v>
          </cell>
          <cell r="AU5970">
            <v>5</v>
          </cell>
        </row>
        <row r="5971">
          <cell r="C5971">
            <v>1.0954999999999999</v>
          </cell>
          <cell r="AT5971">
            <v>2014</v>
          </cell>
          <cell r="AU5971">
            <v>5</v>
          </cell>
        </row>
        <row r="5972">
          <cell r="C5972">
            <v>1.089</v>
          </cell>
          <cell r="AT5972">
            <v>2014</v>
          </cell>
          <cell r="AU5972">
            <v>5</v>
          </cell>
        </row>
        <row r="5973">
          <cell r="C5973">
            <v>1.0895999999999999</v>
          </cell>
          <cell r="AT5973">
            <v>2014</v>
          </cell>
          <cell r="AU5973">
            <v>5</v>
          </cell>
        </row>
        <row r="5974">
          <cell r="C5974">
            <v>1.0858000000000001</v>
          </cell>
          <cell r="AT5974">
            <v>2014</v>
          </cell>
          <cell r="AU5974">
            <v>5</v>
          </cell>
        </row>
        <row r="5975">
          <cell r="C5975">
            <v>1.0900000000000001</v>
          </cell>
          <cell r="AT5975">
            <v>2014</v>
          </cell>
          <cell r="AU5975">
            <v>5</v>
          </cell>
        </row>
        <row r="5976">
          <cell r="C5976">
            <v>1.0900000000000001</v>
          </cell>
          <cell r="AT5976">
            <v>2014</v>
          </cell>
          <cell r="AU5976">
            <v>5</v>
          </cell>
        </row>
        <row r="5977">
          <cell r="C5977">
            <v>1.0900000000000001</v>
          </cell>
          <cell r="AT5977">
            <v>2014</v>
          </cell>
          <cell r="AU5977">
            <v>5</v>
          </cell>
        </row>
        <row r="5978">
          <cell r="C5978">
            <v>1.0887</v>
          </cell>
          <cell r="AT5978">
            <v>2014</v>
          </cell>
          <cell r="AU5978">
            <v>5</v>
          </cell>
        </row>
        <row r="5979">
          <cell r="C5979">
            <v>1.0891999999999999</v>
          </cell>
          <cell r="AT5979">
            <v>2014</v>
          </cell>
          <cell r="AU5979">
            <v>5</v>
          </cell>
        </row>
        <row r="5980">
          <cell r="C5980">
            <v>1.0887</v>
          </cell>
          <cell r="AT5980">
            <v>2014</v>
          </cell>
          <cell r="AU5980">
            <v>5</v>
          </cell>
        </row>
        <row r="5981">
          <cell r="C5981">
            <v>1.0887</v>
          </cell>
          <cell r="AT5981">
            <v>2014</v>
          </cell>
          <cell r="AU5981">
            <v>5</v>
          </cell>
        </row>
        <row r="5982">
          <cell r="C5982">
            <v>1.0882000000000001</v>
          </cell>
          <cell r="AT5982">
            <v>2014</v>
          </cell>
          <cell r="AU5982">
            <v>5</v>
          </cell>
        </row>
        <row r="5983">
          <cell r="C5983">
            <v>1.0882000000000001</v>
          </cell>
          <cell r="AT5983">
            <v>2014</v>
          </cell>
          <cell r="AU5983">
            <v>5</v>
          </cell>
        </row>
        <row r="5984">
          <cell r="C5984">
            <v>1.0882000000000001</v>
          </cell>
          <cell r="AT5984">
            <v>2014</v>
          </cell>
          <cell r="AU5984">
            <v>5</v>
          </cell>
        </row>
        <row r="5985">
          <cell r="C5985">
            <v>1.0882000000000001</v>
          </cell>
          <cell r="AT5985">
            <v>2014</v>
          </cell>
          <cell r="AU5985">
            <v>5</v>
          </cell>
        </row>
        <row r="5986">
          <cell r="C5986">
            <v>1.0901000000000001</v>
          </cell>
          <cell r="AT5986">
            <v>2014</v>
          </cell>
          <cell r="AU5986">
            <v>5</v>
          </cell>
        </row>
        <row r="5987">
          <cell r="C5987">
            <v>1.0932999999999999</v>
          </cell>
          <cell r="AT5987">
            <v>2014</v>
          </cell>
          <cell r="AU5987">
            <v>5</v>
          </cell>
        </row>
        <row r="5988">
          <cell r="C5988">
            <v>1.0898000000000001</v>
          </cell>
          <cell r="AT5988">
            <v>2014</v>
          </cell>
          <cell r="AU5988">
            <v>5</v>
          </cell>
        </row>
        <row r="5989">
          <cell r="C5989">
            <v>1.087</v>
          </cell>
          <cell r="AT5989">
            <v>2014</v>
          </cell>
          <cell r="AU5989">
            <v>5</v>
          </cell>
        </row>
        <row r="5990">
          <cell r="C5990">
            <v>1.087</v>
          </cell>
          <cell r="AT5990">
            <v>2014</v>
          </cell>
          <cell r="AU5990">
            <v>5</v>
          </cell>
        </row>
        <row r="5991">
          <cell r="C5991">
            <v>1.087</v>
          </cell>
          <cell r="AT5991">
            <v>2014</v>
          </cell>
          <cell r="AU5991">
            <v>5</v>
          </cell>
        </row>
        <row r="5992">
          <cell r="C5992">
            <v>1.087</v>
          </cell>
          <cell r="AT5992">
            <v>2014</v>
          </cell>
          <cell r="AU5992">
            <v>5</v>
          </cell>
        </row>
        <row r="5993">
          <cell r="C5993">
            <v>1.0869</v>
          </cell>
          <cell r="AT5993">
            <v>2014</v>
          </cell>
          <cell r="AU5993">
            <v>5</v>
          </cell>
        </row>
        <row r="5994">
          <cell r="C5994">
            <v>1.0867</v>
          </cell>
          <cell r="AT5994">
            <v>2014</v>
          </cell>
          <cell r="AU5994">
            <v>5</v>
          </cell>
        </row>
        <row r="5995">
          <cell r="C5995">
            <v>1.0837000000000001</v>
          </cell>
          <cell r="AT5995">
            <v>2014</v>
          </cell>
          <cell r="AU5995">
            <v>5</v>
          </cell>
        </row>
        <row r="5996">
          <cell r="C5996">
            <v>1.0867</v>
          </cell>
          <cell r="AT5996">
            <v>2014</v>
          </cell>
          <cell r="AU5996">
            <v>5</v>
          </cell>
        </row>
        <row r="5997">
          <cell r="C5997">
            <v>1.0867</v>
          </cell>
          <cell r="AT5997">
            <v>2014</v>
          </cell>
          <cell r="AU5997">
            <v>6</v>
          </cell>
        </row>
        <row r="5998">
          <cell r="C5998">
            <v>1.0867</v>
          </cell>
          <cell r="AT5998">
            <v>2014</v>
          </cell>
          <cell r="AU5998">
            <v>6</v>
          </cell>
        </row>
        <row r="5999">
          <cell r="C5999">
            <v>1.0867</v>
          </cell>
          <cell r="AT5999">
            <v>2014</v>
          </cell>
          <cell r="AU5999">
            <v>6</v>
          </cell>
        </row>
        <row r="6000">
          <cell r="C6000">
            <v>1.0914999999999999</v>
          </cell>
          <cell r="AT6000">
            <v>2014</v>
          </cell>
          <cell r="AU6000">
            <v>6</v>
          </cell>
        </row>
        <row r="6001">
          <cell r="C6001">
            <v>1.0914999999999999</v>
          </cell>
          <cell r="AT6001">
            <v>2014</v>
          </cell>
          <cell r="AU6001">
            <v>6</v>
          </cell>
        </row>
        <row r="6002">
          <cell r="C6002">
            <v>1.0933999999999999</v>
          </cell>
          <cell r="AT6002">
            <v>2014</v>
          </cell>
          <cell r="AU6002">
            <v>6</v>
          </cell>
        </row>
        <row r="6003">
          <cell r="C6003">
            <v>1.0935999999999999</v>
          </cell>
          <cell r="AT6003">
            <v>2014</v>
          </cell>
          <cell r="AU6003">
            <v>6</v>
          </cell>
        </row>
        <row r="6004">
          <cell r="C6004">
            <v>1.0935999999999999</v>
          </cell>
          <cell r="AT6004">
            <v>2014</v>
          </cell>
          <cell r="AU6004">
            <v>6</v>
          </cell>
        </row>
        <row r="6005">
          <cell r="C6005">
            <v>1.0935999999999999</v>
          </cell>
          <cell r="AT6005">
            <v>2014</v>
          </cell>
          <cell r="AU6005">
            <v>6</v>
          </cell>
        </row>
        <row r="6006">
          <cell r="C6006">
            <v>1.091</v>
          </cell>
          <cell r="AT6006">
            <v>2014</v>
          </cell>
          <cell r="AU6006">
            <v>6</v>
          </cell>
        </row>
        <row r="6007">
          <cell r="C6007">
            <v>1.0914999999999999</v>
          </cell>
          <cell r="AT6007">
            <v>2014</v>
          </cell>
          <cell r="AU6007">
            <v>6</v>
          </cell>
        </row>
        <row r="6008">
          <cell r="C6008">
            <v>1.0867</v>
          </cell>
          <cell r="AT6008">
            <v>2014</v>
          </cell>
          <cell r="AU6008">
            <v>6</v>
          </cell>
        </row>
        <row r="6009">
          <cell r="C6009">
            <v>1.0851</v>
          </cell>
          <cell r="AT6009">
            <v>2014</v>
          </cell>
          <cell r="AU6009">
            <v>6</v>
          </cell>
        </row>
        <row r="6010">
          <cell r="C6010">
            <v>1.0868</v>
          </cell>
          <cell r="AT6010">
            <v>2014</v>
          </cell>
          <cell r="AU6010">
            <v>6</v>
          </cell>
        </row>
        <row r="6011">
          <cell r="C6011">
            <v>1.0868</v>
          </cell>
          <cell r="AT6011">
            <v>2014</v>
          </cell>
          <cell r="AU6011">
            <v>6</v>
          </cell>
        </row>
        <row r="6012">
          <cell r="C6012">
            <v>1.0868</v>
          </cell>
          <cell r="AT6012">
            <v>2014</v>
          </cell>
          <cell r="AU6012">
            <v>6</v>
          </cell>
        </row>
        <row r="6013">
          <cell r="C6013">
            <v>1.085</v>
          </cell>
          <cell r="AT6013">
            <v>2014</v>
          </cell>
          <cell r="AU6013">
            <v>6</v>
          </cell>
        </row>
        <row r="6014">
          <cell r="C6014">
            <v>1.0851999999999999</v>
          </cell>
          <cell r="AT6014">
            <v>2014</v>
          </cell>
          <cell r="AU6014">
            <v>6</v>
          </cell>
        </row>
        <row r="6015">
          <cell r="C6015">
            <v>1.087</v>
          </cell>
          <cell r="AT6015">
            <v>2014</v>
          </cell>
          <cell r="AU6015">
            <v>6</v>
          </cell>
        </row>
        <row r="6016">
          <cell r="C6016">
            <v>1.0828</v>
          </cell>
          <cell r="AT6016">
            <v>2014</v>
          </cell>
          <cell r="AU6016">
            <v>6</v>
          </cell>
        </row>
        <row r="6017">
          <cell r="C6017">
            <v>1.0766</v>
          </cell>
          <cell r="AT6017">
            <v>2014</v>
          </cell>
          <cell r="AU6017">
            <v>6</v>
          </cell>
        </row>
        <row r="6018">
          <cell r="C6018">
            <v>1.0766</v>
          </cell>
          <cell r="AT6018">
            <v>2014</v>
          </cell>
          <cell r="AU6018">
            <v>6</v>
          </cell>
        </row>
        <row r="6019">
          <cell r="C6019">
            <v>1.0766</v>
          </cell>
          <cell r="AT6019">
            <v>2014</v>
          </cell>
          <cell r="AU6019">
            <v>6</v>
          </cell>
        </row>
        <row r="6020">
          <cell r="C6020">
            <v>1.0730999999999999</v>
          </cell>
          <cell r="AT6020">
            <v>2014</v>
          </cell>
          <cell r="AU6020">
            <v>6</v>
          </cell>
        </row>
        <row r="6021">
          <cell r="C6021">
            <v>1.0740000000000001</v>
          </cell>
          <cell r="AT6021">
            <v>2014</v>
          </cell>
          <cell r="AU6021">
            <v>6</v>
          </cell>
        </row>
        <row r="6022">
          <cell r="C6022">
            <v>1.0721000000000001</v>
          </cell>
          <cell r="AT6022">
            <v>2014</v>
          </cell>
          <cell r="AU6022">
            <v>6</v>
          </cell>
        </row>
        <row r="6023">
          <cell r="C6023">
            <v>1.0707</v>
          </cell>
          <cell r="AT6023">
            <v>2014</v>
          </cell>
          <cell r="AU6023">
            <v>6</v>
          </cell>
        </row>
        <row r="6024">
          <cell r="C6024">
            <v>1.0676000000000001</v>
          </cell>
          <cell r="AT6024">
            <v>2014</v>
          </cell>
          <cell r="AU6024">
            <v>6</v>
          </cell>
        </row>
        <row r="6025">
          <cell r="C6025">
            <v>1.0676000000000001</v>
          </cell>
          <cell r="AT6025">
            <v>2014</v>
          </cell>
          <cell r="AU6025">
            <v>6</v>
          </cell>
        </row>
        <row r="6026">
          <cell r="C6026">
            <v>1.0676000000000001</v>
          </cell>
          <cell r="AT6026">
            <v>2014</v>
          </cell>
          <cell r="AU6026">
            <v>6</v>
          </cell>
        </row>
        <row r="6027">
          <cell r="C6027">
            <v>1.0676000000000001</v>
          </cell>
          <cell r="AT6027">
            <v>2014</v>
          </cell>
          <cell r="AU6027">
            <v>7</v>
          </cell>
        </row>
        <row r="6028">
          <cell r="C6028">
            <v>1.0676000000000001</v>
          </cell>
          <cell r="AT6028">
            <v>2014</v>
          </cell>
          <cell r="AU6028">
            <v>7</v>
          </cell>
        </row>
        <row r="6029">
          <cell r="C6029">
            <v>1.0667</v>
          </cell>
          <cell r="AT6029">
            <v>2014</v>
          </cell>
          <cell r="AU6029">
            <v>7</v>
          </cell>
        </row>
        <row r="6030">
          <cell r="C6030">
            <v>1.0633999999999999</v>
          </cell>
          <cell r="AT6030">
            <v>2014</v>
          </cell>
          <cell r="AU6030">
            <v>7</v>
          </cell>
        </row>
        <row r="6031">
          <cell r="C6031">
            <v>1.0639000000000001</v>
          </cell>
          <cell r="AT6031">
            <v>2014</v>
          </cell>
          <cell r="AU6031">
            <v>7</v>
          </cell>
        </row>
        <row r="6032">
          <cell r="C6032">
            <v>1.0639000000000001</v>
          </cell>
          <cell r="AT6032">
            <v>2014</v>
          </cell>
          <cell r="AU6032">
            <v>7</v>
          </cell>
        </row>
        <row r="6033">
          <cell r="C6033">
            <v>1.0639000000000001</v>
          </cell>
          <cell r="AT6033">
            <v>2014</v>
          </cell>
          <cell r="AU6033">
            <v>7</v>
          </cell>
        </row>
        <row r="6034">
          <cell r="C6034">
            <v>1.0662</v>
          </cell>
          <cell r="AT6034">
            <v>2014</v>
          </cell>
          <cell r="AU6034">
            <v>7</v>
          </cell>
        </row>
        <row r="6035">
          <cell r="C6035">
            <v>1.0673999999999999</v>
          </cell>
          <cell r="AT6035">
            <v>2014</v>
          </cell>
          <cell r="AU6035">
            <v>7</v>
          </cell>
        </row>
        <row r="6036">
          <cell r="C6036">
            <v>1.0649999999999999</v>
          </cell>
          <cell r="AT6036">
            <v>2014</v>
          </cell>
          <cell r="AU6036">
            <v>7</v>
          </cell>
        </row>
        <row r="6037">
          <cell r="C6037">
            <v>1.0658000000000001</v>
          </cell>
          <cell r="AT6037">
            <v>2014</v>
          </cell>
          <cell r="AU6037">
            <v>7</v>
          </cell>
        </row>
        <row r="6038">
          <cell r="C6038">
            <v>1.0720000000000001</v>
          </cell>
          <cell r="AT6038">
            <v>2014</v>
          </cell>
          <cell r="AU6038">
            <v>7</v>
          </cell>
        </row>
        <row r="6039">
          <cell r="C6039">
            <v>1.0720000000000001</v>
          </cell>
          <cell r="AT6039">
            <v>2014</v>
          </cell>
          <cell r="AU6039">
            <v>7</v>
          </cell>
        </row>
        <row r="6040">
          <cell r="C6040">
            <v>1.0720000000000001</v>
          </cell>
          <cell r="AT6040">
            <v>2014</v>
          </cell>
          <cell r="AU6040">
            <v>7</v>
          </cell>
        </row>
        <row r="6041">
          <cell r="C6041">
            <v>1.0722</v>
          </cell>
          <cell r="AT6041">
            <v>2014</v>
          </cell>
          <cell r="AU6041">
            <v>7</v>
          </cell>
        </row>
        <row r="6042">
          <cell r="C6042">
            <v>1.0722</v>
          </cell>
          <cell r="AT6042">
            <v>2014</v>
          </cell>
          <cell r="AU6042">
            <v>7</v>
          </cell>
        </row>
        <row r="6043">
          <cell r="C6043">
            <v>1.075</v>
          </cell>
          <cell r="AT6043">
            <v>2014</v>
          </cell>
          <cell r="AU6043">
            <v>7</v>
          </cell>
        </row>
        <row r="6044">
          <cell r="C6044">
            <v>1.0752999999999999</v>
          </cell>
          <cell r="AT6044">
            <v>2014</v>
          </cell>
          <cell r="AU6044">
            <v>7</v>
          </cell>
        </row>
        <row r="6045">
          <cell r="C6045">
            <v>1.0737000000000001</v>
          </cell>
          <cell r="AT6045">
            <v>2014</v>
          </cell>
          <cell r="AU6045">
            <v>7</v>
          </cell>
        </row>
        <row r="6046">
          <cell r="C6046">
            <v>1.0737000000000001</v>
          </cell>
          <cell r="AT6046">
            <v>2014</v>
          </cell>
          <cell r="AU6046">
            <v>7</v>
          </cell>
        </row>
        <row r="6047">
          <cell r="C6047">
            <v>1.0737000000000001</v>
          </cell>
          <cell r="AT6047">
            <v>2014</v>
          </cell>
          <cell r="AU6047">
            <v>7</v>
          </cell>
        </row>
        <row r="6048">
          <cell r="C6048">
            <v>1.0737000000000001</v>
          </cell>
          <cell r="AT6048">
            <v>2014</v>
          </cell>
          <cell r="AU6048">
            <v>7</v>
          </cell>
        </row>
        <row r="6049">
          <cell r="C6049">
            <v>1.0745</v>
          </cell>
          <cell r="AT6049">
            <v>2014</v>
          </cell>
          <cell r="AU6049">
            <v>7</v>
          </cell>
        </row>
        <row r="6050">
          <cell r="C6050">
            <v>1.0741000000000001</v>
          </cell>
          <cell r="AT6050">
            <v>2014</v>
          </cell>
          <cell r="AU6050">
            <v>7</v>
          </cell>
        </row>
        <row r="6051">
          <cell r="C6051">
            <v>1.0742</v>
          </cell>
          <cell r="AT6051">
            <v>2014</v>
          </cell>
          <cell r="AU6051">
            <v>7</v>
          </cell>
        </row>
        <row r="6052">
          <cell r="C6052">
            <v>1.0813999999999999</v>
          </cell>
          <cell r="AT6052">
            <v>2014</v>
          </cell>
          <cell r="AU6052">
            <v>7</v>
          </cell>
        </row>
        <row r="6053">
          <cell r="C6053">
            <v>1.0813999999999999</v>
          </cell>
          <cell r="AT6053">
            <v>2014</v>
          </cell>
          <cell r="AU6053">
            <v>7</v>
          </cell>
        </row>
        <row r="6054">
          <cell r="C6054">
            <v>1.0813999999999999</v>
          </cell>
          <cell r="AT6054">
            <v>2014</v>
          </cell>
          <cell r="AU6054">
            <v>7</v>
          </cell>
        </row>
        <row r="6055">
          <cell r="C6055">
            <v>1.0801000000000001</v>
          </cell>
          <cell r="AT6055">
            <v>2014</v>
          </cell>
          <cell r="AU6055">
            <v>7</v>
          </cell>
        </row>
        <row r="6056">
          <cell r="C6056">
            <v>1.0851</v>
          </cell>
          <cell r="AT6056">
            <v>2014</v>
          </cell>
          <cell r="AU6056">
            <v>7</v>
          </cell>
        </row>
        <row r="6057">
          <cell r="C6057">
            <v>1.0909</v>
          </cell>
          <cell r="AT6057">
            <v>2014</v>
          </cell>
          <cell r="AU6057">
            <v>7</v>
          </cell>
        </row>
        <row r="6058">
          <cell r="C6058">
            <v>1.089</v>
          </cell>
          <cell r="AT6058">
            <v>2014</v>
          </cell>
          <cell r="AU6058">
            <v>8</v>
          </cell>
        </row>
        <row r="6059">
          <cell r="C6059">
            <v>1.0919000000000001</v>
          </cell>
          <cell r="AT6059">
            <v>2014</v>
          </cell>
          <cell r="AU6059">
            <v>8</v>
          </cell>
        </row>
        <row r="6060">
          <cell r="C6060">
            <v>1.0919000000000001</v>
          </cell>
          <cell r="AT6060">
            <v>2014</v>
          </cell>
          <cell r="AU6060">
            <v>8</v>
          </cell>
        </row>
        <row r="6061">
          <cell r="C6061">
            <v>1.0919000000000001</v>
          </cell>
          <cell r="AT6061">
            <v>2014</v>
          </cell>
          <cell r="AU6061">
            <v>8</v>
          </cell>
        </row>
        <row r="6062">
          <cell r="C6062">
            <v>1.0919000000000001</v>
          </cell>
          <cell r="AT6062">
            <v>2014</v>
          </cell>
          <cell r="AU6062">
            <v>8</v>
          </cell>
        </row>
        <row r="6063">
          <cell r="C6063">
            <v>1.0919000000000001</v>
          </cell>
          <cell r="AT6063">
            <v>2014</v>
          </cell>
          <cell r="AU6063">
            <v>8</v>
          </cell>
        </row>
        <row r="6064">
          <cell r="C6064">
            <v>1.0926</v>
          </cell>
          <cell r="AT6064">
            <v>2014</v>
          </cell>
          <cell r="AU6064">
            <v>8</v>
          </cell>
        </row>
        <row r="6065">
          <cell r="C6065">
            <v>1.0922000000000001</v>
          </cell>
          <cell r="AT6065">
            <v>2014</v>
          </cell>
          <cell r="AU6065">
            <v>8</v>
          </cell>
        </row>
        <row r="6066">
          <cell r="C6066">
            <v>1.0982000000000001</v>
          </cell>
          <cell r="AT6066">
            <v>2014</v>
          </cell>
          <cell r="AU6066">
            <v>8</v>
          </cell>
        </row>
        <row r="6067">
          <cell r="C6067">
            <v>1.0982000000000001</v>
          </cell>
          <cell r="AT6067">
            <v>2014</v>
          </cell>
          <cell r="AU6067">
            <v>8</v>
          </cell>
        </row>
        <row r="6068">
          <cell r="C6068">
            <v>1.0982000000000001</v>
          </cell>
          <cell r="AT6068">
            <v>2014</v>
          </cell>
          <cell r="AU6068">
            <v>8</v>
          </cell>
        </row>
        <row r="6069">
          <cell r="C6069">
            <v>1.0934999999999999</v>
          </cell>
          <cell r="AT6069">
            <v>2014</v>
          </cell>
          <cell r="AU6069">
            <v>8</v>
          </cell>
        </row>
        <row r="6070">
          <cell r="C6070">
            <v>1.0944</v>
          </cell>
          <cell r="AT6070">
            <v>2014</v>
          </cell>
          <cell r="AU6070">
            <v>8</v>
          </cell>
        </row>
        <row r="6071">
          <cell r="C6071">
            <v>1.0929</v>
          </cell>
          <cell r="AT6071">
            <v>2014</v>
          </cell>
          <cell r="AU6071">
            <v>8</v>
          </cell>
        </row>
        <row r="6072">
          <cell r="C6072">
            <v>1.0911</v>
          </cell>
          <cell r="AT6072">
            <v>2014</v>
          </cell>
          <cell r="AU6072">
            <v>8</v>
          </cell>
        </row>
        <row r="6073">
          <cell r="C6073">
            <v>1.091</v>
          </cell>
          <cell r="AT6073">
            <v>2014</v>
          </cell>
          <cell r="AU6073">
            <v>8</v>
          </cell>
        </row>
        <row r="6074">
          <cell r="C6074">
            <v>1.091</v>
          </cell>
          <cell r="AT6074">
            <v>2014</v>
          </cell>
          <cell r="AU6074">
            <v>8</v>
          </cell>
        </row>
        <row r="6075">
          <cell r="C6075">
            <v>1.091</v>
          </cell>
          <cell r="AT6075">
            <v>2014</v>
          </cell>
          <cell r="AU6075">
            <v>8</v>
          </cell>
        </row>
        <row r="6076">
          <cell r="C6076">
            <v>1.0889</v>
          </cell>
          <cell r="AT6076">
            <v>2014</v>
          </cell>
          <cell r="AU6076">
            <v>8</v>
          </cell>
        </row>
        <row r="6077">
          <cell r="C6077">
            <v>1.0929</v>
          </cell>
          <cell r="AT6077">
            <v>2014</v>
          </cell>
          <cell r="AU6077">
            <v>8</v>
          </cell>
        </row>
        <row r="6078">
          <cell r="C6078">
            <v>1.0944</v>
          </cell>
          <cell r="AT6078">
            <v>2014</v>
          </cell>
          <cell r="AU6078">
            <v>8</v>
          </cell>
        </row>
        <row r="6079">
          <cell r="C6079">
            <v>1.0948</v>
          </cell>
          <cell r="AT6079">
            <v>2014</v>
          </cell>
          <cell r="AU6079">
            <v>8</v>
          </cell>
        </row>
        <row r="6080">
          <cell r="C6080">
            <v>1.095</v>
          </cell>
          <cell r="AT6080">
            <v>2014</v>
          </cell>
          <cell r="AU6080">
            <v>8</v>
          </cell>
        </row>
        <row r="6081">
          <cell r="C6081">
            <v>1.095</v>
          </cell>
          <cell r="AT6081">
            <v>2014</v>
          </cell>
          <cell r="AU6081">
            <v>8</v>
          </cell>
        </row>
        <row r="6082">
          <cell r="C6082">
            <v>1.095</v>
          </cell>
          <cell r="AT6082">
            <v>2014</v>
          </cell>
          <cell r="AU6082">
            <v>8</v>
          </cell>
        </row>
        <row r="6083">
          <cell r="C6083">
            <v>1.0980000000000001</v>
          </cell>
          <cell r="AT6083">
            <v>2014</v>
          </cell>
          <cell r="AU6083">
            <v>8</v>
          </cell>
        </row>
        <row r="6084">
          <cell r="C6084">
            <v>1.0951</v>
          </cell>
          <cell r="AT6084">
            <v>2014</v>
          </cell>
          <cell r="AU6084">
            <v>8</v>
          </cell>
        </row>
        <row r="6085">
          <cell r="C6085">
            <v>1.0891</v>
          </cell>
          <cell r="AT6085">
            <v>2014</v>
          </cell>
          <cell r="AU6085">
            <v>8</v>
          </cell>
        </row>
        <row r="6086">
          <cell r="C6086">
            <v>1.0857000000000001</v>
          </cell>
          <cell r="AT6086">
            <v>2014</v>
          </cell>
          <cell r="AU6086">
            <v>8</v>
          </cell>
        </row>
        <row r="6087">
          <cell r="C6087">
            <v>1.0858000000000001</v>
          </cell>
          <cell r="AT6087">
            <v>2014</v>
          </cell>
          <cell r="AU6087">
            <v>8</v>
          </cell>
        </row>
        <row r="6088">
          <cell r="C6088">
            <v>1.0858000000000001</v>
          </cell>
          <cell r="AT6088">
            <v>2014</v>
          </cell>
          <cell r="AU6088">
            <v>8</v>
          </cell>
        </row>
        <row r="6089">
          <cell r="C6089">
            <v>1.0858000000000001</v>
          </cell>
          <cell r="AT6089">
            <v>2014</v>
          </cell>
          <cell r="AU6089">
            <v>9</v>
          </cell>
        </row>
        <row r="6090">
          <cell r="C6090">
            <v>1.0858000000000001</v>
          </cell>
          <cell r="AT6090">
            <v>2014</v>
          </cell>
          <cell r="AU6090">
            <v>9</v>
          </cell>
        </row>
        <row r="6091">
          <cell r="C6091">
            <v>1.0858000000000001</v>
          </cell>
          <cell r="AT6091">
            <v>2014</v>
          </cell>
          <cell r="AU6091">
            <v>9</v>
          </cell>
        </row>
        <row r="6092">
          <cell r="C6092">
            <v>1.0872999999999999</v>
          </cell>
          <cell r="AT6092">
            <v>2014</v>
          </cell>
          <cell r="AU6092">
            <v>9</v>
          </cell>
        </row>
        <row r="6093">
          <cell r="C6093">
            <v>1.0863</v>
          </cell>
          <cell r="AT6093">
            <v>2014</v>
          </cell>
          <cell r="AU6093">
            <v>9</v>
          </cell>
        </row>
        <row r="6094">
          <cell r="C6094">
            <v>1.089</v>
          </cell>
          <cell r="AT6094">
            <v>2014</v>
          </cell>
          <cell r="AU6094">
            <v>9</v>
          </cell>
        </row>
        <row r="6095">
          <cell r="C6095">
            <v>1.089</v>
          </cell>
          <cell r="AT6095">
            <v>2014</v>
          </cell>
          <cell r="AU6095">
            <v>9</v>
          </cell>
        </row>
        <row r="6096">
          <cell r="C6096">
            <v>1.089</v>
          </cell>
          <cell r="AT6096">
            <v>2014</v>
          </cell>
          <cell r="AU6096">
            <v>9</v>
          </cell>
        </row>
        <row r="6097">
          <cell r="C6097">
            <v>1.0932999999999999</v>
          </cell>
          <cell r="AT6097">
            <v>2014</v>
          </cell>
          <cell r="AU6097">
            <v>9</v>
          </cell>
        </row>
        <row r="6098">
          <cell r="C6098">
            <v>1.1012</v>
          </cell>
          <cell r="AT6098">
            <v>2014</v>
          </cell>
          <cell r="AU6098">
            <v>9</v>
          </cell>
        </row>
        <row r="6099">
          <cell r="C6099">
            <v>1.0954999999999999</v>
          </cell>
          <cell r="AT6099">
            <v>2014</v>
          </cell>
          <cell r="AU6099">
            <v>9</v>
          </cell>
        </row>
        <row r="6100">
          <cell r="C6100">
            <v>1.1032</v>
          </cell>
          <cell r="AT6100">
            <v>2014</v>
          </cell>
          <cell r="AU6100">
            <v>9</v>
          </cell>
        </row>
        <row r="6101">
          <cell r="C6101">
            <v>1.1075999999999999</v>
          </cell>
          <cell r="AT6101">
            <v>2014</v>
          </cell>
          <cell r="AU6101">
            <v>9</v>
          </cell>
        </row>
        <row r="6102">
          <cell r="C6102">
            <v>1.1075999999999999</v>
          </cell>
          <cell r="AT6102">
            <v>2014</v>
          </cell>
          <cell r="AU6102">
            <v>9</v>
          </cell>
        </row>
        <row r="6103">
          <cell r="C6103">
            <v>1.1075999999999999</v>
          </cell>
          <cell r="AT6103">
            <v>2014</v>
          </cell>
          <cell r="AU6103">
            <v>9</v>
          </cell>
        </row>
        <row r="6104">
          <cell r="C6104">
            <v>1.1051</v>
          </cell>
          <cell r="AT6104">
            <v>2014</v>
          </cell>
          <cell r="AU6104">
            <v>9</v>
          </cell>
        </row>
        <row r="6105">
          <cell r="C6105">
            <v>1.099</v>
          </cell>
          <cell r="AT6105">
            <v>2014</v>
          </cell>
          <cell r="AU6105">
            <v>9</v>
          </cell>
        </row>
        <row r="6106">
          <cell r="C6106">
            <v>1.0952</v>
          </cell>
          <cell r="AT6106">
            <v>2014</v>
          </cell>
          <cell r="AU6106">
            <v>9</v>
          </cell>
        </row>
        <row r="6107">
          <cell r="C6107">
            <v>1.0946</v>
          </cell>
          <cell r="AT6107">
            <v>2014</v>
          </cell>
          <cell r="AU6107">
            <v>9</v>
          </cell>
        </row>
        <row r="6108">
          <cell r="C6108">
            <v>1.0969</v>
          </cell>
          <cell r="AT6108">
            <v>2014</v>
          </cell>
          <cell r="AU6108">
            <v>9</v>
          </cell>
        </row>
        <row r="6109">
          <cell r="C6109">
            <v>1.0969</v>
          </cell>
          <cell r="AT6109">
            <v>2014</v>
          </cell>
          <cell r="AU6109">
            <v>9</v>
          </cell>
        </row>
        <row r="6110">
          <cell r="C6110">
            <v>1.0969</v>
          </cell>
          <cell r="AT6110">
            <v>2014</v>
          </cell>
          <cell r="AU6110">
            <v>9</v>
          </cell>
        </row>
        <row r="6111">
          <cell r="C6111">
            <v>1.1008</v>
          </cell>
          <cell r="AT6111">
            <v>2014</v>
          </cell>
          <cell r="AU6111">
            <v>9</v>
          </cell>
        </row>
        <row r="6112">
          <cell r="C6112">
            <v>1.1060000000000001</v>
          </cell>
          <cell r="AT6112">
            <v>2014</v>
          </cell>
          <cell r="AU6112">
            <v>9</v>
          </cell>
        </row>
        <row r="6113">
          <cell r="C6113">
            <v>1.109</v>
          </cell>
          <cell r="AT6113">
            <v>2014</v>
          </cell>
          <cell r="AU6113">
            <v>9</v>
          </cell>
        </row>
        <row r="6114">
          <cell r="C6114">
            <v>1.1106</v>
          </cell>
          <cell r="AT6114">
            <v>2014</v>
          </cell>
          <cell r="AU6114">
            <v>9</v>
          </cell>
        </row>
        <row r="6115">
          <cell r="C6115">
            <v>1.1164000000000001</v>
          </cell>
          <cell r="AT6115">
            <v>2014</v>
          </cell>
          <cell r="AU6115">
            <v>9</v>
          </cell>
        </row>
        <row r="6116">
          <cell r="C6116">
            <v>1.1164000000000001</v>
          </cell>
          <cell r="AT6116">
            <v>2014</v>
          </cell>
          <cell r="AU6116">
            <v>9</v>
          </cell>
        </row>
        <row r="6117">
          <cell r="C6117">
            <v>1.1164000000000001</v>
          </cell>
          <cell r="AT6117">
            <v>2014</v>
          </cell>
          <cell r="AU6117">
            <v>9</v>
          </cell>
        </row>
        <row r="6118">
          <cell r="C6118">
            <v>1.1145</v>
          </cell>
          <cell r="AT6118">
            <v>2014</v>
          </cell>
          <cell r="AU6118">
            <v>9</v>
          </cell>
        </row>
        <row r="6119">
          <cell r="C6119">
            <v>1.1208</v>
          </cell>
          <cell r="AT6119">
            <v>2014</v>
          </cell>
          <cell r="AU6119">
            <v>10</v>
          </cell>
        </row>
        <row r="6120">
          <cell r="C6120">
            <v>1.1171</v>
          </cell>
          <cell r="AT6120">
            <v>2014</v>
          </cell>
          <cell r="AU6120">
            <v>10</v>
          </cell>
        </row>
        <row r="6121">
          <cell r="C6121">
            <v>1.1151</v>
          </cell>
          <cell r="AT6121">
            <v>2014</v>
          </cell>
          <cell r="AU6121">
            <v>10</v>
          </cell>
        </row>
        <row r="6122">
          <cell r="C6122">
            <v>1.1255999999999999</v>
          </cell>
          <cell r="AT6122">
            <v>2014</v>
          </cell>
          <cell r="AU6122">
            <v>10</v>
          </cell>
        </row>
        <row r="6123">
          <cell r="C6123">
            <v>1.1255999999999999</v>
          </cell>
          <cell r="AT6123">
            <v>2014</v>
          </cell>
          <cell r="AU6123">
            <v>10</v>
          </cell>
        </row>
        <row r="6124">
          <cell r="C6124">
            <v>1.1255999999999999</v>
          </cell>
          <cell r="AT6124">
            <v>2014</v>
          </cell>
          <cell r="AU6124">
            <v>10</v>
          </cell>
        </row>
        <row r="6125">
          <cell r="C6125">
            <v>1.1174999999999999</v>
          </cell>
          <cell r="AT6125">
            <v>2014</v>
          </cell>
          <cell r="AU6125">
            <v>10</v>
          </cell>
        </row>
        <row r="6126">
          <cell r="C6126">
            <v>1.1174999999999999</v>
          </cell>
          <cell r="AT6126">
            <v>2014</v>
          </cell>
          <cell r="AU6126">
            <v>10</v>
          </cell>
        </row>
        <row r="6127">
          <cell r="C6127">
            <v>1.1182000000000001</v>
          </cell>
          <cell r="AT6127">
            <v>2014</v>
          </cell>
          <cell r="AU6127">
            <v>10</v>
          </cell>
        </row>
        <row r="6128">
          <cell r="C6128">
            <v>1.1149</v>
          </cell>
          <cell r="AT6128">
            <v>2014</v>
          </cell>
          <cell r="AU6128">
            <v>10</v>
          </cell>
        </row>
        <row r="6129">
          <cell r="C6129">
            <v>1.1176999999999999</v>
          </cell>
          <cell r="AT6129">
            <v>2014</v>
          </cell>
          <cell r="AU6129">
            <v>10</v>
          </cell>
        </row>
        <row r="6130">
          <cell r="C6130">
            <v>1.1176999999999999</v>
          </cell>
          <cell r="AT6130">
            <v>2014</v>
          </cell>
          <cell r="AU6130">
            <v>10</v>
          </cell>
        </row>
        <row r="6131">
          <cell r="C6131">
            <v>1.1176999999999999</v>
          </cell>
          <cell r="AT6131">
            <v>2014</v>
          </cell>
          <cell r="AU6131">
            <v>10</v>
          </cell>
        </row>
        <row r="6132">
          <cell r="C6132">
            <v>1.1176999999999999</v>
          </cell>
          <cell r="AT6132">
            <v>2014</v>
          </cell>
          <cell r="AU6132">
            <v>10</v>
          </cell>
        </row>
        <row r="6133">
          <cell r="C6133">
            <v>1.1235999999999999</v>
          </cell>
          <cell r="AT6133">
            <v>2014</v>
          </cell>
          <cell r="AU6133">
            <v>10</v>
          </cell>
        </row>
        <row r="6134">
          <cell r="C6134">
            <v>1.1289</v>
          </cell>
          <cell r="AT6134">
            <v>2014</v>
          </cell>
          <cell r="AU6134">
            <v>10</v>
          </cell>
        </row>
        <row r="6135">
          <cell r="C6135">
            <v>1.1266</v>
          </cell>
          <cell r="AT6135">
            <v>2014</v>
          </cell>
          <cell r="AU6135">
            <v>10</v>
          </cell>
        </row>
        <row r="6136">
          <cell r="C6136">
            <v>1.1248</v>
          </cell>
          <cell r="AT6136">
            <v>2014</v>
          </cell>
          <cell r="AU6136">
            <v>10</v>
          </cell>
        </row>
        <row r="6137">
          <cell r="C6137">
            <v>1.1248</v>
          </cell>
          <cell r="AT6137">
            <v>2014</v>
          </cell>
          <cell r="AU6137">
            <v>10</v>
          </cell>
        </row>
        <row r="6138">
          <cell r="C6138">
            <v>1.1248</v>
          </cell>
          <cell r="AT6138">
            <v>2014</v>
          </cell>
          <cell r="AU6138">
            <v>10</v>
          </cell>
        </row>
        <row r="6139">
          <cell r="C6139">
            <v>1.1276999999999999</v>
          </cell>
          <cell r="AT6139">
            <v>2014</v>
          </cell>
          <cell r="AU6139">
            <v>10</v>
          </cell>
        </row>
        <row r="6140">
          <cell r="C6140">
            <v>1.1276999999999999</v>
          </cell>
          <cell r="AT6140">
            <v>2014</v>
          </cell>
          <cell r="AU6140">
            <v>10</v>
          </cell>
        </row>
        <row r="6141">
          <cell r="C6141">
            <v>1.1218999999999999</v>
          </cell>
          <cell r="AT6141">
            <v>2014</v>
          </cell>
          <cell r="AU6141">
            <v>10</v>
          </cell>
        </row>
        <row r="6142">
          <cell r="C6142">
            <v>1.1236999999999999</v>
          </cell>
          <cell r="AT6142">
            <v>2014</v>
          </cell>
          <cell r="AU6142">
            <v>10</v>
          </cell>
        </row>
        <row r="6143">
          <cell r="C6143">
            <v>1.1213</v>
          </cell>
          <cell r="AT6143">
            <v>2014</v>
          </cell>
          <cell r="AU6143">
            <v>10</v>
          </cell>
        </row>
        <row r="6144">
          <cell r="C6144">
            <v>1.1213</v>
          </cell>
          <cell r="AT6144">
            <v>2014</v>
          </cell>
          <cell r="AU6144">
            <v>10</v>
          </cell>
        </row>
        <row r="6145">
          <cell r="C6145">
            <v>1.1213</v>
          </cell>
          <cell r="AT6145">
            <v>2014</v>
          </cell>
          <cell r="AU6145">
            <v>10</v>
          </cell>
        </row>
        <row r="6146">
          <cell r="C6146">
            <v>1.1247</v>
          </cell>
          <cell r="AT6146">
            <v>2014</v>
          </cell>
          <cell r="AU6146">
            <v>10</v>
          </cell>
        </row>
        <row r="6147">
          <cell r="C6147">
            <v>1.1247</v>
          </cell>
          <cell r="AT6147">
            <v>2014</v>
          </cell>
          <cell r="AU6147">
            <v>10</v>
          </cell>
        </row>
        <row r="6148">
          <cell r="C6148">
            <v>1.1135999999999999</v>
          </cell>
          <cell r="AT6148">
            <v>2014</v>
          </cell>
          <cell r="AU6148">
            <v>10</v>
          </cell>
        </row>
        <row r="6149">
          <cell r="C6149">
            <v>1.1193</v>
          </cell>
          <cell r="AT6149">
            <v>2014</v>
          </cell>
          <cell r="AU6149">
            <v>10</v>
          </cell>
        </row>
        <row r="6150">
          <cell r="C6150">
            <v>1.1274999999999999</v>
          </cell>
          <cell r="AT6150">
            <v>2014</v>
          </cell>
          <cell r="AU6150">
            <v>11</v>
          </cell>
        </row>
        <row r="6151">
          <cell r="C6151">
            <v>1.1274999999999999</v>
          </cell>
          <cell r="AT6151">
            <v>2014</v>
          </cell>
          <cell r="AU6151">
            <v>11</v>
          </cell>
        </row>
        <row r="6152">
          <cell r="C6152">
            <v>1.1274999999999999</v>
          </cell>
          <cell r="AT6152">
            <v>2014</v>
          </cell>
          <cell r="AU6152">
            <v>11</v>
          </cell>
        </row>
        <row r="6153">
          <cell r="C6153">
            <v>1.1319999999999999</v>
          </cell>
          <cell r="AT6153">
            <v>2014</v>
          </cell>
          <cell r="AU6153">
            <v>11</v>
          </cell>
        </row>
        <row r="6154">
          <cell r="C6154">
            <v>1.1396999999999999</v>
          </cell>
          <cell r="AT6154">
            <v>2014</v>
          </cell>
          <cell r="AU6154">
            <v>11</v>
          </cell>
        </row>
        <row r="6155">
          <cell r="C6155">
            <v>1.1376999999999999</v>
          </cell>
          <cell r="AT6155">
            <v>2014</v>
          </cell>
          <cell r="AU6155">
            <v>11</v>
          </cell>
        </row>
        <row r="6156">
          <cell r="C6156">
            <v>1.1424000000000001</v>
          </cell>
          <cell r="AT6156">
            <v>2014</v>
          </cell>
          <cell r="AU6156">
            <v>11</v>
          </cell>
        </row>
        <row r="6157">
          <cell r="C6157">
            <v>1.1359999999999999</v>
          </cell>
          <cell r="AT6157">
            <v>2014</v>
          </cell>
          <cell r="AU6157">
            <v>11</v>
          </cell>
        </row>
        <row r="6158">
          <cell r="C6158">
            <v>1.1359999999999999</v>
          </cell>
          <cell r="AT6158">
            <v>2014</v>
          </cell>
          <cell r="AU6158">
            <v>11</v>
          </cell>
        </row>
        <row r="6159">
          <cell r="C6159">
            <v>1.1359999999999999</v>
          </cell>
          <cell r="AT6159">
            <v>2014</v>
          </cell>
          <cell r="AU6159">
            <v>11</v>
          </cell>
        </row>
        <row r="6160">
          <cell r="C6160">
            <v>1.1345000000000001</v>
          </cell>
          <cell r="AT6160">
            <v>2014</v>
          </cell>
          <cell r="AU6160">
            <v>11</v>
          </cell>
        </row>
        <row r="6161">
          <cell r="C6161">
            <v>1.1345000000000001</v>
          </cell>
          <cell r="AT6161">
            <v>2014</v>
          </cell>
          <cell r="AU6161">
            <v>11</v>
          </cell>
        </row>
        <row r="6162">
          <cell r="C6162">
            <v>1.1284000000000001</v>
          </cell>
          <cell r="AT6162">
            <v>2014</v>
          </cell>
          <cell r="AU6162">
            <v>11</v>
          </cell>
        </row>
        <row r="6163">
          <cell r="C6163">
            <v>1.135</v>
          </cell>
          <cell r="AT6163">
            <v>2014</v>
          </cell>
          <cell r="AU6163">
            <v>11</v>
          </cell>
        </row>
        <row r="6164">
          <cell r="C6164">
            <v>1.1294</v>
          </cell>
          <cell r="AT6164">
            <v>2014</v>
          </cell>
          <cell r="AU6164">
            <v>11</v>
          </cell>
        </row>
        <row r="6165">
          <cell r="C6165">
            <v>1.1294</v>
          </cell>
          <cell r="AT6165">
            <v>2014</v>
          </cell>
          <cell r="AU6165">
            <v>11</v>
          </cell>
        </row>
        <row r="6166">
          <cell r="C6166">
            <v>1.1294</v>
          </cell>
          <cell r="AT6166">
            <v>2014</v>
          </cell>
          <cell r="AU6166">
            <v>11</v>
          </cell>
        </row>
        <row r="6167">
          <cell r="C6167">
            <v>1.1308</v>
          </cell>
          <cell r="AT6167">
            <v>2014</v>
          </cell>
          <cell r="AU6167">
            <v>11</v>
          </cell>
        </row>
        <row r="6168">
          <cell r="C6168">
            <v>1.1305000000000001</v>
          </cell>
          <cell r="AT6168">
            <v>2014</v>
          </cell>
          <cell r="AU6168">
            <v>11</v>
          </cell>
        </row>
        <row r="6169">
          <cell r="C6169">
            <v>1.135</v>
          </cell>
          <cell r="AT6169">
            <v>2014</v>
          </cell>
          <cell r="AU6169">
            <v>11</v>
          </cell>
        </row>
        <row r="6170">
          <cell r="C6170">
            <v>1.1312</v>
          </cell>
          <cell r="AT6170">
            <v>2014</v>
          </cell>
          <cell r="AU6170">
            <v>11</v>
          </cell>
        </row>
        <row r="6171">
          <cell r="C6171">
            <v>1.1237999999999999</v>
          </cell>
          <cell r="AT6171">
            <v>2014</v>
          </cell>
          <cell r="AU6171">
            <v>11</v>
          </cell>
        </row>
        <row r="6172">
          <cell r="C6172">
            <v>1.1237999999999999</v>
          </cell>
          <cell r="AT6172">
            <v>2014</v>
          </cell>
          <cell r="AU6172">
            <v>11</v>
          </cell>
        </row>
        <row r="6173">
          <cell r="C6173">
            <v>1.1237999999999999</v>
          </cell>
          <cell r="AT6173">
            <v>2014</v>
          </cell>
          <cell r="AU6173">
            <v>11</v>
          </cell>
        </row>
        <row r="6174">
          <cell r="C6174">
            <v>1.1282000000000001</v>
          </cell>
          <cell r="AT6174">
            <v>2014</v>
          </cell>
          <cell r="AU6174">
            <v>11</v>
          </cell>
        </row>
        <row r="6175">
          <cell r="C6175">
            <v>1.1261000000000001</v>
          </cell>
          <cell r="AT6175">
            <v>2014</v>
          </cell>
          <cell r="AU6175">
            <v>11</v>
          </cell>
        </row>
        <row r="6176">
          <cell r="C6176">
            <v>1.1235999999999999</v>
          </cell>
          <cell r="AT6176">
            <v>2014</v>
          </cell>
          <cell r="AU6176">
            <v>11</v>
          </cell>
        </row>
        <row r="6177">
          <cell r="C6177">
            <v>1.1235999999999999</v>
          </cell>
          <cell r="AT6177">
            <v>2014</v>
          </cell>
          <cell r="AU6177">
            <v>11</v>
          </cell>
        </row>
        <row r="6178">
          <cell r="C6178">
            <v>1.1235999999999999</v>
          </cell>
          <cell r="AT6178">
            <v>2014</v>
          </cell>
          <cell r="AU6178">
            <v>11</v>
          </cell>
        </row>
        <row r="6179">
          <cell r="C6179">
            <v>1.1235999999999999</v>
          </cell>
          <cell r="AT6179">
            <v>2014</v>
          </cell>
          <cell r="AU6179">
            <v>11</v>
          </cell>
        </row>
        <row r="6180">
          <cell r="C6180">
            <v>1.1235999999999999</v>
          </cell>
          <cell r="AT6180">
            <v>2014</v>
          </cell>
          <cell r="AU6180">
            <v>12</v>
          </cell>
        </row>
        <row r="6181">
          <cell r="C6181">
            <v>1.1344000000000001</v>
          </cell>
          <cell r="AT6181">
            <v>2014</v>
          </cell>
          <cell r="AU6181">
            <v>12</v>
          </cell>
        </row>
        <row r="6182">
          <cell r="C6182">
            <v>1.1399999999999999</v>
          </cell>
          <cell r="AT6182">
            <v>2014</v>
          </cell>
          <cell r="AU6182">
            <v>12</v>
          </cell>
        </row>
        <row r="6183">
          <cell r="C6183">
            <v>1.1359999999999999</v>
          </cell>
          <cell r="AT6183">
            <v>2014</v>
          </cell>
          <cell r="AU6183">
            <v>12</v>
          </cell>
        </row>
        <row r="6184">
          <cell r="C6184">
            <v>1.1373</v>
          </cell>
          <cell r="AT6184">
            <v>2014</v>
          </cell>
          <cell r="AU6184">
            <v>12</v>
          </cell>
        </row>
        <row r="6185">
          <cell r="C6185">
            <v>1.1423000000000001</v>
          </cell>
          <cell r="AT6185">
            <v>2014</v>
          </cell>
          <cell r="AU6185">
            <v>12</v>
          </cell>
        </row>
        <row r="6186">
          <cell r="C6186">
            <v>1.1423000000000001</v>
          </cell>
          <cell r="AT6186">
            <v>2014</v>
          </cell>
          <cell r="AU6186">
            <v>12</v>
          </cell>
        </row>
        <row r="6187">
          <cell r="C6187">
            <v>1.1423000000000001</v>
          </cell>
          <cell r="AT6187">
            <v>2014</v>
          </cell>
          <cell r="AU6187">
            <v>12</v>
          </cell>
        </row>
        <row r="6188">
          <cell r="C6188">
            <v>1.1472</v>
          </cell>
          <cell r="AT6188">
            <v>2014</v>
          </cell>
          <cell r="AU6188">
            <v>12</v>
          </cell>
        </row>
        <row r="6189">
          <cell r="C6189">
            <v>1.1422000000000001</v>
          </cell>
          <cell r="AT6189">
            <v>2014</v>
          </cell>
          <cell r="AU6189">
            <v>12</v>
          </cell>
        </row>
        <row r="6190">
          <cell r="C6190">
            <v>1.1482000000000001</v>
          </cell>
          <cell r="AT6190">
            <v>2014</v>
          </cell>
          <cell r="AU6190">
            <v>12</v>
          </cell>
        </row>
        <row r="6191">
          <cell r="C6191">
            <v>1.1535</v>
          </cell>
          <cell r="AT6191">
            <v>2014</v>
          </cell>
          <cell r="AU6191">
            <v>12</v>
          </cell>
        </row>
        <row r="6192">
          <cell r="C6192">
            <v>1.1539999999999999</v>
          </cell>
          <cell r="AT6192">
            <v>2014</v>
          </cell>
          <cell r="AU6192">
            <v>12</v>
          </cell>
        </row>
        <row r="6193">
          <cell r="C6193">
            <v>1.1539999999999999</v>
          </cell>
          <cell r="AT6193">
            <v>2014</v>
          </cell>
          <cell r="AU6193">
            <v>12</v>
          </cell>
        </row>
        <row r="6194">
          <cell r="C6194">
            <v>1.1539999999999999</v>
          </cell>
          <cell r="AT6194">
            <v>2014</v>
          </cell>
          <cell r="AU6194">
            <v>12</v>
          </cell>
        </row>
        <row r="6195">
          <cell r="C6195">
            <v>1.163</v>
          </cell>
          <cell r="AT6195">
            <v>2014</v>
          </cell>
          <cell r="AU6195">
            <v>12</v>
          </cell>
        </row>
        <row r="6196">
          <cell r="C6196">
            <v>1.1625000000000001</v>
          </cell>
          <cell r="AT6196">
            <v>2014</v>
          </cell>
          <cell r="AU6196">
            <v>12</v>
          </cell>
        </row>
        <row r="6197">
          <cell r="C6197">
            <v>1.1629</v>
          </cell>
          <cell r="AT6197">
            <v>2014</v>
          </cell>
          <cell r="AU6197">
            <v>12</v>
          </cell>
        </row>
        <row r="6198">
          <cell r="C6198">
            <v>1.1594</v>
          </cell>
          <cell r="AT6198">
            <v>2014</v>
          </cell>
          <cell r="AU6198">
            <v>12</v>
          </cell>
        </row>
        <row r="6199">
          <cell r="C6199">
            <v>1.1629</v>
          </cell>
          <cell r="AT6199">
            <v>2014</v>
          </cell>
          <cell r="AU6199">
            <v>12</v>
          </cell>
        </row>
        <row r="6200">
          <cell r="C6200">
            <v>1.1629</v>
          </cell>
          <cell r="AT6200">
            <v>2014</v>
          </cell>
          <cell r="AU6200">
            <v>12</v>
          </cell>
        </row>
        <row r="6201">
          <cell r="C6201">
            <v>1.1629</v>
          </cell>
          <cell r="AT6201">
            <v>2014</v>
          </cell>
          <cell r="AU6201">
            <v>12</v>
          </cell>
        </row>
        <row r="6202">
          <cell r="C6202">
            <v>1.1642999999999999</v>
          </cell>
          <cell r="AT6202">
            <v>2014</v>
          </cell>
          <cell r="AU6202">
            <v>12</v>
          </cell>
        </row>
        <row r="6203">
          <cell r="C6203">
            <v>1.1627000000000001</v>
          </cell>
          <cell r="AT6203">
            <v>2014</v>
          </cell>
          <cell r="AU6203">
            <v>12</v>
          </cell>
        </row>
        <row r="6204">
          <cell r="C6204">
            <v>1.1623000000000001</v>
          </cell>
          <cell r="AT6204">
            <v>2014</v>
          </cell>
          <cell r="AU6204">
            <v>12</v>
          </cell>
        </row>
        <row r="6205">
          <cell r="C6205">
            <v>1.1623000000000001</v>
          </cell>
          <cell r="AT6205">
            <v>2014</v>
          </cell>
          <cell r="AU6205">
            <v>12</v>
          </cell>
        </row>
        <row r="6206">
          <cell r="C6206">
            <v>1.1623000000000001</v>
          </cell>
          <cell r="AT6206">
            <v>2014</v>
          </cell>
          <cell r="AU6206">
            <v>12</v>
          </cell>
        </row>
        <row r="6207">
          <cell r="C6207">
            <v>1.1623000000000001</v>
          </cell>
          <cell r="AT6207">
            <v>2014</v>
          </cell>
          <cell r="AU6207">
            <v>12</v>
          </cell>
        </row>
        <row r="6208">
          <cell r="C6208">
            <v>1.1623000000000001</v>
          </cell>
          <cell r="AT6208">
            <v>2014</v>
          </cell>
          <cell r="AU6208">
            <v>12</v>
          </cell>
        </row>
        <row r="6209">
          <cell r="C6209">
            <v>1.1632</v>
          </cell>
          <cell r="AT6209">
            <v>2014</v>
          </cell>
          <cell r="AU6209">
            <v>12</v>
          </cell>
        </row>
        <row r="6210">
          <cell r="C6210">
            <v>1.1598999999999999</v>
          </cell>
          <cell r="AT6210">
            <v>2014</v>
          </cell>
          <cell r="AU6210">
            <v>12</v>
          </cell>
        </row>
        <row r="6211">
          <cell r="C6211">
            <v>1.1600999999999999</v>
          </cell>
          <cell r="AT6211">
            <v>2015</v>
          </cell>
          <cell r="AU6211">
            <v>1</v>
          </cell>
        </row>
        <row r="6212">
          <cell r="C6212">
            <v>1.1600999999999999</v>
          </cell>
          <cell r="AT6212">
            <v>2015</v>
          </cell>
          <cell r="AU6212">
            <v>1</v>
          </cell>
        </row>
        <row r="6213">
          <cell r="C6213">
            <v>1.1600999999999999</v>
          </cell>
          <cell r="AT6213">
            <v>2015</v>
          </cell>
          <cell r="AU6213">
            <v>1</v>
          </cell>
        </row>
        <row r="6214">
          <cell r="C6214">
            <v>1.1600999999999999</v>
          </cell>
          <cell r="AT6214">
            <v>2015</v>
          </cell>
          <cell r="AU6214">
            <v>1</v>
          </cell>
        </row>
        <row r="6215">
          <cell r="C6215">
            <v>1.1600999999999999</v>
          </cell>
          <cell r="AT6215">
            <v>2015</v>
          </cell>
          <cell r="AU6215">
            <v>1</v>
          </cell>
        </row>
        <row r="6216">
          <cell r="C6216">
            <v>1.1787000000000001</v>
          </cell>
          <cell r="AT6216">
            <v>2015</v>
          </cell>
          <cell r="AU6216">
            <v>1</v>
          </cell>
        </row>
        <row r="6217">
          <cell r="C6217">
            <v>1.1803999999999999</v>
          </cell>
          <cell r="AT6217">
            <v>2015</v>
          </cell>
          <cell r="AU6217">
            <v>1</v>
          </cell>
        </row>
        <row r="6218">
          <cell r="C6218">
            <v>1.1851</v>
          </cell>
          <cell r="AT6218">
            <v>2015</v>
          </cell>
          <cell r="AU6218">
            <v>1</v>
          </cell>
        </row>
        <row r="6219">
          <cell r="C6219">
            <v>1.1812</v>
          </cell>
          <cell r="AT6219">
            <v>2015</v>
          </cell>
          <cell r="AU6219">
            <v>1</v>
          </cell>
        </row>
        <row r="6220">
          <cell r="C6220">
            <v>1.1857</v>
          </cell>
          <cell r="AT6220">
            <v>2015</v>
          </cell>
          <cell r="AU6220">
            <v>1</v>
          </cell>
        </row>
        <row r="6221">
          <cell r="C6221">
            <v>1.1857</v>
          </cell>
          <cell r="AT6221">
            <v>2015</v>
          </cell>
          <cell r="AU6221">
            <v>1</v>
          </cell>
        </row>
        <row r="6222">
          <cell r="C6222">
            <v>1.1857</v>
          </cell>
          <cell r="AT6222">
            <v>2015</v>
          </cell>
          <cell r="AU6222">
            <v>1</v>
          </cell>
        </row>
        <row r="6223">
          <cell r="C6223">
            <v>1.1930000000000001</v>
          </cell>
          <cell r="AT6223">
            <v>2015</v>
          </cell>
          <cell r="AU6223">
            <v>1</v>
          </cell>
        </row>
        <row r="6224">
          <cell r="C6224">
            <v>1.1948000000000001</v>
          </cell>
          <cell r="AT6224">
            <v>2015</v>
          </cell>
          <cell r="AU6224">
            <v>1</v>
          </cell>
        </row>
        <row r="6225">
          <cell r="C6225">
            <v>1.1958</v>
          </cell>
          <cell r="AT6225">
            <v>2015</v>
          </cell>
          <cell r="AU6225">
            <v>1</v>
          </cell>
        </row>
        <row r="6226">
          <cell r="C6226">
            <v>1.1958</v>
          </cell>
          <cell r="AT6226">
            <v>2015</v>
          </cell>
          <cell r="AU6226">
            <v>1</v>
          </cell>
        </row>
        <row r="6227">
          <cell r="C6227">
            <v>1.1986000000000001</v>
          </cell>
          <cell r="AT6227">
            <v>2015</v>
          </cell>
          <cell r="AU6227">
            <v>1</v>
          </cell>
        </row>
        <row r="6228">
          <cell r="C6228">
            <v>1.1986000000000001</v>
          </cell>
          <cell r="AT6228">
            <v>2015</v>
          </cell>
          <cell r="AU6228">
            <v>1</v>
          </cell>
        </row>
        <row r="6229">
          <cell r="C6229">
            <v>1.1986000000000001</v>
          </cell>
          <cell r="AT6229">
            <v>2015</v>
          </cell>
          <cell r="AU6229">
            <v>1</v>
          </cell>
        </row>
        <row r="6230">
          <cell r="C6230">
            <v>1.1986000000000001</v>
          </cell>
          <cell r="AT6230">
            <v>2015</v>
          </cell>
          <cell r="AU6230">
            <v>1</v>
          </cell>
        </row>
        <row r="6231">
          <cell r="C6231">
            <v>1.2084999999999999</v>
          </cell>
          <cell r="AT6231">
            <v>2015</v>
          </cell>
          <cell r="AU6231">
            <v>1</v>
          </cell>
        </row>
        <row r="6232">
          <cell r="C6232">
            <v>1.2374000000000001</v>
          </cell>
          <cell r="AT6232">
            <v>2015</v>
          </cell>
          <cell r="AU6232">
            <v>1</v>
          </cell>
        </row>
        <row r="6233">
          <cell r="C6233">
            <v>1.2371000000000001</v>
          </cell>
          <cell r="AT6233">
            <v>2015</v>
          </cell>
          <cell r="AU6233">
            <v>1</v>
          </cell>
        </row>
        <row r="6234">
          <cell r="C6234">
            <v>1.2403</v>
          </cell>
          <cell r="AT6234">
            <v>2015</v>
          </cell>
          <cell r="AU6234">
            <v>1</v>
          </cell>
        </row>
        <row r="6235">
          <cell r="C6235">
            <v>1.2403</v>
          </cell>
          <cell r="AT6235">
            <v>2015</v>
          </cell>
          <cell r="AU6235">
            <v>1</v>
          </cell>
        </row>
        <row r="6236">
          <cell r="C6236">
            <v>1.2403</v>
          </cell>
          <cell r="AT6236">
            <v>2015</v>
          </cell>
          <cell r="AU6236">
            <v>1</v>
          </cell>
        </row>
        <row r="6237">
          <cell r="C6237">
            <v>1.2411000000000001</v>
          </cell>
          <cell r="AT6237">
            <v>2015</v>
          </cell>
          <cell r="AU6237">
            <v>1</v>
          </cell>
        </row>
        <row r="6238">
          <cell r="C6238">
            <v>1.2403999999999999</v>
          </cell>
          <cell r="AT6238">
            <v>2015</v>
          </cell>
          <cell r="AU6238">
            <v>1</v>
          </cell>
        </row>
        <row r="6239">
          <cell r="C6239">
            <v>1.2451000000000001</v>
          </cell>
          <cell r="AT6239">
            <v>2015</v>
          </cell>
          <cell r="AU6239">
            <v>1</v>
          </cell>
        </row>
        <row r="6240">
          <cell r="C6240">
            <v>1.2644</v>
          </cell>
          <cell r="AT6240">
            <v>2015</v>
          </cell>
          <cell r="AU6240">
            <v>1</v>
          </cell>
        </row>
        <row r="6241">
          <cell r="C6241">
            <v>1.2644</v>
          </cell>
          <cell r="AT6241">
            <v>2015</v>
          </cell>
          <cell r="AU6241">
            <v>1</v>
          </cell>
        </row>
        <row r="6242">
          <cell r="C6242">
            <v>1.2644</v>
          </cell>
          <cell r="AT6242">
            <v>2015</v>
          </cell>
          <cell r="AU6242">
            <v>2</v>
          </cell>
        </row>
        <row r="6243">
          <cell r="C6243">
            <v>1.2644</v>
          </cell>
          <cell r="AT6243">
            <v>2015</v>
          </cell>
          <cell r="AU6243">
            <v>2</v>
          </cell>
        </row>
        <row r="6244">
          <cell r="C6244">
            <v>1.2578</v>
          </cell>
          <cell r="AT6244">
            <v>2015</v>
          </cell>
          <cell r="AU6244">
            <v>2</v>
          </cell>
        </row>
        <row r="6245">
          <cell r="C6245">
            <v>1.2578</v>
          </cell>
          <cell r="AT6245">
            <v>2015</v>
          </cell>
          <cell r="AU6245">
            <v>2</v>
          </cell>
        </row>
        <row r="6246">
          <cell r="C6246">
            <v>1.2549999999999999</v>
          </cell>
          <cell r="AT6246">
            <v>2015</v>
          </cell>
          <cell r="AU6246">
            <v>2</v>
          </cell>
        </row>
        <row r="6247">
          <cell r="C6247">
            <v>1.2422</v>
          </cell>
          <cell r="AT6247">
            <v>2015</v>
          </cell>
          <cell r="AU6247">
            <v>2</v>
          </cell>
        </row>
        <row r="6248">
          <cell r="C6248">
            <v>1.2523</v>
          </cell>
          <cell r="AT6248">
            <v>2015</v>
          </cell>
          <cell r="AU6248">
            <v>2</v>
          </cell>
        </row>
        <row r="6249">
          <cell r="C6249">
            <v>1.2523</v>
          </cell>
          <cell r="AT6249">
            <v>2015</v>
          </cell>
          <cell r="AU6249">
            <v>2</v>
          </cell>
        </row>
        <row r="6250">
          <cell r="C6250">
            <v>1.2523</v>
          </cell>
          <cell r="AT6250">
            <v>2015</v>
          </cell>
          <cell r="AU6250">
            <v>2</v>
          </cell>
        </row>
        <row r="6251">
          <cell r="C6251">
            <v>1.2447999999999999</v>
          </cell>
          <cell r="AT6251">
            <v>2015</v>
          </cell>
          <cell r="AU6251">
            <v>2</v>
          </cell>
        </row>
        <row r="6252">
          <cell r="C6252">
            <v>1.2527999999999999</v>
          </cell>
          <cell r="AT6252">
            <v>2015</v>
          </cell>
          <cell r="AU6252">
            <v>2</v>
          </cell>
        </row>
        <row r="6253">
          <cell r="C6253">
            <v>1.2635000000000001</v>
          </cell>
          <cell r="AT6253">
            <v>2015</v>
          </cell>
          <cell r="AU6253">
            <v>2</v>
          </cell>
        </row>
        <row r="6254">
          <cell r="C6254">
            <v>1.2462</v>
          </cell>
          <cell r="AT6254">
            <v>2015</v>
          </cell>
          <cell r="AU6254">
            <v>2</v>
          </cell>
        </row>
        <row r="6255">
          <cell r="C6255">
            <v>1.2448999999999999</v>
          </cell>
          <cell r="AT6255">
            <v>2015</v>
          </cell>
          <cell r="AU6255">
            <v>2</v>
          </cell>
        </row>
        <row r="6256">
          <cell r="C6256">
            <v>1.2448999999999999</v>
          </cell>
          <cell r="AT6256">
            <v>2015</v>
          </cell>
          <cell r="AU6256">
            <v>2</v>
          </cell>
        </row>
        <row r="6257">
          <cell r="C6257">
            <v>1.2448999999999999</v>
          </cell>
          <cell r="AT6257">
            <v>2015</v>
          </cell>
          <cell r="AU6257">
            <v>2</v>
          </cell>
        </row>
        <row r="6258">
          <cell r="C6258">
            <v>1.2448999999999999</v>
          </cell>
          <cell r="AT6258">
            <v>2015</v>
          </cell>
          <cell r="AU6258">
            <v>2</v>
          </cell>
        </row>
        <row r="6259">
          <cell r="C6259">
            <v>1.2403</v>
          </cell>
          <cell r="AT6259">
            <v>2015</v>
          </cell>
          <cell r="AU6259">
            <v>2</v>
          </cell>
        </row>
        <row r="6260">
          <cell r="C6260">
            <v>1.2403</v>
          </cell>
          <cell r="AT6260">
            <v>2015</v>
          </cell>
          <cell r="AU6260">
            <v>2</v>
          </cell>
        </row>
        <row r="6261">
          <cell r="C6261">
            <v>1.2485999999999999</v>
          </cell>
          <cell r="AT6261">
            <v>2015</v>
          </cell>
          <cell r="AU6261">
            <v>2</v>
          </cell>
        </row>
        <row r="6262">
          <cell r="C6262">
            <v>1.2505999999999999</v>
          </cell>
          <cell r="AT6262">
            <v>2015</v>
          </cell>
          <cell r="AU6262">
            <v>2</v>
          </cell>
        </row>
        <row r="6263">
          <cell r="C6263">
            <v>1.2505999999999999</v>
          </cell>
          <cell r="AT6263">
            <v>2015</v>
          </cell>
          <cell r="AU6263">
            <v>2</v>
          </cell>
        </row>
        <row r="6264">
          <cell r="C6264">
            <v>1.2505999999999999</v>
          </cell>
          <cell r="AT6264">
            <v>2015</v>
          </cell>
          <cell r="AU6264">
            <v>2</v>
          </cell>
        </row>
        <row r="6265">
          <cell r="C6265">
            <v>1.258</v>
          </cell>
          <cell r="AT6265">
            <v>2015</v>
          </cell>
          <cell r="AU6265">
            <v>2</v>
          </cell>
        </row>
        <row r="6266">
          <cell r="C6266">
            <v>1.2603</v>
          </cell>
          <cell r="AT6266">
            <v>2015</v>
          </cell>
          <cell r="AU6266">
            <v>2</v>
          </cell>
        </row>
        <row r="6267">
          <cell r="C6267">
            <v>1.2419</v>
          </cell>
          <cell r="AT6267">
            <v>2015</v>
          </cell>
          <cell r="AU6267">
            <v>2</v>
          </cell>
        </row>
        <row r="6268">
          <cell r="C6268">
            <v>1.2490000000000001</v>
          </cell>
          <cell r="AT6268">
            <v>2015</v>
          </cell>
          <cell r="AU6268">
            <v>2</v>
          </cell>
        </row>
        <row r="6269">
          <cell r="C6269">
            <v>1.2507999999999999</v>
          </cell>
          <cell r="AT6269">
            <v>2015</v>
          </cell>
          <cell r="AU6269">
            <v>2</v>
          </cell>
        </row>
        <row r="6270">
          <cell r="C6270">
            <v>1.2507999999999999</v>
          </cell>
          <cell r="AT6270">
            <v>2015</v>
          </cell>
          <cell r="AU6270">
            <v>3</v>
          </cell>
        </row>
        <row r="6271">
          <cell r="C6271">
            <v>1.2507999999999999</v>
          </cell>
          <cell r="AT6271">
            <v>2015</v>
          </cell>
          <cell r="AU6271">
            <v>3</v>
          </cell>
        </row>
        <row r="6272">
          <cell r="C6272">
            <v>1.2535000000000001</v>
          </cell>
          <cell r="AT6272">
            <v>2015</v>
          </cell>
          <cell r="AU6272">
            <v>3</v>
          </cell>
        </row>
        <row r="6273">
          <cell r="C6273">
            <v>1.2452000000000001</v>
          </cell>
          <cell r="AT6273">
            <v>2015</v>
          </cell>
          <cell r="AU6273">
            <v>3</v>
          </cell>
        </row>
        <row r="6274">
          <cell r="C6274">
            <v>1.244</v>
          </cell>
          <cell r="AT6274">
            <v>2015</v>
          </cell>
          <cell r="AU6274">
            <v>3</v>
          </cell>
        </row>
        <row r="6275">
          <cell r="C6275">
            <v>1.2482</v>
          </cell>
          <cell r="AT6275">
            <v>2015</v>
          </cell>
          <cell r="AU6275">
            <v>3</v>
          </cell>
        </row>
        <row r="6276">
          <cell r="C6276">
            <v>1.2616000000000001</v>
          </cell>
          <cell r="AT6276">
            <v>2015</v>
          </cell>
          <cell r="AU6276">
            <v>3</v>
          </cell>
        </row>
        <row r="6277">
          <cell r="C6277">
            <v>1.2616000000000001</v>
          </cell>
          <cell r="AT6277">
            <v>2015</v>
          </cell>
          <cell r="AU6277">
            <v>3</v>
          </cell>
        </row>
        <row r="6278">
          <cell r="C6278">
            <v>1.2616000000000001</v>
          </cell>
          <cell r="AT6278">
            <v>2015</v>
          </cell>
          <cell r="AU6278">
            <v>3</v>
          </cell>
        </row>
        <row r="6279">
          <cell r="C6279">
            <v>1.2598</v>
          </cell>
          <cell r="AT6279">
            <v>2015</v>
          </cell>
          <cell r="AU6279">
            <v>3</v>
          </cell>
        </row>
        <row r="6280">
          <cell r="C6280">
            <v>1.2633000000000001</v>
          </cell>
          <cell r="AT6280">
            <v>2015</v>
          </cell>
          <cell r="AU6280">
            <v>3</v>
          </cell>
        </row>
        <row r="6281">
          <cell r="C6281">
            <v>1.2764</v>
          </cell>
          <cell r="AT6281">
            <v>2015</v>
          </cell>
          <cell r="AU6281">
            <v>3</v>
          </cell>
        </row>
        <row r="6282">
          <cell r="C6282">
            <v>1.2690999999999999</v>
          </cell>
          <cell r="AT6282">
            <v>2015</v>
          </cell>
          <cell r="AU6282">
            <v>3</v>
          </cell>
        </row>
        <row r="6283">
          <cell r="C6283">
            <v>1.2803</v>
          </cell>
          <cell r="AT6283">
            <v>2015</v>
          </cell>
          <cell r="AU6283">
            <v>3</v>
          </cell>
        </row>
        <row r="6284">
          <cell r="C6284">
            <v>1.2803</v>
          </cell>
          <cell r="AT6284">
            <v>2015</v>
          </cell>
          <cell r="AU6284">
            <v>3</v>
          </cell>
        </row>
        <row r="6285">
          <cell r="C6285">
            <v>1.2803</v>
          </cell>
          <cell r="AT6285">
            <v>2015</v>
          </cell>
          <cell r="AU6285">
            <v>3</v>
          </cell>
        </row>
        <row r="6286">
          <cell r="C6286">
            <v>1.2765</v>
          </cell>
          <cell r="AT6286">
            <v>2015</v>
          </cell>
          <cell r="AU6286">
            <v>3</v>
          </cell>
        </row>
        <row r="6287">
          <cell r="C6287">
            <v>1.2765</v>
          </cell>
          <cell r="AT6287">
            <v>2015</v>
          </cell>
          <cell r="AU6287">
            <v>3</v>
          </cell>
        </row>
        <row r="6288">
          <cell r="C6288">
            <v>1.2770999999999999</v>
          </cell>
          <cell r="AT6288">
            <v>2015</v>
          </cell>
          <cell r="AU6288">
            <v>3</v>
          </cell>
        </row>
        <row r="6289">
          <cell r="C6289">
            <v>1.2744</v>
          </cell>
          <cell r="AT6289">
            <v>2015</v>
          </cell>
          <cell r="AU6289">
            <v>3</v>
          </cell>
        </row>
        <row r="6290">
          <cell r="C6290">
            <v>1.2595000000000001</v>
          </cell>
          <cell r="AT6290">
            <v>2015</v>
          </cell>
          <cell r="AU6290">
            <v>3</v>
          </cell>
        </row>
        <row r="6291">
          <cell r="C6291">
            <v>1.2595000000000001</v>
          </cell>
          <cell r="AT6291">
            <v>2015</v>
          </cell>
          <cell r="AU6291">
            <v>3</v>
          </cell>
        </row>
        <row r="6292">
          <cell r="C6292">
            <v>1.2595000000000001</v>
          </cell>
          <cell r="AT6292">
            <v>2015</v>
          </cell>
          <cell r="AU6292">
            <v>3</v>
          </cell>
        </row>
        <row r="6293">
          <cell r="C6293">
            <v>1.2516</v>
          </cell>
          <cell r="AT6293">
            <v>2015</v>
          </cell>
          <cell r="AU6293">
            <v>3</v>
          </cell>
        </row>
        <row r="6294">
          <cell r="C6294">
            <v>1.2511000000000001</v>
          </cell>
          <cell r="AT6294">
            <v>2015</v>
          </cell>
          <cell r="AU6294">
            <v>3</v>
          </cell>
        </row>
        <row r="6295">
          <cell r="C6295">
            <v>1.2513000000000001</v>
          </cell>
          <cell r="AT6295">
            <v>2015</v>
          </cell>
          <cell r="AU6295">
            <v>3</v>
          </cell>
        </row>
        <row r="6296">
          <cell r="C6296">
            <v>1.2471000000000001</v>
          </cell>
          <cell r="AT6296">
            <v>2015</v>
          </cell>
          <cell r="AU6296">
            <v>3</v>
          </cell>
        </row>
        <row r="6297">
          <cell r="C6297">
            <v>1.258</v>
          </cell>
          <cell r="AT6297">
            <v>2015</v>
          </cell>
          <cell r="AU6297">
            <v>3</v>
          </cell>
        </row>
        <row r="6298">
          <cell r="C6298">
            <v>1.258</v>
          </cell>
          <cell r="AT6298">
            <v>2015</v>
          </cell>
          <cell r="AU6298">
            <v>3</v>
          </cell>
        </row>
        <row r="6299">
          <cell r="C6299">
            <v>1.258</v>
          </cell>
          <cell r="AT6299">
            <v>2015</v>
          </cell>
          <cell r="AU6299">
            <v>3</v>
          </cell>
        </row>
        <row r="6300">
          <cell r="C6300">
            <v>1.2688999999999999</v>
          </cell>
          <cell r="AT6300">
            <v>2015</v>
          </cell>
          <cell r="AU6300">
            <v>3</v>
          </cell>
        </row>
        <row r="6301">
          <cell r="C6301">
            <v>1.2683</v>
          </cell>
          <cell r="AT6301">
            <v>2015</v>
          </cell>
          <cell r="AU6301">
            <v>4</v>
          </cell>
        </row>
        <row r="6302">
          <cell r="C6302">
            <v>1.2612000000000001</v>
          </cell>
          <cell r="AT6302">
            <v>2015</v>
          </cell>
          <cell r="AU6302">
            <v>4</v>
          </cell>
        </row>
        <row r="6303">
          <cell r="C6303">
            <v>1.2612000000000001</v>
          </cell>
          <cell r="AT6303">
            <v>2015</v>
          </cell>
          <cell r="AU6303">
            <v>4</v>
          </cell>
        </row>
        <row r="6304">
          <cell r="C6304">
            <v>1.2612000000000001</v>
          </cell>
          <cell r="AT6304">
            <v>2015</v>
          </cell>
          <cell r="AU6304">
            <v>4</v>
          </cell>
        </row>
        <row r="6305">
          <cell r="C6305">
            <v>1.2612000000000001</v>
          </cell>
          <cell r="AT6305">
            <v>2015</v>
          </cell>
          <cell r="AU6305">
            <v>4</v>
          </cell>
        </row>
        <row r="6306">
          <cell r="C6306">
            <v>1.2612000000000001</v>
          </cell>
          <cell r="AT6306">
            <v>2015</v>
          </cell>
          <cell r="AU6306">
            <v>4</v>
          </cell>
        </row>
        <row r="6307">
          <cell r="C6307">
            <v>1.2452000000000001</v>
          </cell>
          <cell r="AT6307">
            <v>2015</v>
          </cell>
          <cell r="AU6307">
            <v>4</v>
          </cell>
        </row>
        <row r="6308">
          <cell r="C6308">
            <v>1.2487999999999999</v>
          </cell>
          <cell r="AT6308">
            <v>2015</v>
          </cell>
          <cell r="AU6308">
            <v>4</v>
          </cell>
        </row>
        <row r="6309">
          <cell r="C6309">
            <v>1.2507999999999999</v>
          </cell>
          <cell r="AT6309">
            <v>2015</v>
          </cell>
          <cell r="AU6309">
            <v>4</v>
          </cell>
        </row>
        <row r="6310">
          <cell r="C6310">
            <v>1.258</v>
          </cell>
          <cell r="AT6310">
            <v>2015</v>
          </cell>
          <cell r="AU6310">
            <v>4</v>
          </cell>
        </row>
        <row r="6311">
          <cell r="C6311">
            <v>1.2595000000000001</v>
          </cell>
          <cell r="AT6311">
            <v>2015</v>
          </cell>
          <cell r="AU6311">
            <v>4</v>
          </cell>
        </row>
        <row r="6312">
          <cell r="C6312">
            <v>1.2595000000000001</v>
          </cell>
          <cell r="AT6312">
            <v>2015</v>
          </cell>
          <cell r="AU6312">
            <v>4</v>
          </cell>
        </row>
        <row r="6313">
          <cell r="C6313">
            <v>1.2595000000000001</v>
          </cell>
          <cell r="AT6313">
            <v>2015</v>
          </cell>
          <cell r="AU6313">
            <v>4</v>
          </cell>
        </row>
        <row r="6314">
          <cell r="C6314">
            <v>1.2602</v>
          </cell>
          <cell r="AT6314">
            <v>2015</v>
          </cell>
          <cell r="AU6314">
            <v>4</v>
          </cell>
        </row>
        <row r="6315">
          <cell r="C6315">
            <v>1.2478</v>
          </cell>
          <cell r="AT6315">
            <v>2015</v>
          </cell>
          <cell r="AU6315">
            <v>4</v>
          </cell>
        </row>
        <row r="6316">
          <cell r="C6316">
            <v>1.2379</v>
          </cell>
          <cell r="AT6316">
            <v>2015</v>
          </cell>
          <cell r="AU6316">
            <v>4</v>
          </cell>
        </row>
        <row r="6317">
          <cell r="C6317">
            <v>1.2205999999999999</v>
          </cell>
          <cell r="AT6317">
            <v>2015</v>
          </cell>
          <cell r="AU6317">
            <v>4</v>
          </cell>
        </row>
        <row r="6318">
          <cell r="C6318">
            <v>1.2229000000000001</v>
          </cell>
          <cell r="AT6318">
            <v>2015</v>
          </cell>
          <cell r="AU6318">
            <v>4</v>
          </cell>
        </row>
        <row r="6319">
          <cell r="C6319">
            <v>1.2229000000000001</v>
          </cell>
          <cell r="AT6319">
            <v>2015</v>
          </cell>
          <cell r="AU6319">
            <v>4</v>
          </cell>
        </row>
        <row r="6320">
          <cell r="C6320">
            <v>1.2229000000000001</v>
          </cell>
          <cell r="AT6320">
            <v>2015</v>
          </cell>
          <cell r="AU6320">
            <v>4</v>
          </cell>
        </row>
        <row r="6321">
          <cell r="C6321">
            <v>1.2203999999999999</v>
          </cell>
          <cell r="AT6321">
            <v>2015</v>
          </cell>
          <cell r="AU6321">
            <v>4</v>
          </cell>
        </row>
        <row r="6322">
          <cell r="C6322">
            <v>1.2274</v>
          </cell>
          <cell r="AT6322">
            <v>2015</v>
          </cell>
          <cell r="AU6322">
            <v>4</v>
          </cell>
        </row>
        <row r="6323">
          <cell r="C6323">
            <v>1.2250000000000001</v>
          </cell>
          <cell r="AT6323">
            <v>2015</v>
          </cell>
          <cell r="AU6323">
            <v>4</v>
          </cell>
        </row>
        <row r="6324">
          <cell r="C6324">
            <v>1.2146999999999999</v>
          </cell>
          <cell r="AT6324">
            <v>2015</v>
          </cell>
          <cell r="AU6324">
            <v>4</v>
          </cell>
        </row>
        <row r="6325">
          <cell r="C6325">
            <v>1.2165999999999999</v>
          </cell>
          <cell r="AT6325">
            <v>2015</v>
          </cell>
          <cell r="AU6325">
            <v>4</v>
          </cell>
        </row>
        <row r="6326">
          <cell r="C6326">
            <v>1.2165999999999999</v>
          </cell>
          <cell r="AT6326">
            <v>2015</v>
          </cell>
          <cell r="AU6326">
            <v>4</v>
          </cell>
        </row>
        <row r="6327">
          <cell r="C6327">
            <v>1.2165999999999999</v>
          </cell>
          <cell r="AT6327">
            <v>2015</v>
          </cell>
          <cell r="AU6327">
            <v>4</v>
          </cell>
        </row>
        <row r="6328">
          <cell r="C6328">
            <v>1.2104999999999999</v>
          </cell>
          <cell r="AT6328">
            <v>2015</v>
          </cell>
          <cell r="AU6328">
            <v>4</v>
          </cell>
        </row>
        <row r="6329">
          <cell r="C6329">
            <v>1.2020999999999999</v>
          </cell>
          <cell r="AT6329">
            <v>2015</v>
          </cell>
          <cell r="AU6329">
            <v>4</v>
          </cell>
        </row>
        <row r="6330">
          <cell r="C6330">
            <v>1.1954</v>
          </cell>
          <cell r="AT6330">
            <v>2015</v>
          </cell>
          <cell r="AU6330">
            <v>4</v>
          </cell>
        </row>
        <row r="6331">
          <cell r="C6331">
            <v>1.2119</v>
          </cell>
          <cell r="AT6331">
            <v>2015</v>
          </cell>
          <cell r="AU6331">
            <v>5</v>
          </cell>
        </row>
        <row r="6332">
          <cell r="C6332">
            <v>1.2192000000000001</v>
          </cell>
          <cell r="AT6332">
            <v>2015</v>
          </cell>
          <cell r="AU6332">
            <v>5</v>
          </cell>
        </row>
        <row r="6333">
          <cell r="C6333">
            <v>1.2192000000000001</v>
          </cell>
          <cell r="AT6333">
            <v>2015</v>
          </cell>
          <cell r="AU6333">
            <v>5</v>
          </cell>
        </row>
        <row r="6334">
          <cell r="C6334">
            <v>1.2192000000000001</v>
          </cell>
          <cell r="AT6334">
            <v>2015</v>
          </cell>
          <cell r="AU6334">
            <v>5</v>
          </cell>
        </row>
        <row r="6335">
          <cell r="C6335">
            <v>1.2111000000000001</v>
          </cell>
          <cell r="AT6335">
            <v>2015</v>
          </cell>
          <cell r="AU6335">
            <v>5</v>
          </cell>
        </row>
        <row r="6336">
          <cell r="C6336">
            <v>1.204</v>
          </cell>
          <cell r="AT6336">
            <v>2015</v>
          </cell>
          <cell r="AU6336">
            <v>5</v>
          </cell>
        </row>
        <row r="6337">
          <cell r="C6337">
            <v>1.2009000000000001</v>
          </cell>
          <cell r="AT6337">
            <v>2015</v>
          </cell>
          <cell r="AU6337">
            <v>5</v>
          </cell>
        </row>
        <row r="6338">
          <cell r="C6338">
            <v>1.2139</v>
          </cell>
          <cell r="AT6338">
            <v>2015</v>
          </cell>
          <cell r="AU6338">
            <v>5</v>
          </cell>
        </row>
        <row r="6339">
          <cell r="C6339">
            <v>1.2088000000000001</v>
          </cell>
          <cell r="AT6339">
            <v>2015</v>
          </cell>
          <cell r="AU6339">
            <v>5</v>
          </cell>
        </row>
        <row r="6340">
          <cell r="C6340">
            <v>1.2088000000000001</v>
          </cell>
          <cell r="AT6340">
            <v>2015</v>
          </cell>
          <cell r="AU6340">
            <v>5</v>
          </cell>
        </row>
        <row r="6341">
          <cell r="C6341">
            <v>1.2088000000000001</v>
          </cell>
          <cell r="AT6341">
            <v>2015</v>
          </cell>
          <cell r="AU6341">
            <v>5</v>
          </cell>
        </row>
        <row r="6342">
          <cell r="C6342">
            <v>1.2104999999999999</v>
          </cell>
          <cell r="AT6342">
            <v>2015</v>
          </cell>
          <cell r="AU6342">
            <v>5</v>
          </cell>
        </row>
        <row r="6343">
          <cell r="C6343">
            <v>1.1987000000000001</v>
          </cell>
          <cell r="AT6343">
            <v>2015</v>
          </cell>
          <cell r="AU6343">
            <v>5</v>
          </cell>
        </row>
        <row r="6344">
          <cell r="C6344">
            <v>1.1951000000000001</v>
          </cell>
          <cell r="AT6344">
            <v>2015</v>
          </cell>
          <cell r="AU6344">
            <v>5</v>
          </cell>
        </row>
        <row r="6345">
          <cell r="C6345">
            <v>1.1992</v>
          </cell>
          <cell r="AT6345">
            <v>2015</v>
          </cell>
          <cell r="AU6345">
            <v>5</v>
          </cell>
        </row>
        <row r="6346">
          <cell r="C6346">
            <v>1.2010000000000001</v>
          </cell>
          <cell r="AT6346">
            <v>2015</v>
          </cell>
          <cell r="AU6346">
            <v>5</v>
          </cell>
        </row>
        <row r="6347">
          <cell r="C6347">
            <v>1.2010000000000001</v>
          </cell>
          <cell r="AT6347">
            <v>2015</v>
          </cell>
          <cell r="AU6347">
            <v>5</v>
          </cell>
        </row>
        <row r="6348">
          <cell r="C6348">
            <v>1.2010000000000001</v>
          </cell>
          <cell r="AT6348">
            <v>2015</v>
          </cell>
          <cell r="AU6348">
            <v>5</v>
          </cell>
        </row>
        <row r="6349">
          <cell r="C6349">
            <v>1.2010000000000001</v>
          </cell>
          <cell r="AT6349">
            <v>2015</v>
          </cell>
          <cell r="AU6349">
            <v>5</v>
          </cell>
        </row>
        <row r="6350">
          <cell r="C6350">
            <v>1.2211000000000001</v>
          </cell>
          <cell r="AT6350">
            <v>2015</v>
          </cell>
          <cell r="AU6350">
            <v>5</v>
          </cell>
        </row>
        <row r="6351">
          <cell r="C6351">
            <v>1.2212000000000001</v>
          </cell>
          <cell r="AT6351">
            <v>2015</v>
          </cell>
          <cell r="AU6351">
            <v>5</v>
          </cell>
        </row>
        <row r="6352">
          <cell r="C6352">
            <v>1.2201</v>
          </cell>
          <cell r="AT6352">
            <v>2015</v>
          </cell>
          <cell r="AU6352">
            <v>5</v>
          </cell>
        </row>
        <row r="6353">
          <cell r="C6353">
            <v>1.2287999999999999</v>
          </cell>
          <cell r="AT6353">
            <v>2015</v>
          </cell>
          <cell r="AU6353">
            <v>5</v>
          </cell>
        </row>
        <row r="6354">
          <cell r="C6354">
            <v>1.2287999999999999</v>
          </cell>
          <cell r="AT6354">
            <v>2015</v>
          </cell>
          <cell r="AU6354">
            <v>5</v>
          </cell>
        </row>
        <row r="6355">
          <cell r="C6355">
            <v>1.2287999999999999</v>
          </cell>
          <cell r="AT6355">
            <v>2015</v>
          </cell>
          <cell r="AU6355">
            <v>5</v>
          </cell>
        </row>
        <row r="6356">
          <cell r="C6356">
            <v>1.2303999999999999</v>
          </cell>
          <cell r="AT6356">
            <v>2015</v>
          </cell>
          <cell r="AU6356">
            <v>5</v>
          </cell>
        </row>
        <row r="6357">
          <cell r="C6357">
            <v>1.2430000000000001</v>
          </cell>
          <cell r="AT6357">
            <v>2015</v>
          </cell>
          <cell r="AU6357">
            <v>5</v>
          </cell>
        </row>
        <row r="6358">
          <cell r="C6358">
            <v>1.2484999999999999</v>
          </cell>
          <cell r="AT6358">
            <v>2015</v>
          </cell>
          <cell r="AU6358">
            <v>5</v>
          </cell>
        </row>
        <row r="6359">
          <cell r="C6359">
            <v>1.2477</v>
          </cell>
          <cell r="AT6359">
            <v>2015</v>
          </cell>
          <cell r="AU6359">
            <v>5</v>
          </cell>
        </row>
        <row r="6360">
          <cell r="C6360">
            <v>1.2464999999999999</v>
          </cell>
          <cell r="AT6360">
            <v>2015</v>
          </cell>
          <cell r="AU6360">
            <v>5</v>
          </cell>
        </row>
        <row r="6361">
          <cell r="C6361">
            <v>1.2464999999999999</v>
          </cell>
          <cell r="AT6361">
            <v>2015</v>
          </cell>
          <cell r="AU6361">
            <v>5</v>
          </cell>
        </row>
        <row r="6362">
          <cell r="C6362">
            <v>1.2464999999999999</v>
          </cell>
          <cell r="AT6362">
            <v>2015</v>
          </cell>
          <cell r="AU6362">
            <v>6</v>
          </cell>
        </row>
        <row r="6363">
          <cell r="C6363">
            <v>1.2549999999999999</v>
          </cell>
          <cell r="AT6363">
            <v>2015</v>
          </cell>
          <cell r="AU6363">
            <v>6</v>
          </cell>
        </row>
        <row r="6364">
          <cell r="C6364">
            <v>1.2423</v>
          </cell>
          <cell r="AT6364">
            <v>2015</v>
          </cell>
          <cell r="AU6364">
            <v>6</v>
          </cell>
        </row>
        <row r="6365">
          <cell r="C6365">
            <v>1.2436</v>
          </cell>
          <cell r="AT6365">
            <v>2015</v>
          </cell>
          <cell r="AU6365">
            <v>6</v>
          </cell>
        </row>
        <row r="6366">
          <cell r="C6366">
            <v>1.2477</v>
          </cell>
          <cell r="AT6366">
            <v>2015</v>
          </cell>
          <cell r="AU6366">
            <v>6</v>
          </cell>
        </row>
        <row r="6367">
          <cell r="C6367">
            <v>1.2488999999999999</v>
          </cell>
          <cell r="AT6367">
            <v>2015</v>
          </cell>
          <cell r="AU6367">
            <v>6</v>
          </cell>
        </row>
        <row r="6368">
          <cell r="C6368">
            <v>1.2488999999999999</v>
          </cell>
          <cell r="AT6368">
            <v>2015</v>
          </cell>
          <cell r="AU6368">
            <v>6</v>
          </cell>
        </row>
        <row r="6369">
          <cell r="C6369">
            <v>1.2488999999999999</v>
          </cell>
          <cell r="AT6369">
            <v>2015</v>
          </cell>
          <cell r="AU6369">
            <v>6</v>
          </cell>
        </row>
        <row r="6370">
          <cell r="C6370">
            <v>1.2435</v>
          </cell>
          <cell r="AT6370">
            <v>2015</v>
          </cell>
          <cell r="AU6370">
            <v>6</v>
          </cell>
        </row>
        <row r="6371">
          <cell r="C6371">
            <v>1.2317</v>
          </cell>
          <cell r="AT6371">
            <v>2015</v>
          </cell>
          <cell r="AU6371">
            <v>6</v>
          </cell>
        </row>
        <row r="6372">
          <cell r="C6372">
            <v>1.2266999999999999</v>
          </cell>
          <cell r="AT6372">
            <v>2015</v>
          </cell>
          <cell r="AU6372">
            <v>6</v>
          </cell>
        </row>
        <row r="6373">
          <cell r="C6373">
            <v>1.2314000000000001</v>
          </cell>
          <cell r="AT6373">
            <v>2015</v>
          </cell>
          <cell r="AU6373">
            <v>6</v>
          </cell>
        </row>
        <row r="6374">
          <cell r="C6374">
            <v>1.2303999999999999</v>
          </cell>
          <cell r="AT6374">
            <v>2015</v>
          </cell>
          <cell r="AU6374">
            <v>6</v>
          </cell>
        </row>
        <row r="6375">
          <cell r="C6375">
            <v>1.2303999999999999</v>
          </cell>
          <cell r="AT6375">
            <v>2015</v>
          </cell>
          <cell r="AU6375">
            <v>6</v>
          </cell>
        </row>
        <row r="6376">
          <cell r="C6376">
            <v>1.2303999999999999</v>
          </cell>
          <cell r="AT6376">
            <v>2015</v>
          </cell>
          <cell r="AU6376">
            <v>6</v>
          </cell>
        </row>
        <row r="6377">
          <cell r="C6377">
            <v>1.2323</v>
          </cell>
          <cell r="AT6377">
            <v>2015</v>
          </cell>
          <cell r="AU6377">
            <v>6</v>
          </cell>
        </row>
        <row r="6378">
          <cell r="C6378">
            <v>1.2330000000000001</v>
          </cell>
          <cell r="AT6378">
            <v>2015</v>
          </cell>
          <cell r="AU6378">
            <v>6</v>
          </cell>
        </row>
        <row r="6379">
          <cell r="C6379">
            <v>1.2307999999999999</v>
          </cell>
          <cell r="AT6379">
            <v>2015</v>
          </cell>
          <cell r="AU6379">
            <v>6</v>
          </cell>
        </row>
        <row r="6380">
          <cell r="C6380">
            <v>1.2209000000000001</v>
          </cell>
          <cell r="AT6380">
            <v>2015</v>
          </cell>
          <cell r="AU6380">
            <v>6</v>
          </cell>
        </row>
        <row r="6381">
          <cell r="C6381">
            <v>1.2279</v>
          </cell>
          <cell r="AT6381">
            <v>2015</v>
          </cell>
          <cell r="AU6381">
            <v>6</v>
          </cell>
        </row>
        <row r="6382">
          <cell r="C6382">
            <v>1.2279</v>
          </cell>
          <cell r="AT6382">
            <v>2015</v>
          </cell>
          <cell r="AU6382">
            <v>6</v>
          </cell>
        </row>
        <row r="6383">
          <cell r="C6383">
            <v>1.2279</v>
          </cell>
          <cell r="AT6383">
            <v>2015</v>
          </cell>
          <cell r="AU6383">
            <v>6</v>
          </cell>
        </row>
        <row r="6384">
          <cell r="C6384">
            <v>1.2287999999999999</v>
          </cell>
          <cell r="AT6384">
            <v>2015</v>
          </cell>
          <cell r="AU6384">
            <v>6</v>
          </cell>
        </row>
        <row r="6385">
          <cell r="C6385">
            <v>1.2326999999999999</v>
          </cell>
          <cell r="AT6385">
            <v>2015</v>
          </cell>
          <cell r="AU6385">
            <v>6</v>
          </cell>
        </row>
        <row r="6386">
          <cell r="C6386">
            <v>1.2415</v>
          </cell>
          <cell r="AT6386">
            <v>2015</v>
          </cell>
          <cell r="AU6386">
            <v>6</v>
          </cell>
        </row>
        <row r="6387">
          <cell r="C6387">
            <v>1.2346999999999999</v>
          </cell>
          <cell r="AT6387">
            <v>2015</v>
          </cell>
          <cell r="AU6387">
            <v>6</v>
          </cell>
        </row>
        <row r="6388">
          <cell r="C6388">
            <v>1.2359</v>
          </cell>
          <cell r="AT6388">
            <v>2015</v>
          </cell>
          <cell r="AU6388">
            <v>6</v>
          </cell>
        </row>
        <row r="6389">
          <cell r="C6389">
            <v>1.2359</v>
          </cell>
          <cell r="AT6389">
            <v>2015</v>
          </cell>
          <cell r="AU6389">
            <v>6</v>
          </cell>
        </row>
        <row r="6390">
          <cell r="C6390">
            <v>1.2359</v>
          </cell>
          <cell r="AT6390">
            <v>2015</v>
          </cell>
          <cell r="AU6390">
            <v>6</v>
          </cell>
        </row>
        <row r="6391">
          <cell r="C6391">
            <v>1.2382</v>
          </cell>
          <cell r="AT6391">
            <v>2015</v>
          </cell>
          <cell r="AU6391">
            <v>6</v>
          </cell>
        </row>
        <row r="6392">
          <cell r="C6392">
            <v>1.2474000000000001</v>
          </cell>
          <cell r="AT6392">
            <v>2015</v>
          </cell>
          <cell r="AU6392">
            <v>7</v>
          </cell>
        </row>
        <row r="6393">
          <cell r="C6393">
            <v>1.2474000000000001</v>
          </cell>
          <cell r="AT6393">
            <v>2015</v>
          </cell>
          <cell r="AU6393">
            <v>7</v>
          </cell>
        </row>
        <row r="6394">
          <cell r="C6394">
            <v>1.2565999999999999</v>
          </cell>
          <cell r="AT6394">
            <v>2015</v>
          </cell>
          <cell r="AU6394">
            <v>7</v>
          </cell>
        </row>
        <row r="6395">
          <cell r="C6395">
            <v>1.2565999999999999</v>
          </cell>
          <cell r="AT6395">
            <v>2015</v>
          </cell>
          <cell r="AU6395">
            <v>7</v>
          </cell>
        </row>
        <row r="6396">
          <cell r="C6396">
            <v>1.2565999999999999</v>
          </cell>
          <cell r="AT6396">
            <v>2015</v>
          </cell>
          <cell r="AU6396">
            <v>7</v>
          </cell>
        </row>
        <row r="6397">
          <cell r="C6397">
            <v>1.2565999999999999</v>
          </cell>
          <cell r="AT6397">
            <v>2015</v>
          </cell>
          <cell r="AU6397">
            <v>7</v>
          </cell>
        </row>
        <row r="6398">
          <cell r="C6398">
            <v>1.2625999999999999</v>
          </cell>
          <cell r="AT6398">
            <v>2015</v>
          </cell>
          <cell r="AU6398">
            <v>7</v>
          </cell>
        </row>
        <row r="6399">
          <cell r="C6399">
            <v>1.274</v>
          </cell>
          <cell r="AT6399">
            <v>2015</v>
          </cell>
          <cell r="AU6399">
            <v>7</v>
          </cell>
        </row>
        <row r="6400">
          <cell r="C6400">
            <v>1.2722</v>
          </cell>
          <cell r="AT6400">
            <v>2015</v>
          </cell>
          <cell r="AU6400">
            <v>7</v>
          </cell>
        </row>
        <row r="6401">
          <cell r="C6401">
            <v>1.2728999999999999</v>
          </cell>
          <cell r="AT6401">
            <v>2015</v>
          </cell>
          <cell r="AU6401">
            <v>7</v>
          </cell>
        </row>
        <row r="6402">
          <cell r="C6402">
            <v>1.2715000000000001</v>
          </cell>
          <cell r="AT6402">
            <v>2015</v>
          </cell>
          <cell r="AU6402">
            <v>7</v>
          </cell>
        </row>
        <row r="6403">
          <cell r="C6403">
            <v>1.2715000000000001</v>
          </cell>
          <cell r="AT6403">
            <v>2015</v>
          </cell>
          <cell r="AU6403">
            <v>7</v>
          </cell>
        </row>
        <row r="6404">
          <cell r="C6404">
            <v>1.2715000000000001</v>
          </cell>
          <cell r="AT6404">
            <v>2015</v>
          </cell>
          <cell r="AU6404">
            <v>7</v>
          </cell>
        </row>
        <row r="6405">
          <cell r="C6405">
            <v>1.2762</v>
          </cell>
          <cell r="AT6405">
            <v>2015</v>
          </cell>
          <cell r="AU6405">
            <v>7</v>
          </cell>
        </row>
        <row r="6406">
          <cell r="C6406">
            <v>1.2747999999999999</v>
          </cell>
          <cell r="AT6406">
            <v>2015</v>
          </cell>
          <cell r="AU6406">
            <v>7</v>
          </cell>
        </row>
        <row r="6407">
          <cell r="C6407">
            <v>1.2937000000000001</v>
          </cell>
          <cell r="AT6407">
            <v>2015</v>
          </cell>
          <cell r="AU6407">
            <v>7</v>
          </cell>
        </row>
        <row r="6408">
          <cell r="C6408">
            <v>1.2939000000000001</v>
          </cell>
          <cell r="AT6408">
            <v>2015</v>
          </cell>
          <cell r="AU6408">
            <v>7</v>
          </cell>
        </row>
        <row r="6409">
          <cell r="C6409">
            <v>1.2998000000000001</v>
          </cell>
          <cell r="AT6409">
            <v>2015</v>
          </cell>
          <cell r="AU6409">
            <v>7</v>
          </cell>
        </row>
        <row r="6410">
          <cell r="C6410">
            <v>1.2998000000000001</v>
          </cell>
          <cell r="AT6410">
            <v>2015</v>
          </cell>
          <cell r="AU6410">
            <v>7</v>
          </cell>
        </row>
        <row r="6411">
          <cell r="C6411">
            <v>1.2998000000000001</v>
          </cell>
          <cell r="AT6411">
            <v>2015</v>
          </cell>
          <cell r="AU6411">
            <v>7</v>
          </cell>
        </row>
        <row r="6412">
          <cell r="C6412">
            <v>1.2982</v>
          </cell>
          <cell r="AT6412">
            <v>2015</v>
          </cell>
          <cell r="AU6412">
            <v>7</v>
          </cell>
        </row>
        <row r="6413">
          <cell r="C6413">
            <v>1.2961</v>
          </cell>
          <cell r="AT6413">
            <v>2015</v>
          </cell>
          <cell r="AU6413">
            <v>7</v>
          </cell>
        </row>
        <row r="6414">
          <cell r="C6414">
            <v>1.3026</v>
          </cell>
          <cell r="AT6414">
            <v>2015</v>
          </cell>
          <cell r="AU6414">
            <v>7</v>
          </cell>
        </row>
        <row r="6415">
          <cell r="C6415">
            <v>1.3029999999999999</v>
          </cell>
          <cell r="AT6415">
            <v>2015</v>
          </cell>
          <cell r="AU6415">
            <v>7</v>
          </cell>
        </row>
        <row r="6416">
          <cell r="C6416">
            <v>1.306</v>
          </cell>
          <cell r="AT6416">
            <v>2015</v>
          </cell>
          <cell r="AU6416">
            <v>7</v>
          </cell>
        </row>
        <row r="6417">
          <cell r="C6417">
            <v>1.306</v>
          </cell>
          <cell r="AT6417">
            <v>2015</v>
          </cell>
          <cell r="AU6417">
            <v>7</v>
          </cell>
        </row>
        <row r="6418">
          <cell r="C6418">
            <v>1.306</v>
          </cell>
          <cell r="AT6418">
            <v>2015</v>
          </cell>
          <cell r="AU6418">
            <v>7</v>
          </cell>
        </row>
        <row r="6419">
          <cell r="C6419">
            <v>1.3008999999999999</v>
          </cell>
          <cell r="AT6419">
            <v>2015</v>
          </cell>
          <cell r="AU6419">
            <v>7</v>
          </cell>
        </row>
        <row r="6420">
          <cell r="C6420">
            <v>1.2934000000000001</v>
          </cell>
          <cell r="AT6420">
            <v>2015</v>
          </cell>
          <cell r="AU6420">
            <v>7</v>
          </cell>
        </row>
        <row r="6421">
          <cell r="C6421">
            <v>1.2892999999999999</v>
          </cell>
          <cell r="AT6421">
            <v>2015</v>
          </cell>
          <cell r="AU6421">
            <v>7</v>
          </cell>
        </row>
        <row r="6422">
          <cell r="C6422">
            <v>1.3026</v>
          </cell>
          <cell r="AT6422">
            <v>2015</v>
          </cell>
          <cell r="AU6422">
            <v>7</v>
          </cell>
        </row>
        <row r="6423">
          <cell r="C6423">
            <v>1.3046314416177431</v>
          </cell>
          <cell r="AT6423">
            <v>2015</v>
          </cell>
          <cell r="AU6423">
            <v>8</v>
          </cell>
        </row>
        <row r="6424">
          <cell r="C6424">
            <v>1.3046314416177431</v>
          </cell>
          <cell r="AT6424">
            <v>2015</v>
          </cell>
          <cell r="AU6424">
            <v>8</v>
          </cell>
        </row>
        <row r="6425">
          <cell r="C6425">
            <v>1.3046314416177431</v>
          </cell>
          <cell r="AT6425">
            <v>2015</v>
          </cell>
          <cell r="AU6425">
            <v>8</v>
          </cell>
        </row>
        <row r="6426">
          <cell r="C6426">
            <v>1.3046314416177431</v>
          </cell>
          <cell r="AT6426">
            <v>2015</v>
          </cell>
          <cell r="AU6426">
            <v>8</v>
          </cell>
        </row>
        <row r="6427">
          <cell r="C6427">
            <v>1.3125</v>
          </cell>
          <cell r="AT6427">
            <v>2015</v>
          </cell>
          <cell r="AU6427">
            <v>8</v>
          </cell>
        </row>
        <row r="6428">
          <cell r="C6428">
            <v>1.3183</v>
          </cell>
          <cell r="AT6428">
            <v>2015</v>
          </cell>
          <cell r="AU6428">
            <v>8</v>
          </cell>
        </row>
        <row r="6429">
          <cell r="C6429">
            <v>1.3151999999999999</v>
          </cell>
          <cell r="AT6429">
            <v>2015</v>
          </cell>
          <cell r="AU6429">
            <v>8</v>
          </cell>
        </row>
        <row r="6430">
          <cell r="C6430">
            <v>1.3122</v>
          </cell>
          <cell r="AT6430">
            <v>2015</v>
          </cell>
          <cell r="AU6430">
            <v>8</v>
          </cell>
        </row>
        <row r="6431">
          <cell r="C6431">
            <v>1.3122</v>
          </cell>
          <cell r="AT6431">
            <v>2015</v>
          </cell>
          <cell r="AU6431">
            <v>8</v>
          </cell>
        </row>
        <row r="6432">
          <cell r="C6432">
            <v>1.3122</v>
          </cell>
          <cell r="AT6432">
            <v>2015</v>
          </cell>
          <cell r="AU6432">
            <v>8</v>
          </cell>
        </row>
        <row r="6433">
          <cell r="C6433">
            <v>1.3056000000000001</v>
          </cell>
          <cell r="AT6433">
            <v>2015</v>
          </cell>
          <cell r="AU6433">
            <v>8</v>
          </cell>
        </row>
        <row r="6434">
          <cell r="C6434">
            <v>1.3148</v>
          </cell>
          <cell r="AT6434">
            <v>2015</v>
          </cell>
          <cell r="AU6434">
            <v>8</v>
          </cell>
        </row>
        <row r="6435">
          <cell r="C6435">
            <v>1.2972999999999999</v>
          </cell>
          <cell r="AT6435">
            <v>2015</v>
          </cell>
          <cell r="AU6435">
            <v>8</v>
          </cell>
        </row>
        <row r="6436">
          <cell r="C6436">
            <v>1.3078000000000001</v>
          </cell>
          <cell r="AT6436">
            <v>2015</v>
          </cell>
          <cell r="AU6436">
            <v>8</v>
          </cell>
        </row>
        <row r="6437">
          <cell r="C6437">
            <v>1.3078000000000001</v>
          </cell>
          <cell r="AT6437">
            <v>2015</v>
          </cell>
          <cell r="AU6437">
            <v>8</v>
          </cell>
        </row>
        <row r="6438">
          <cell r="C6438">
            <v>1.3078000000000001</v>
          </cell>
          <cell r="AT6438">
            <v>2015</v>
          </cell>
          <cell r="AU6438">
            <v>8</v>
          </cell>
        </row>
        <row r="6439">
          <cell r="C6439">
            <v>1.3078000000000001</v>
          </cell>
          <cell r="AT6439">
            <v>2015</v>
          </cell>
          <cell r="AU6439">
            <v>8</v>
          </cell>
        </row>
        <row r="6440">
          <cell r="C6440">
            <v>1.3090999999999999</v>
          </cell>
          <cell r="AT6440">
            <v>2015</v>
          </cell>
          <cell r="AU6440">
            <v>8</v>
          </cell>
        </row>
        <row r="6441">
          <cell r="C6441">
            <v>1.3072999999999999</v>
          </cell>
          <cell r="AT6441">
            <v>2015</v>
          </cell>
          <cell r="AU6441">
            <v>8</v>
          </cell>
        </row>
        <row r="6442">
          <cell r="C6442">
            <v>1.3165</v>
          </cell>
          <cell r="AT6442">
            <v>2015</v>
          </cell>
          <cell r="AU6442">
            <v>8</v>
          </cell>
        </row>
        <row r="6443">
          <cell r="C6443">
            <v>1.3080000000000001</v>
          </cell>
          <cell r="AT6443">
            <v>2015</v>
          </cell>
          <cell r="AU6443">
            <v>8</v>
          </cell>
        </row>
        <row r="6444">
          <cell r="C6444">
            <v>1.3149</v>
          </cell>
          <cell r="AT6444">
            <v>2015</v>
          </cell>
          <cell r="AU6444">
            <v>8</v>
          </cell>
        </row>
        <row r="6445">
          <cell r="C6445">
            <v>1.3149</v>
          </cell>
          <cell r="AT6445">
            <v>2015</v>
          </cell>
          <cell r="AU6445">
            <v>8</v>
          </cell>
        </row>
        <row r="6446">
          <cell r="C6446">
            <v>1.3149</v>
          </cell>
          <cell r="AT6446">
            <v>2015</v>
          </cell>
          <cell r="AU6446">
            <v>8</v>
          </cell>
        </row>
        <row r="6447">
          <cell r="C6447">
            <v>1.3212999999999999</v>
          </cell>
          <cell r="AT6447">
            <v>2015</v>
          </cell>
          <cell r="AU6447">
            <v>8</v>
          </cell>
        </row>
        <row r="6448">
          <cell r="C6448">
            <v>1.3295999999999999</v>
          </cell>
          <cell r="AT6448">
            <v>2015</v>
          </cell>
          <cell r="AU6448">
            <v>8</v>
          </cell>
        </row>
        <row r="6449">
          <cell r="C6449">
            <v>1.3303</v>
          </cell>
          <cell r="AT6449">
            <v>2015</v>
          </cell>
          <cell r="AU6449">
            <v>8</v>
          </cell>
        </row>
        <row r="6450">
          <cell r="C6450">
            <v>1.3197000000000001</v>
          </cell>
          <cell r="AT6450">
            <v>2015</v>
          </cell>
          <cell r="AU6450">
            <v>8</v>
          </cell>
        </row>
        <row r="6451">
          <cell r="C6451">
            <v>1.3269</v>
          </cell>
          <cell r="AT6451">
            <v>2015</v>
          </cell>
          <cell r="AU6451">
            <v>8</v>
          </cell>
        </row>
        <row r="6452">
          <cell r="C6452">
            <v>1.3269</v>
          </cell>
          <cell r="AT6452">
            <v>2015</v>
          </cell>
          <cell r="AU6452">
            <v>8</v>
          </cell>
        </row>
        <row r="6453">
          <cell r="C6453">
            <v>1.3269</v>
          </cell>
          <cell r="AT6453">
            <v>2015</v>
          </cell>
          <cell r="AU6453">
            <v>8</v>
          </cell>
        </row>
        <row r="6454">
          <cell r="C6454">
            <v>1.3223</v>
          </cell>
          <cell r="AT6454">
            <v>2015</v>
          </cell>
          <cell r="AU6454">
            <v>9</v>
          </cell>
        </row>
        <row r="6455">
          <cell r="C6455">
            <v>1.3179000000000001</v>
          </cell>
          <cell r="AT6455">
            <v>2015</v>
          </cell>
          <cell r="AU6455">
            <v>9</v>
          </cell>
        </row>
        <row r="6456">
          <cell r="C6456">
            <v>1.3310999999999999</v>
          </cell>
          <cell r="AT6456">
            <v>2015</v>
          </cell>
          <cell r="AU6456">
            <v>9</v>
          </cell>
        </row>
        <row r="6457">
          <cell r="C6457">
            <v>1.3199000000000001</v>
          </cell>
          <cell r="AT6457">
            <v>2015</v>
          </cell>
          <cell r="AU6457">
            <v>9</v>
          </cell>
        </row>
        <row r="6458">
          <cell r="C6458">
            <v>1.3272999999999999</v>
          </cell>
          <cell r="AT6458">
            <v>2015</v>
          </cell>
          <cell r="AU6458">
            <v>9</v>
          </cell>
        </row>
        <row r="6459">
          <cell r="C6459">
            <v>1.3272999999999999</v>
          </cell>
          <cell r="AT6459">
            <v>2015</v>
          </cell>
          <cell r="AU6459">
            <v>9</v>
          </cell>
        </row>
        <row r="6460">
          <cell r="C6460">
            <v>1.3272999999999999</v>
          </cell>
          <cell r="AT6460">
            <v>2015</v>
          </cell>
          <cell r="AU6460">
            <v>9</v>
          </cell>
        </row>
        <row r="6461">
          <cell r="C6461">
            <v>1.3272999999999999</v>
          </cell>
          <cell r="AT6461">
            <v>2015</v>
          </cell>
          <cell r="AU6461">
            <v>9</v>
          </cell>
        </row>
        <row r="6462">
          <cell r="C6462">
            <v>1.3194999999999999</v>
          </cell>
          <cell r="AT6462">
            <v>2015</v>
          </cell>
          <cell r="AU6462">
            <v>9</v>
          </cell>
        </row>
        <row r="6463">
          <cell r="C6463">
            <v>1.3223</v>
          </cell>
          <cell r="AT6463">
            <v>2015</v>
          </cell>
          <cell r="AU6463">
            <v>9</v>
          </cell>
        </row>
        <row r="6464">
          <cell r="C6464">
            <v>1.3219000000000001</v>
          </cell>
          <cell r="AT6464">
            <v>2015</v>
          </cell>
          <cell r="AU6464">
            <v>9</v>
          </cell>
        </row>
        <row r="6465">
          <cell r="C6465">
            <v>1.3275999999999999</v>
          </cell>
          <cell r="AT6465">
            <v>2015</v>
          </cell>
          <cell r="AU6465">
            <v>9</v>
          </cell>
        </row>
        <row r="6466">
          <cell r="C6466">
            <v>1.3275999999999999</v>
          </cell>
          <cell r="AT6466">
            <v>2015</v>
          </cell>
          <cell r="AU6466">
            <v>9</v>
          </cell>
        </row>
        <row r="6467">
          <cell r="C6467">
            <v>1.3275999999999999</v>
          </cell>
          <cell r="AT6467">
            <v>2015</v>
          </cell>
          <cell r="AU6467">
            <v>9</v>
          </cell>
        </row>
        <row r="6468">
          <cell r="C6468">
            <v>1.327</v>
          </cell>
          <cell r="AT6468">
            <v>2015</v>
          </cell>
          <cell r="AU6468">
            <v>9</v>
          </cell>
        </row>
        <row r="6469">
          <cell r="C6469">
            <v>1.3263</v>
          </cell>
          <cell r="AT6469">
            <v>2015</v>
          </cell>
          <cell r="AU6469">
            <v>9</v>
          </cell>
        </row>
        <row r="6470">
          <cell r="C6470">
            <v>1.3178000000000001</v>
          </cell>
          <cell r="AT6470">
            <v>2015</v>
          </cell>
          <cell r="AU6470">
            <v>9</v>
          </cell>
        </row>
        <row r="6471">
          <cell r="C6471">
            <v>1.3186</v>
          </cell>
          <cell r="AT6471">
            <v>2015</v>
          </cell>
          <cell r="AU6471">
            <v>9</v>
          </cell>
        </row>
        <row r="6472">
          <cell r="C6472">
            <v>1.3147</v>
          </cell>
          <cell r="AT6472">
            <v>2015</v>
          </cell>
          <cell r="AU6472">
            <v>9</v>
          </cell>
        </row>
        <row r="6473">
          <cell r="C6473">
            <v>1.3147</v>
          </cell>
          <cell r="AT6473">
            <v>2015</v>
          </cell>
          <cell r="AU6473">
            <v>9</v>
          </cell>
        </row>
        <row r="6474">
          <cell r="C6474">
            <v>1.3147</v>
          </cell>
          <cell r="AT6474">
            <v>2015</v>
          </cell>
          <cell r="AU6474">
            <v>9</v>
          </cell>
        </row>
        <row r="6475">
          <cell r="C6475">
            <v>1.325</v>
          </cell>
          <cell r="AT6475">
            <v>2015</v>
          </cell>
          <cell r="AU6475">
            <v>9</v>
          </cell>
        </row>
        <row r="6476">
          <cell r="C6476">
            <v>1.3278000000000001</v>
          </cell>
          <cell r="AT6476">
            <v>2015</v>
          </cell>
          <cell r="AU6476">
            <v>9</v>
          </cell>
        </row>
        <row r="6477">
          <cell r="C6477">
            <v>1.3314999999999999</v>
          </cell>
          <cell r="AT6477">
            <v>2015</v>
          </cell>
          <cell r="AU6477">
            <v>9</v>
          </cell>
        </row>
        <row r="6478">
          <cell r="C6478">
            <v>1.3351</v>
          </cell>
          <cell r="AT6478">
            <v>2015</v>
          </cell>
          <cell r="AU6478">
            <v>9</v>
          </cell>
        </row>
        <row r="6479">
          <cell r="C6479">
            <v>1.3325</v>
          </cell>
          <cell r="AT6479">
            <v>2015</v>
          </cell>
          <cell r="AU6479">
            <v>9</v>
          </cell>
        </row>
        <row r="6480">
          <cell r="C6480">
            <v>1.3325</v>
          </cell>
          <cell r="AT6480">
            <v>2015</v>
          </cell>
          <cell r="AU6480">
            <v>9</v>
          </cell>
        </row>
        <row r="6481">
          <cell r="C6481">
            <v>1.3325</v>
          </cell>
          <cell r="AT6481">
            <v>2015</v>
          </cell>
          <cell r="AU6481">
            <v>9</v>
          </cell>
        </row>
        <row r="6482">
          <cell r="C6482">
            <v>1.3361000000000001</v>
          </cell>
          <cell r="AT6482">
            <v>2015</v>
          </cell>
          <cell r="AU6482">
            <v>9</v>
          </cell>
        </row>
        <row r="6483">
          <cell r="C6483">
            <v>1.3412999999999999</v>
          </cell>
          <cell r="AT6483">
            <v>2015</v>
          </cell>
          <cell r="AU6483">
            <v>9</v>
          </cell>
        </row>
        <row r="6484">
          <cell r="C6484">
            <v>1.3393999999999999</v>
          </cell>
          <cell r="AT6484">
            <v>2015</v>
          </cell>
          <cell r="AU6484">
            <v>10</v>
          </cell>
        </row>
        <row r="6485">
          <cell r="C6485">
            <v>1.3242</v>
          </cell>
          <cell r="AT6485">
            <v>2015</v>
          </cell>
          <cell r="AU6485">
            <v>10</v>
          </cell>
        </row>
        <row r="6486">
          <cell r="C6486">
            <v>1.3213999999999999</v>
          </cell>
          <cell r="AT6486">
            <v>2015</v>
          </cell>
          <cell r="AU6486">
            <v>10</v>
          </cell>
        </row>
        <row r="6487">
          <cell r="C6487">
            <v>1.3213999999999999</v>
          </cell>
          <cell r="AT6487">
            <v>2015</v>
          </cell>
          <cell r="AU6487">
            <v>10</v>
          </cell>
        </row>
        <row r="6488">
          <cell r="C6488">
            <v>1.3213999999999999</v>
          </cell>
          <cell r="AT6488">
            <v>2015</v>
          </cell>
          <cell r="AU6488">
            <v>10</v>
          </cell>
        </row>
        <row r="6489">
          <cell r="C6489">
            <v>1.3085</v>
          </cell>
          <cell r="AT6489">
            <v>2015</v>
          </cell>
          <cell r="AU6489">
            <v>10</v>
          </cell>
        </row>
        <row r="6490">
          <cell r="C6490">
            <v>1.3056000000000001</v>
          </cell>
          <cell r="AT6490">
            <v>2015</v>
          </cell>
          <cell r="AU6490">
            <v>10</v>
          </cell>
        </row>
        <row r="6491">
          <cell r="C6491">
            <v>1.3036000000000001</v>
          </cell>
          <cell r="AT6491">
            <v>2015</v>
          </cell>
          <cell r="AU6491">
            <v>10</v>
          </cell>
        </row>
        <row r="6492">
          <cell r="C6492">
            <v>1.3018000000000001</v>
          </cell>
          <cell r="AT6492">
            <v>2015</v>
          </cell>
          <cell r="AU6492">
            <v>10</v>
          </cell>
        </row>
        <row r="6493">
          <cell r="C6493">
            <v>1.2946</v>
          </cell>
          <cell r="AT6493">
            <v>2015</v>
          </cell>
          <cell r="AU6493">
            <v>10</v>
          </cell>
        </row>
        <row r="6494">
          <cell r="C6494">
            <v>1.2946</v>
          </cell>
          <cell r="AT6494">
            <v>2015</v>
          </cell>
          <cell r="AU6494">
            <v>10</v>
          </cell>
        </row>
        <row r="6495">
          <cell r="C6495">
            <v>1.2946</v>
          </cell>
          <cell r="AT6495">
            <v>2015</v>
          </cell>
          <cell r="AU6495">
            <v>10</v>
          </cell>
        </row>
        <row r="6496">
          <cell r="C6496">
            <v>1.2946</v>
          </cell>
          <cell r="AT6496">
            <v>2015</v>
          </cell>
          <cell r="AU6496">
            <v>10</v>
          </cell>
        </row>
        <row r="6497">
          <cell r="C6497">
            <v>1.2986</v>
          </cell>
          <cell r="AT6497">
            <v>2015</v>
          </cell>
          <cell r="AU6497">
            <v>10</v>
          </cell>
        </row>
        <row r="6498">
          <cell r="C6498">
            <v>1.2982</v>
          </cell>
          <cell r="AT6498">
            <v>2015</v>
          </cell>
          <cell r="AU6498">
            <v>10</v>
          </cell>
        </row>
        <row r="6499">
          <cell r="C6499">
            <v>1.2904</v>
          </cell>
          <cell r="AT6499">
            <v>2015</v>
          </cell>
          <cell r="AU6499">
            <v>10</v>
          </cell>
        </row>
        <row r="6500">
          <cell r="C6500">
            <v>1.2932999999999999</v>
          </cell>
          <cell r="AT6500">
            <v>2015</v>
          </cell>
          <cell r="AU6500">
            <v>10</v>
          </cell>
        </row>
        <row r="6501">
          <cell r="C6501">
            <v>1.2932999999999999</v>
          </cell>
          <cell r="AT6501">
            <v>2015</v>
          </cell>
          <cell r="AU6501">
            <v>10</v>
          </cell>
        </row>
        <row r="6502">
          <cell r="C6502">
            <v>1.2932999999999999</v>
          </cell>
          <cell r="AT6502">
            <v>2015</v>
          </cell>
          <cell r="AU6502">
            <v>10</v>
          </cell>
        </row>
        <row r="6503">
          <cell r="C6503">
            <v>1.2998000000000001</v>
          </cell>
          <cell r="AT6503">
            <v>2015</v>
          </cell>
          <cell r="AU6503">
            <v>10</v>
          </cell>
        </row>
        <row r="6504">
          <cell r="C6504">
            <v>1.2974000000000001</v>
          </cell>
          <cell r="AT6504">
            <v>2015</v>
          </cell>
          <cell r="AU6504">
            <v>10</v>
          </cell>
        </row>
        <row r="6505">
          <cell r="C6505">
            <v>1.3116000000000001</v>
          </cell>
          <cell r="AT6505">
            <v>2015</v>
          </cell>
          <cell r="AU6505">
            <v>10</v>
          </cell>
        </row>
        <row r="6506">
          <cell r="C6506">
            <v>1.3088</v>
          </cell>
          <cell r="AT6506">
            <v>2015</v>
          </cell>
          <cell r="AU6506">
            <v>10</v>
          </cell>
        </row>
        <row r="6507">
          <cell r="C6507">
            <v>1.3171999999999999</v>
          </cell>
          <cell r="AT6507">
            <v>2015</v>
          </cell>
          <cell r="AU6507">
            <v>10</v>
          </cell>
        </row>
        <row r="6508">
          <cell r="C6508">
            <v>1.3171999999999999</v>
          </cell>
          <cell r="AT6508">
            <v>2015</v>
          </cell>
          <cell r="AU6508">
            <v>10</v>
          </cell>
        </row>
        <row r="6509">
          <cell r="C6509">
            <v>1.3171999999999999</v>
          </cell>
          <cell r="AT6509">
            <v>2015</v>
          </cell>
          <cell r="AU6509">
            <v>10</v>
          </cell>
        </row>
        <row r="6510">
          <cell r="C6510">
            <v>1.3133999999999999</v>
          </cell>
          <cell r="AT6510">
            <v>2015</v>
          </cell>
          <cell r="AU6510">
            <v>10</v>
          </cell>
        </row>
        <row r="6511">
          <cell r="C6511">
            <v>1.3241000000000001</v>
          </cell>
          <cell r="AT6511">
            <v>2015</v>
          </cell>
          <cell r="AU6511">
            <v>10</v>
          </cell>
        </row>
        <row r="6512">
          <cell r="C6512">
            <v>1.3148</v>
          </cell>
          <cell r="AT6512">
            <v>2015</v>
          </cell>
          <cell r="AU6512">
            <v>10</v>
          </cell>
        </row>
        <row r="6513">
          <cell r="C6513">
            <v>1.3169999999999999</v>
          </cell>
          <cell r="AT6513">
            <v>2015</v>
          </cell>
          <cell r="AU6513">
            <v>10</v>
          </cell>
        </row>
        <row r="6514">
          <cell r="C6514">
            <v>1.3083</v>
          </cell>
          <cell r="AT6514">
            <v>2015</v>
          </cell>
          <cell r="AU6514">
            <v>10</v>
          </cell>
        </row>
        <row r="6515">
          <cell r="C6515">
            <v>1.3083</v>
          </cell>
          <cell r="AT6515">
            <v>2015</v>
          </cell>
          <cell r="AU6515">
            <v>11</v>
          </cell>
        </row>
        <row r="6516">
          <cell r="C6516">
            <v>1.3083</v>
          </cell>
          <cell r="AT6516">
            <v>2015</v>
          </cell>
          <cell r="AU6516">
            <v>11</v>
          </cell>
        </row>
        <row r="6517">
          <cell r="C6517">
            <v>1.3095000000000001</v>
          </cell>
          <cell r="AT6517">
            <v>2015</v>
          </cell>
          <cell r="AU6517">
            <v>11</v>
          </cell>
        </row>
        <row r="6518">
          <cell r="C6518">
            <v>1.3106</v>
          </cell>
          <cell r="AT6518">
            <v>2015</v>
          </cell>
          <cell r="AU6518">
            <v>11</v>
          </cell>
        </row>
        <row r="6519">
          <cell r="C6519">
            <v>1.3164</v>
          </cell>
          <cell r="AT6519">
            <v>2015</v>
          </cell>
          <cell r="AU6519">
            <v>11</v>
          </cell>
        </row>
        <row r="6520">
          <cell r="C6520">
            <v>1.3167</v>
          </cell>
          <cell r="AT6520">
            <v>2015</v>
          </cell>
          <cell r="AU6520">
            <v>11</v>
          </cell>
        </row>
        <row r="6521">
          <cell r="C6521">
            <v>1.3308</v>
          </cell>
          <cell r="AT6521">
            <v>2015</v>
          </cell>
          <cell r="AU6521">
            <v>11</v>
          </cell>
        </row>
        <row r="6522">
          <cell r="C6522">
            <v>1.3308</v>
          </cell>
          <cell r="AT6522">
            <v>2015</v>
          </cell>
          <cell r="AU6522">
            <v>11</v>
          </cell>
        </row>
        <row r="6523">
          <cell r="C6523">
            <v>1.3308</v>
          </cell>
          <cell r="AT6523">
            <v>2015</v>
          </cell>
          <cell r="AU6523">
            <v>11</v>
          </cell>
        </row>
        <row r="6524">
          <cell r="C6524">
            <v>1.3274999999999999</v>
          </cell>
          <cell r="AT6524">
            <v>2015</v>
          </cell>
          <cell r="AU6524">
            <v>11</v>
          </cell>
        </row>
        <row r="6525">
          <cell r="C6525">
            <v>1.3259000000000001</v>
          </cell>
          <cell r="AT6525">
            <v>2015</v>
          </cell>
          <cell r="AU6525">
            <v>11</v>
          </cell>
        </row>
        <row r="6526">
          <cell r="C6526">
            <v>1.3259000000000001</v>
          </cell>
          <cell r="AT6526">
            <v>2015</v>
          </cell>
          <cell r="AU6526">
            <v>11</v>
          </cell>
        </row>
        <row r="6527">
          <cell r="C6527">
            <v>1.3307</v>
          </cell>
          <cell r="AT6527">
            <v>2015</v>
          </cell>
          <cell r="AU6527">
            <v>11</v>
          </cell>
        </row>
        <row r="6528">
          <cell r="C6528">
            <v>1.3331999999999999</v>
          </cell>
          <cell r="AT6528">
            <v>2015</v>
          </cell>
          <cell r="AU6528">
            <v>11</v>
          </cell>
        </row>
        <row r="6529">
          <cell r="C6529">
            <v>1.3331999999999999</v>
          </cell>
          <cell r="AT6529">
            <v>2015</v>
          </cell>
          <cell r="AU6529">
            <v>11</v>
          </cell>
        </row>
        <row r="6530">
          <cell r="C6530">
            <v>1.3331999999999999</v>
          </cell>
          <cell r="AT6530">
            <v>2015</v>
          </cell>
          <cell r="AU6530">
            <v>11</v>
          </cell>
        </row>
        <row r="6531">
          <cell r="C6531">
            <v>1.3352999999999999</v>
          </cell>
          <cell r="AT6531">
            <v>2015</v>
          </cell>
          <cell r="AU6531">
            <v>11</v>
          </cell>
        </row>
        <row r="6532">
          <cell r="C6532">
            <v>1.3324</v>
          </cell>
          <cell r="AT6532">
            <v>2015</v>
          </cell>
          <cell r="AU6532">
            <v>11</v>
          </cell>
        </row>
        <row r="6533">
          <cell r="C6533">
            <v>1.3352999999999999</v>
          </cell>
          <cell r="AT6533">
            <v>2015</v>
          </cell>
          <cell r="AU6533">
            <v>11</v>
          </cell>
        </row>
        <row r="6534">
          <cell r="C6534">
            <v>1.3267</v>
          </cell>
          <cell r="AT6534">
            <v>2015</v>
          </cell>
          <cell r="AU6534">
            <v>11</v>
          </cell>
        </row>
        <row r="6535">
          <cell r="C6535">
            <v>1.3338000000000001</v>
          </cell>
          <cell r="AT6535">
            <v>2015</v>
          </cell>
          <cell r="AU6535">
            <v>11</v>
          </cell>
        </row>
        <row r="6536">
          <cell r="C6536">
            <v>1.3338000000000001</v>
          </cell>
          <cell r="AT6536">
            <v>2015</v>
          </cell>
          <cell r="AU6536">
            <v>11</v>
          </cell>
        </row>
        <row r="6537">
          <cell r="C6537">
            <v>1.3338000000000001</v>
          </cell>
          <cell r="AT6537">
            <v>2015</v>
          </cell>
          <cell r="AU6537">
            <v>11</v>
          </cell>
        </row>
        <row r="6538">
          <cell r="C6538">
            <v>1.3357000000000001</v>
          </cell>
          <cell r="AT6538">
            <v>2015</v>
          </cell>
          <cell r="AU6538">
            <v>11</v>
          </cell>
        </row>
        <row r="6539">
          <cell r="C6539">
            <v>1.3308</v>
          </cell>
          <cell r="AT6539">
            <v>2015</v>
          </cell>
          <cell r="AU6539">
            <v>11</v>
          </cell>
        </row>
        <row r="6540">
          <cell r="C6540">
            <v>1.3301000000000001</v>
          </cell>
          <cell r="AT6540">
            <v>2015</v>
          </cell>
          <cell r="AU6540">
            <v>11</v>
          </cell>
        </row>
        <row r="6541">
          <cell r="C6541">
            <v>1.33</v>
          </cell>
          <cell r="AT6541">
            <v>2015</v>
          </cell>
          <cell r="AU6541">
            <v>11</v>
          </cell>
        </row>
        <row r="6542">
          <cell r="C6542">
            <v>1.3360000000000001</v>
          </cell>
          <cell r="AT6542">
            <v>2015</v>
          </cell>
          <cell r="AU6542">
            <v>11</v>
          </cell>
        </row>
        <row r="6543">
          <cell r="C6543">
            <v>1.3360000000000001</v>
          </cell>
          <cell r="AT6543">
            <v>2015</v>
          </cell>
          <cell r="AU6543">
            <v>11</v>
          </cell>
        </row>
        <row r="6544">
          <cell r="C6544">
            <v>1.3360000000000001</v>
          </cell>
          <cell r="AT6544">
            <v>2015</v>
          </cell>
          <cell r="AU6544">
            <v>11</v>
          </cell>
        </row>
        <row r="6545">
          <cell r="C6545">
            <v>1.3332999999999999</v>
          </cell>
          <cell r="AT6545">
            <v>2015</v>
          </cell>
          <cell r="AU6545">
            <v>12</v>
          </cell>
        </row>
        <row r="6546">
          <cell r="C6546">
            <v>1.3371999999999999</v>
          </cell>
          <cell r="AT6546">
            <v>2015</v>
          </cell>
          <cell r="AU6546">
            <v>12</v>
          </cell>
        </row>
        <row r="6547">
          <cell r="C6547">
            <v>1.3360000000000001</v>
          </cell>
          <cell r="AT6547">
            <v>2015</v>
          </cell>
          <cell r="AU6547">
            <v>12</v>
          </cell>
        </row>
        <row r="6548">
          <cell r="C6548">
            <v>1.3393999999999999</v>
          </cell>
          <cell r="AT6548">
            <v>2015</v>
          </cell>
          <cell r="AU6548">
            <v>12</v>
          </cell>
        </row>
        <row r="6549">
          <cell r="C6549">
            <v>1.3365</v>
          </cell>
          <cell r="AT6549">
            <v>2015</v>
          </cell>
          <cell r="AU6549">
            <v>12</v>
          </cell>
        </row>
        <row r="6550">
          <cell r="C6550">
            <v>1.3365</v>
          </cell>
          <cell r="AT6550">
            <v>2015</v>
          </cell>
          <cell r="AU6550">
            <v>12</v>
          </cell>
        </row>
        <row r="6551">
          <cell r="C6551">
            <v>1.3365</v>
          </cell>
          <cell r="AT6551">
            <v>2015</v>
          </cell>
          <cell r="AU6551">
            <v>12</v>
          </cell>
        </row>
        <row r="6552">
          <cell r="C6552">
            <v>1.3508</v>
          </cell>
          <cell r="AT6552">
            <v>2015</v>
          </cell>
          <cell r="AU6552">
            <v>12</v>
          </cell>
        </row>
        <row r="6553">
          <cell r="C6553">
            <v>1.3593</v>
          </cell>
          <cell r="AT6553">
            <v>2015</v>
          </cell>
          <cell r="AU6553">
            <v>12</v>
          </cell>
        </row>
        <row r="6554">
          <cell r="C6554">
            <v>1.3594999999999999</v>
          </cell>
          <cell r="AT6554">
            <v>2015</v>
          </cell>
          <cell r="AU6554">
            <v>12</v>
          </cell>
        </row>
        <row r="6555">
          <cell r="C6555">
            <v>1.3599000000000001</v>
          </cell>
          <cell r="AT6555">
            <v>2015</v>
          </cell>
          <cell r="AU6555">
            <v>12</v>
          </cell>
        </row>
        <row r="6556">
          <cell r="C6556">
            <v>1.3695999999999999</v>
          </cell>
          <cell r="AT6556">
            <v>2015</v>
          </cell>
          <cell r="AU6556">
            <v>12</v>
          </cell>
        </row>
        <row r="6557">
          <cell r="C6557">
            <v>1.3695999999999999</v>
          </cell>
          <cell r="AT6557">
            <v>2015</v>
          </cell>
          <cell r="AU6557">
            <v>12</v>
          </cell>
        </row>
        <row r="6558">
          <cell r="C6558">
            <v>1.3695999999999999</v>
          </cell>
          <cell r="AT6558">
            <v>2015</v>
          </cell>
          <cell r="AU6558">
            <v>12</v>
          </cell>
        </row>
        <row r="6559">
          <cell r="C6559">
            <v>1.3733</v>
          </cell>
          <cell r="AT6559">
            <v>2015</v>
          </cell>
          <cell r="AU6559">
            <v>12</v>
          </cell>
        </row>
        <row r="6560">
          <cell r="C6560">
            <v>1.3728</v>
          </cell>
          <cell r="AT6560">
            <v>2015</v>
          </cell>
          <cell r="AU6560">
            <v>12</v>
          </cell>
        </row>
        <row r="6561">
          <cell r="C6561">
            <v>1.3805000000000001</v>
          </cell>
          <cell r="AT6561">
            <v>2015</v>
          </cell>
          <cell r="AU6561">
            <v>12</v>
          </cell>
        </row>
        <row r="6562">
          <cell r="C6562">
            <v>1.397</v>
          </cell>
          <cell r="AT6562">
            <v>2015</v>
          </cell>
          <cell r="AU6562">
            <v>12</v>
          </cell>
        </row>
        <row r="6563">
          <cell r="C6563">
            <v>1.3882000000000001</v>
          </cell>
          <cell r="AT6563">
            <v>2015</v>
          </cell>
          <cell r="AU6563">
            <v>12</v>
          </cell>
        </row>
        <row r="6564">
          <cell r="C6564">
            <v>1.3882000000000001</v>
          </cell>
          <cell r="AT6564">
            <v>2015</v>
          </cell>
          <cell r="AU6564">
            <v>12</v>
          </cell>
        </row>
        <row r="6565">
          <cell r="C6565">
            <v>1.3882000000000001</v>
          </cell>
          <cell r="AT6565">
            <v>2015</v>
          </cell>
          <cell r="AU6565">
            <v>12</v>
          </cell>
        </row>
        <row r="6566">
          <cell r="C6566">
            <v>1.399</v>
          </cell>
          <cell r="AT6566">
            <v>2015</v>
          </cell>
          <cell r="AU6566">
            <v>12</v>
          </cell>
        </row>
        <row r="6567">
          <cell r="C6567">
            <v>1.3929</v>
          </cell>
          <cell r="AT6567">
            <v>2015</v>
          </cell>
          <cell r="AU6567">
            <v>12</v>
          </cell>
        </row>
        <row r="6568">
          <cell r="C6568">
            <v>1.3859999999999999</v>
          </cell>
          <cell r="AT6568">
            <v>2015</v>
          </cell>
          <cell r="AU6568">
            <v>12</v>
          </cell>
        </row>
        <row r="6569">
          <cell r="C6569">
            <v>1.3845000000000001</v>
          </cell>
          <cell r="AT6569">
            <v>2015</v>
          </cell>
          <cell r="AU6569">
            <v>12</v>
          </cell>
        </row>
        <row r="6570">
          <cell r="C6570">
            <v>1.3845000000000001</v>
          </cell>
          <cell r="AT6570">
            <v>2015</v>
          </cell>
          <cell r="AU6570">
            <v>12</v>
          </cell>
        </row>
        <row r="6571">
          <cell r="C6571">
            <v>1.3845000000000001</v>
          </cell>
          <cell r="AT6571">
            <v>2015</v>
          </cell>
          <cell r="AU6571">
            <v>12</v>
          </cell>
        </row>
        <row r="6572">
          <cell r="C6572">
            <v>1.3845000000000001</v>
          </cell>
          <cell r="AT6572">
            <v>2015</v>
          </cell>
          <cell r="AU6572">
            <v>12</v>
          </cell>
        </row>
        <row r="6573">
          <cell r="C6573">
            <v>1.3845000000000001</v>
          </cell>
          <cell r="AT6573">
            <v>2015</v>
          </cell>
          <cell r="AU6573">
            <v>12</v>
          </cell>
        </row>
        <row r="6574">
          <cell r="C6574">
            <v>1.385</v>
          </cell>
          <cell r="AT6574">
            <v>2015</v>
          </cell>
          <cell r="AU6574">
            <v>12</v>
          </cell>
        </row>
        <row r="6575">
          <cell r="C6575">
            <v>1.3884000000000001</v>
          </cell>
          <cell r="AT6575">
            <v>2015</v>
          </cell>
          <cell r="AU6575">
            <v>12</v>
          </cell>
        </row>
        <row r="6576">
          <cell r="C6576">
            <v>1.3839999999999999</v>
          </cell>
          <cell r="AT6576">
            <v>2016</v>
          </cell>
          <cell r="AU6576">
            <v>1</v>
          </cell>
        </row>
        <row r="6577">
          <cell r="C6577">
            <v>1.3839999999999999</v>
          </cell>
          <cell r="AT6577">
            <v>2016</v>
          </cell>
          <cell r="AU6577">
            <v>1</v>
          </cell>
        </row>
        <row r="6578">
          <cell r="C6578">
            <v>1.3839999999999999</v>
          </cell>
          <cell r="AT6578">
            <v>2016</v>
          </cell>
          <cell r="AU6578">
            <v>1</v>
          </cell>
        </row>
        <row r="6579">
          <cell r="C6579">
            <v>1.3839999999999999</v>
          </cell>
          <cell r="AT6579">
            <v>2016</v>
          </cell>
          <cell r="AU6579">
            <v>1</v>
          </cell>
        </row>
        <row r="6580">
          <cell r="C6580">
            <v>1.3969</v>
          </cell>
          <cell r="AT6580">
            <v>2016</v>
          </cell>
          <cell r="AU6580">
            <v>1</v>
          </cell>
        </row>
        <row r="6581">
          <cell r="C6581">
            <v>1.3993</v>
          </cell>
          <cell r="AT6581">
            <v>2016</v>
          </cell>
          <cell r="AU6581">
            <v>1</v>
          </cell>
        </row>
        <row r="6582">
          <cell r="C6582">
            <v>1.4084000000000001</v>
          </cell>
          <cell r="AT6582">
            <v>2016</v>
          </cell>
          <cell r="AU6582">
            <v>1</v>
          </cell>
        </row>
        <row r="6583">
          <cell r="C6583">
            <v>1.4060999999999999</v>
          </cell>
          <cell r="AT6583">
            <v>2016</v>
          </cell>
          <cell r="AU6583">
            <v>1</v>
          </cell>
        </row>
        <row r="6584">
          <cell r="C6584">
            <v>1.4151</v>
          </cell>
          <cell r="AT6584">
            <v>2016</v>
          </cell>
          <cell r="AU6584">
            <v>1</v>
          </cell>
        </row>
        <row r="6585">
          <cell r="C6585">
            <v>1.4151</v>
          </cell>
          <cell r="AT6585">
            <v>2016</v>
          </cell>
          <cell r="AU6585">
            <v>1</v>
          </cell>
        </row>
        <row r="6586">
          <cell r="C6586">
            <v>1.4151</v>
          </cell>
          <cell r="AT6586">
            <v>2016</v>
          </cell>
          <cell r="AU6586">
            <v>1</v>
          </cell>
        </row>
        <row r="6587">
          <cell r="C6587">
            <v>1.4205000000000001</v>
          </cell>
          <cell r="AT6587">
            <v>2016</v>
          </cell>
          <cell r="AU6587">
            <v>1</v>
          </cell>
        </row>
        <row r="6588">
          <cell r="C6588">
            <v>1.4291</v>
          </cell>
          <cell r="AT6588">
            <v>2016</v>
          </cell>
          <cell r="AU6588">
            <v>1</v>
          </cell>
        </row>
        <row r="6589">
          <cell r="C6589">
            <v>1.4294</v>
          </cell>
          <cell r="AT6589">
            <v>2016</v>
          </cell>
          <cell r="AU6589">
            <v>1</v>
          </cell>
        </row>
        <row r="6590">
          <cell r="C6590">
            <v>1.4373</v>
          </cell>
          <cell r="AT6590">
            <v>2016</v>
          </cell>
          <cell r="AU6590">
            <v>1</v>
          </cell>
        </row>
        <row r="6591">
          <cell r="C6591">
            <v>1.4528000000000001</v>
          </cell>
          <cell r="AT6591">
            <v>2016</v>
          </cell>
          <cell r="AU6591">
            <v>1</v>
          </cell>
        </row>
        <row r="6592">
          <cell r="C6592">
            <v>1.4528000000000001</v>
          </cell>
          <cell r="AT6592">
            <v>2016</v>
          </cell>
          <cell r="AU6592">
            <v>1</v>
          </cell>
        </row>
        <row r="6593">
          <cell r="C6593">
            <v>1.4528000000000001</v>
          </cell>
          <cell r="AT6593">
            <v>2016</v>
          </cell>
          <cell r="AU6593">
            <v>1</v>
          </cell>
        </row>
        <row r="6594">
          <cell r="C6594">
            <v>1.4507000000000001</v>
          </cell>
          <cell r="AT6594">
            <v>2016</v>
          </cell>
          <cell r="AU6594">
            <v>1</v>
          </cell>
        </row>
        <row r="6595">
          <cell r="C6595">
            <v>1.4514</v>
          </cell>
          <cell r="AT6595">
            <v>2016</v>
          </cell>
          <cell r="AU6595">
            <v>1</v>
          </cell>
        </row>
        <row r="6596">
          <cell r="C6596">
            <v>1.4589000000000001</v>
          </cell>
          <cell r="AT6596">
            <v>2016</v>
          </cell>
          <cell r="AU6596">
            <v>1</v>
          </cell>
        </row>
        <row r="6597">
          <cell r="C6597">
            <v>1.4242999999999999</v>
          </cell>
          <cell r="AT6597">
            <v>2016</v>
          </cell>
          <cell r="AU6597">
            <v>1</v>
          </cell>
        </row>
        <row r="6598">
          <cell r="C6598">
            <v>1.4151</v>
          </cell>
          <cell r="AT6598">
            <v>2016</v>
          </cell>
          <cell r="AU6598">
            <v>1</v>
          </cell>
        </row>
        <row r="6599">
          <cell r="C6599">
            <v>1.4151</v>
          </cell>
          <cell r="AT6599">
            <v>2016</v>
          </cell>
          <cell r="AU6599">
            <v>1</v>
          </cell>
        </row>
        <row r="6600">
          <cell r="C6600">
            <v>1.4151</v>
          </cell>
          <cell r="AT6600">
            <v>2016</v>
          </cell>
          <cell r="AU6600">
            <v>1</v>
          </cell>
        </row>
        <row r="6601">
          <cell r="C6601">
            <v>1.4252</v>
          </cell>
          <cell r="AT6601">
            <v>2016</v>
          </cell>
          <cell r="AU6601">
            <v>1</v>
          </cell>
        </row>
        <row r="6602">
          <cell r="C6602">
            <v>1.4061999999999999</v>
          </cell>
          <cell r="AT6602">
            <v>2016</v>
          </cell>
          <cell r="AU6602">
            <v>1</v>
          </cell>
        </row>
        <row r="6603">
          <cell r="C6603">
            <v>1.4043000000000001</v>
          </cell>
          <cell r="AT6603">
            <v>2016</v>
          </cell>
          <cell r="AU6603">
            <v>1</v>
          </cell>
        </row>
        <row r="6604">
          <cell r="C6604">
            <v>1.4073</v>
          </cell>
          <cell r="AT6604">
            <v>2016</v>
          </cell>
          <cell r="AU6604">
            <v>1</v>
          </cell>
        </row>
        <row r="6605">
          <cell r="C6605">
            <v>1.4079999999999999</v>
          </cell>
          <cell r="AT6605">
            <v>2016</v>
          </cell>
          <cell r="AU6605">
            <v>1</v>
          </cell>
        </row>
        <row r="6606">
          <cell r="C6606">
            <v>1.4079999999999999</v>
          </cell>
          <cell r="AT6606">
            <v>2016</v>
          </cell>
          <cell r="AU6606">
            <v>1</v>
          </cell>
        </row>
        <row r="6607">
          <cell r="C6607">
            <v>1.4079999999999999</v>
          </cell>
          <cell r="AT6607">
            <v>2016</v>
          </cell>
          <cell r="AU6607">
            <v>2</v>
          </cell>
        </row>
        <row r="6608">
          <cell r="C6608">
            <v>1.4006000000000001</v>
          </cell>
          <cell r="AT6608">
            <v>2016</v>
          </cell>
          <cell r="AU6608">
            <v>2</v>
          </cell>
        </row>
        <row r="6609">
          <cell r="C6609">
            <v>1.4039999999999999</v>
          </cell>
          <cell r="AT6609">
            <v>2016</v>
          </cell>
          <cell r="AU6609">
            <v>2</v>
          </cell>
        </row>
        <row r="6610">
          <cell r="C6610">
            <v>1.3846000000000001</v>
          </cell>
          <cell r="AT6610">
            <v>2016</v>
          </cell>
          <cell r="AU6610">
            <v>2</v>
          </cell>
        </row>
        <row r="6611">
          <cell r="C6611">
            <v>1.3726</v>
          </cell>
          <cell r="AT6611">
            <v>2016</v>
          </cell>
          <cell r="AU6611">
            <v>2</v>
          </cell>
        </row>
        <row r="6612">
          <cell r="C6612">
            <v>1.3875999999999999</v>
          </cell>
          <cell r="AT6612">
            <v>2016</v>
          </cell>
          <cell r="AU6612">
            <v>2</v>
          </cell>
        </row>
        <row r="6613">
          <cell r="C6613">
            <v>1.3875999999999999</v>
          </cell>
          <cell r="AT6613">
            <v>2016</v>
          </cell>
          <cell r="AU6613">
            <v>2</v>
          </cell>
        </row>
        <row r="6614">
          <cell r="C6614">
            <v>1.3875999999999999</v>
          </cell>
          <cell r="AT6614">
            <v>2016</v>
          </cell>
          <cell r="AU6614">
            <v>2</v>
          </cell>
        </row>
        <row r="6615">
          <cell r="C6615">
            <v>1.3920999999999999</v>
          </cell>
          <cell r="AT6615">
            <v>2016</v>
          </cell>
          <cell r="AU6615">
            <v>2</v>
          </cell>
        </row>
        <row r="6616">
          <cell r="C6616">
            <v>1.3819999999999999</v>
          </cell>
          <cell r="AT6616">
            <v>2016</v>
          </cell>
          <cell r="AU6616">
            <v>2</v>
          </cell>
        </row>
        <row r="6617">
          <cell r="C6617">
            <v>1.3968</v>
          </cell>
          <cell r="AT6617">
            <v>2016</v>
          </cell>
          <cell r="AU6617">
            <v>2</v>
          </cell>
        </row>
        <row r="6618">
          <cell r="C6618">
            <v>1.393</v>
          </cell>
          <cell r="AT6618">
            <v>2016</v>
          </cell>
          <cell r="AU6618">
            <v>2</v>
          </cell>
        </row>
        <row r="6619">
          <cell r="C6619">
            <v>1.3835</v>
          </cell>
          <cell r="AT6619">
            <v>2016</v>
          </cell>
          <cell r="AU6619">
            <v>2</v>
          </cell>
        </row>
        <row r="6620">
          <cell r="C6620">
            <v>1.3835</v>
          </cell>
          <cell r="AT6620">
            <v>2016</v>
          </cell>
          <cell r="AU6620">
            <v>2</v>
          </cell>
        </row>
        <row r="6621">
          <cell r="C6621">
            <v>1.3835</v>
          </cell>
          <cell r="AT6621">
            <v>2016</v>
          </cell>
          <cell r="AU6621">
            <v>2</v>
          </cell>
        </row>
        <row r="6622">
          <cell r="C6622">
            <v>1.3835</v>
          </cell>
          <cell r="AT6622">
            <v>2016</v>
          </cell>
          <cell r="AU6622">
            <v>2</v>
          </cell>
        </row>
        <row r="6623">
          <cell r="C6623">
            <v>1.3859999999999999</v>
          </cell>
          <cell r="AT6623">
            <v>2016</v>
          </cell>
          <cell r="AU6623">
            <v>2</v>
          </cell>
        </row>
        <row r="6624">
          <cell r="C6624">
            <v>1.3684000000000001</v>
          </cell>
          <cell r="AT6624">
            <v>2016</v>
          </cell>
          <cell r="AU6624">
            <v>2</v>
          </cell>
        </row>
        <row r="6625">
          <cell r="C6625">
            <v>1.3721000000000001</v>
          </cell>
          <cell r="AT6625">
            <v>2016</v>
          </cell>
          <cell r="AU6625">
            <v>2</v>
          </cell>
        </row>
        <row r="6626">
          <cell r="C6626">
            <v>1.3801000000000001</v>
          </cell>
          <cell r="AT6626">
            <v>2016</v>
          </cell>
          <cell r="AU6626">
            <v>2</v>
          </cell>
        </row>
        <row r="6627">
          <cell r="C6627">
            <v>1.3801000000000001</v>
          </cell>
          <cell r="AT6627">
            <v>2016</v>
          </cell>
          <cell r="AU6627">
            <v>2</v>
          </cell>
        </row>
        <row r="6628">
          <cell r="C6628">
            <v>1.3801000000000001</v>
          </cell>
          <cell r="AT6628">
            <v>2016</v>
          </cell>
          <cell r="AU6628">
            <v>2</v>
          </cell>
        </row>
        <row r="6629">
          <cell r="C6629">
            <v>1.3685</v>
          </cell>
          <cell r="AT6629">
            <v>2016</v>
          </cell>
          <cell r="AU6629">
            <v>2</v>
          </cell>
        </row>
        <row r="6630">
          <cell r="C6630">
            <v>1.3792</v>
          </cell>
          <cell r="AT6630">
            <v>2016</v>
          </cell>
          <cell r="AU6630">
            <v>2</v>
          </cell>
        </row>
        <row r="6631">
          <cell r="C6631">
            <v>1.3766</v>
          </cell>
          <cell r="AT6631">
            <v>2016</v>
          </cell>
          <cell r="AU6631">
            <v>2</v>
          </cell>
        </row>
        <row r="6632">
          <cell r="C6632">
            <v>1.3574999999999999</v>
          </cell>
          <cell r="AT6632">
            <v>2016</v>
          </cell>
          <cell r="AU6632">
            <v>2</v>
          </cell>
        </row>
        <row r="6633">
          <cell r="C6633">
            <v>1.3547</v>
          </cell>
          <cell r="AT6633">
            <v>2016</v>
          </cell>
          <cell r="AU6633">
            <v>2</v>
          </cell>
        </row>
        <row r="6634">
          <cell r="C6634">
            <v>1.3547</v>
          </cell>
          <cell r="AT6634">
            <v>2016</v>
          </cell>
          <cell r="AU6634">
            <v>2</v>
          </cell>
        </row>
        <row r="6635">
          <cell r="C6635">
            <v>1.3547</v>
          </cell>
          <cell r="AT6635">
            <v>2016</v>
          </cell>
          <cell r="AU6635">
            <v>2</v>
          </cell>
        </row>
        <row r="6636">
          <cell r="C6636">
            <v>1.3523000000000001</v>
          </cell>
          <cell r="AT6636">
            <v>2016</v>
          </cell>
          <cell r="AU6636">
            <v>3</v>
          </cell>
        </row>
        <row r="6637">
          <cell r="C6637">
            <v>1.3407</v>
          </cell>
          <cell r="AT6637">
            <v>2016</v>
          </cell>
          <cell r="AU6637">
            <v>3</v>
          </cell>
        </row>
        <row r="6638">
          <cell r="C6638">
            <v>1.3468</v>
          </cell>
          <cell r="AT6638">
            <v>2016</v>
          </cell>
          <cell r="AU6638">
            <v>3</v>
          </cell>
        </row>
        <row r="6639">
          <cell r="C6639">
            <v>1.3407</v>
          </cell>
          <cell r="AT6639">
            <v>2016</v>
          </cell>
          <cell r="AU6639">
            <v>3</v>
          </cell>
        </row>
        <row r="6640">
          <cell r="C6640">
            <v>1.3337000000000001</v>
          </cell>
          <cell r="AT6640">
            <v>2016</v>
          </cell>
          <cell r="AU6640">
            <v>3</v>
          </cell>
        </row>
        <row r="6641">
          <cell r="C6641">
            <v>1.3337000000000001</v>
          </cell>
          <cell r="AT6641">
            <v>2016</v>
          </cell>
          <cell r="AU6641">
            <v>3</v>
          </cell>
        </row>
        <row r="6642">
          <cell r="C6642">
            <v>1.3337000000000001</v>
          </cell>
          <cell r="AT6642">
            <v>2016</v>
          </cell>
          <cell r="AU6642">
            <v>3</v>
          </cell>
        </row>
        <row r="6643">
          <cell r="C6643">
            <v>1.3301000000000001</v>
          </cell>
          <cell r="AT6643">
            <v>2016</v>
          </cell>
          <cell r="AU6643">
            <v>3</v>
          </cell>
        </row>
        <row r="6644">
          <cell r="C6644">
            <v>1.3389</v>
          </cell>
          <cell r="AT6644">
            <v>2016</v>
          </cell>
          <cell r="AU6644">
            <v>3</v>
          </cell>
        </row>
        <row r="6645">
          <cell r="C6645">
            <v>1.3236000000000001</v>
          </cell>
          <cell r="AT6645">
            <v>2016</v>
          </cell>
          <cell r="AU6645">
            <v>3</v>
          </cell>
        </row>
        <row r="6646">
          <cell r="C6646">
            <v>1.3372999999999999</v>
          </cell>
          <cell r="AT6646">
            <v>2016</v>
          </cell>
          <cell r="AU6646">
            <v>3</v>
          </cell>
        </row>
        <row r="6647">
          <cell r="C6647">
            <v>1.3214999999999999</v>
          </cell>
          <cell r="AT6647">
            <v>2016</v>
          </cell>
          <cell r="AU6647">
            <v>3</v>
          </cell>
        </row>
        <row r="6648">
          <cell r="C6648">
            <v>1.3214999999999999</v>
          </cell>
          <cell r="AT6648">
            <v>2016</v>
          </cell>
          <cell r="AU6648">
            <v>3</v>
          </cell>
        </row>
        <row r="6649">
          <cell r="C6649">
            <v>1.3214999999999999</v>
          </cell>
          <cell r="AT6649">
            <v>2016</v>
          </cell>
          <cell r="AU6649">
            <v>3</v>
          </cell>
        </row>
        <row r="6650">
          <cell r="C6650">
            <v>1.3292999999999999</v>
          </cell>
          <cell r="AT6650">
            <v>2016</v>
          </cell>
          <cell r="AU6650">
            <v>3</v>
          </cell>
        </row>
        <row r="6651">
          <cell r="C6651">
            <v>1.3359000000000001</v>
          </cell>
          <cell r="AT6651">
            <v>2016</v>
          </cell>
          <cell r="AU6651">
            <v>3</v>
          </cell>
        </row>
        <row r="6652">
          <cell r="C6652">
            <v>1.3362000000000001</v>
          </cell>
          <cell r="AT6652">
            <v>2016</v>
          </cell>
          <cell r="AU6652">
            <v>3</v>
          </cell>
        </row>
        <row r="6653">
          <cell r="C6653">
            <v>1.2984</v>
          </cell>
          <cell r="AT6653">
            <v>2016</v>
          </cell>
          <cell r="AU6653">
            <v>3</v>
          </cell>
        </row>
        <row r="6654">
          <cell r="C6654">
            <v>1.2982</v>
          </cell>
          <cell r="AT6654">
            <v>2016</v>
          </cell>
          <cell r="AU6654">
            <v>3</v>
          </cell>
        </row>
        <row r="6655">
          <cell r="C6655">
            <v>1.2982</v>
          </cell>
          <cell r="AT6655">
            <v>2016</v>
          </cell>
          <cell r="AU6655">
            <v>3</v>
          </cell>
        </row>
        <row r="6656">
          <cell r="C6656">
            <v>1.2982</v>
          </cell>
          <cell r="AT6656">
            <v>2016</v>
          </cell>
          <cell r="AU6656">
            <v>3</v>
          </cell>
        </row>
        <row r="6657">
          <cell r="C6657">
            <v>1.3069</v>
          </cell>
          <cell r="AT6657">
            <v>2016</v>
          </cell>
          <cell r="AU6657">
            <v>3</v>
          </cell>
        </row>
        <row r="6658">
          <cell r="C6658">
            <v>1.3050999999999999</v>
          </cell>
          <cell r="AT6658">
            <v>2016</v>
          </cell>
          <cell r="AU6658">
            <v>3</v>
          </cell>
        </row>
        <row r="6659">
          <cell r="C6659">
            <v>1.3203</v>
          </cell>
          <cell r="AT6659">
            <v>2016</v>
          </cell>
          <cell r="AU6659">
            <v>3</v>
          </cell>
        </row>
        <row r="6660">
          <cell r="C6660">
            <v>1.3269</v>
          </cell>
          <cell r="AT6660">
            <v>2016</v>
          </cell>
          <cell r="AU6660">
            <v>3</v>
          </cell>
        </row>
        <row r="6661">
          <cell r="C6661">
            <v>1.3269</v>
          </cell>
          <cell r="AT6661">
            <v>2016</v>
          </cell>
          <cell r="AU6661">
            <v>3</v>
          </cell>
        </row>
        <row r="6662">
          <cell r="C6662">
            <v>1.3269</v>
          </cell>
          <cell r="AT6662">
            <v>2016</v>
          </cell>
          <cell r="AU6662">
            <v>3</v>
          </cell>
        </row>
        <row r="6663">
          <cell r="C6663">
            <v>1.3269</v>
          </cell>
          <cell r="AT6663">
            <v>2016</v>
          </cell>
          <cell r="AU6663">
            <v>3</v>
          </cell>
        </row>
        <row r="6664">
          <cell r="C6664">
            <v>1.3184</v>
          </cell>
          <cell r="AT6664">
            <v>2016</v>
          </cell>
          <cell r="AU6664">
            <v>3</v>
          </cell>
        </row>
        <row r="6665">
          <cell r="C6665">
            <v>1.3153999999999999</v>
          </cell>
          <cell r="AT6665">
            <v>2016</v>
          </cell>
          <cell r="AU6665">
            <v>3</v>
          </cell>
        </row>
        <row r="6666">
          <cell r="C6666">
            <v>1.2962</v>
          </cell>
          <cell r="AT6666">
            <v>2016</v>
          </cell>
          <cell r="AU6666">
            <v>3</v>
          </cell>
        </row>
        <row r="6667">
          <cell r="C6667">
            <v>1.2970999999999999</v>
          </cell>
          <cell r="AT6667">
            <v>2016</v>
          </cell>
          <cell r="AU6667">
            <v>4</v>
          </cell>
        </row>
        <row r="6668">
          <cell r="C6668">
            <v>1.3047</v>
          </cell>
          <cell r="AT6668">
            <v>2016</v>
          </cell>
          <cell r="AU6668">
            <v>4</v>
          </cell>
        </row>
        <row r="6669">
          <cell r="C6669">
            <v>1.3047</v>
          </cell>
          <cell r="AT6669">
            <v>2016</v>
          </cell>
          <cell r="AU6669">
            <v>4</v>
          </cell>
        </row>
        <row r="6670">
          <cell r="C6670">
            <v>1.3047</v>
          </cell>
          <cell r="AT6670">
            <v>2016</v>
          </cell>
          <cell r="AU6670">
            <v>4</v>
          </cell>
        </row>
        <row r="6671">
          <cell r="C6671">
            <v>1.3036000000000001</v>
          </cell>
          <cell r="AT6671">
            <v>2016</v>
          </cell>
          <cell r="AU6671">
            <v>4</v>
          </cell>
        </row>
        <row r="6672">
          <cell r="C6672">
            <v>1.3169999999999999</v>
          </cell>
          <cell r="AT6672">
            <v>2016</v>
          </cell>
          <cell r="AU6672">
            <v>4</v>
          </cell>
        </row>
        <row r="6673">
          <cell r="C6673">
            <v>1.3077000000000001</v>
          </cell>
          <cell r="AT6673">
            <v>2016</v>
          </cell>
          <cell r="AU6673">
            <v>4</v>
          </cell>
        </row>
        <row r="6674">
          <cell r="C6674">
            <v>1.3163</v>
          </cell>
          <cell r="AT6674">
            <v>2016</v>
          </cell>
          <cell r="AU6674">
            <v>4</v>
          </cell>
        </row>
        <row r="6675">
          <cell r="C6675">
            <v>1.2995000000000001</v>
          </cell>
          <cell r="AT6675">
            <v>2016</v>
          </cell>
          <cell r="AU6675">
            <v>4</v>
          </cell>
        </row>
        <row r="6676">
          <cell r="C6676">
            <v>1.2995000000000001</v>
          </cell>
          <cell r="AT6676">
            <v>2016</v>
          </cell>
          <cell r="AU6676">
            <v>4</v>
          </cell>
        </row>
        <row r="6677">
          <cell r="C6677">
            <v>1.2995000000000001</v>
          </cell>
          <cell r="AT6677">
            <v>2016</v>
          </cell>
          <cell r="AU6677">
            <v>4</v>
          </cell>
        </row>
        <row r="6678">
          <cell r="C6678">
            <v>1.2912999999999999</v>
          </cell>
          <cell r="AT6678">
            <v>2016</v>
          </cell>
          <cell r="AU6678">
            <v>4</v>
          </cell>
        </row>
        <row r="6679">
          <cell r="C6679">
            <v>1.2799</v>
          </cell>
          <cell r="AT6679">
            <v>2016</v>
          </cell>
          <cell r="AU6679">
            <v>4</v>
          </cell>
        </row>
        <row r="6680">
          <cell r="C6680">
            <v>1.2791999999999999</v>
          </cell>
          <cell r="AT6680">
            <v>2016</v>
          </cell>
          <cell r="AU6680">
            <v>4</v>
          </cell>
        </row>
        <row r="6681">
          <cell r="C6681">
            <v>1.2836000000000001</v>
          </cell>
          <cell r="AT6681">
            <v>2016</v>
          </cell>
          <cell r="AU6681">
            <v>4</v>
          </cell>
        </row>
        <row r="6682">
          <cell r="C6682">
            <v>1.2858000000000001</v>
          </cell>
          <cell r="AT6682">
            <v>2016</v>
          </cell>
          <cell r="AU6682">
            <v>4</v>
          </cell>
        </row>
        <row r="6683">
          <cell r="C6683">
            <v>1.2858000000000001</v>
          </cell>
          <cell r="AT6683">
            <v>2016</v>
          </cell>
          <cell r="AU6683">
            <v>4</v>
          </cell>
        </row>
        <row r="6684">
          <cell r="C6684">
            <v>1.2858000000000001</v>
          </cell>
          <cell r="AT6684">
            <v>2016</v>
          </cell>
          <cell r="AU6684">
            <v>4</v>
          </cell>
        </row>
        <row r="6685">
          <cell r="C6685">
            <v>1.2815000000000001</v>
          </cell>
          <cell r="AT6685">
            <v>2016</v>
          </cell>
          <cell r="AU6685">
            <v>4</v>
          </cell>
        </row>
        <row r="6686">
          <cell r="C6686">
            <v>1.2656000000000001</v>
          </cell>
          <cell r="AT6686">
            <v>2016</v>
          </cell>
          <cell r="AU6686">
            <v>4</v>
          </cell>
        </row>
        <row r="6687">
          <cell r="C6687">
            <v>1.2626999999999999</v>
          </cell>
          <cell r="AT6687">
            <v>2016</v>
          </cell>
          <cell r="AU6687">
            <v>4</v>
          </cell>
        </row>
        <row r="6688">
          <cell r="C6688">
            <v>1.2709999999999999</v>
          </cell>
          <cell r="AT6688">
            <v>2016</v>
          </cell>
          <cell r="AU6688">
            <v>4</v>
          </cell>
        </row>
        <row r="6689">
          <cell r="C6689">
            <v>1.2674000000000001</v>
          </cell>
          <cell r="AT6689">
            <v>2016</v>
          </cell>
          <cell r="AU6689">
            <v>4</v>
          </cell>
        </row>
        <row r="6690">
          <cell r="C6690">
            <v>1.2674000000000001</v>
          </cell>
          <cell r="AT6690">
            <v>2016</v>
          </cell>
          <cell r="AU6690">
            <v>4</v>
          </cell>
        </row>
        <row r="6691">
          <cell r="C6691">
            <v>1.2674000000000001</v>
          </cell>
          <cell r="AT6691">
            <v>2016</v>
          </cell>
          <cell r="AU6691">
            <v>4</v>
          </cell>
        </row>
        <row r="6692">
          <cell r="C6692">
            <v>1.268</v>
          </cell>
          <cell r="AT6692">
            <v>2016</v>
          </cell>
          <cell r="AU6692">
            <v>4</v>
          </cell>
        </row>
        <row r="6693">
          <cell r="C6693">
            <v>1.2614000000000001</v>
          </cell>
          <cell r="AT6693">
            <v>2016</v>
          </cell>
          <cell r="AU6693">
            <v>4</v>
          </cell>
        </row>
        <row r="6694">
          <cell r="C6694">
            <v>1.2635000000000001</v>
          </cell>
          <cell r="AT6694">
            <v>2016</v>
          </cell>
          <cell r="AU6694">
            <v>4</v>
          </cell>
        </row>
        <row r="6695">
          <cell r="C6695">
            <v>1.2544</v>
          </cell>
          <cell r="AT6695">
            <v>2016</v>
          </cell>
          <cell r="AU6695">
            <v>4</v>
          </cell>
        </row>
        <row r="6696">
          <cell r="C6696">
            <v>1.2548999999999999</v>
          </cell>
          <cell r="AT6696">
            <v>2016</v>
          </cell>
          <cell r="AU6696">
            <v>4</v>
          </cell>
        </row>
        <row r="6697">
          <cell r="C6697">
            <v>1.2548999999999999</v>
          </cell>
          <cell r="AT6697">
            <v>2016</v>
          </cell>
          <cell r="AU6697">
            <v>5</v>
          </cell>
        </row>
        <row r="6698">
          <cell r="C6698">
            <v>1.2548999999999999</v>
          </cell>
          <cell r="AT6698">
            <v>2016</v>
          </cell>
          <cell r="AU6698">
            <v>5</v>
          </cell>
        </row>
        <row r="6699">
          <cell r="C6699">
            <v>1.2547999999999999</v>
          </cell>
          <cell r="AT6699">
            <v>2016</v>
          </cell>
          <cell r="AU6699">
            <v>5</v>
          </cell>
        </row>
        <row r="6700">
          <cell r="C6700">
            <v>1.2685999999999999</v>
          </cell>
          <cell r="AT6700">
            <v>2016</v>
          </cell>
          <cell r="AU6700">
            <v>5</v>
          </cell>
        </row>
        <row r="6701">
          <cell r="C6701">
            <v>1.2884</v>
          </cell>
          <cell r="AT6701">
            <v>2016</v>
          </cell>
          <cell r="AU6701">
            <v>5</v>
          </cell>
        </row>
        <row r="6702">
          <cell r="C6702">
            <v>1.2853000000000001</v>
          </cell>
          <cell r="AT6702">
            <v>2016</v>
          </cell>
          <cell r="AU6702">
            <v>5</v>
          </cell>
        </row>
        <row r="6703">
          <cell r="C6703">
            <v>1.2921</v>
          </cell>
          <cell r="AT6703">
            <v>2016</v>
          </cell>
          <cell r="AU6703">
            <v>5</v>
          </cell>
        </row>
        <row r="6704">
          <cell r="C6704">
            <v>1.2921</v>
          </cell>
          <cell r="AT6704">
            <v>2016</v>
          </cell>
          <cell r="AU6704">
            <v>5</v>
          </cell>
        </row>
        <row r="6705">
          <cell r="C6705">
            <v>1.2921</v>
          </cell>
          <cell r="AT6705">
            <v>2016</v>
          </cell>
          <cell r="AU6705">
            <v>5</v>
          </cell>
        </row>
        <row r="6706">
          <cell r="C6706">
            <v>1.2994000000000001</v>
          </cell>
          <cell r="AT6706">
            <v>2016</v>
          </cell>
          <cell r="AU6706">
            <v>5</v>
          </cell>
        </row>
        <row r="6707">
          <cell r="C6707">
            <v>1.2959000000000001</v>
          </cell>
          <cell r="AT6707">
            <v>2016</v>
          </cell>
          <cell r="AU6707">
            <v>5</v>
          </cell>
        </row>
        <row r="6708">
          <cell r="C6708">
            <v>1.2836000000000001</v>
          </cell>
          <cell r="AT6708">
            <v>2016</v>
          </cell>
          <cell r="AU6708">
            <v>5</v>
          </cell>
        </row>
        <row r="6709">
          <cell r="C6709">
            <v>1.2858000000000001</v>
          </cell>
          <cell r="AT6709">
            <v>2016</v>
          </cell>
          <cell r="AU6709">
            <v>5</v>
          </cell>
        </row>
        <row r="6710">
          <cell r="C6710">
            <v>1.294</v>
          </cell>
          <cell r="AT6710">
            <v>2016</v>
          </cell>
          <cell r="AU6710">
            <v>5</v>
          </cell>
        </row>
        <row r="6711">
          <cell r="C6711">
            <v>1.294</v>
          </cell>
          <cell r="AT6711">
            <v>2016</v>
          </cell>
          <cell r="AU6711">
            <v>5</v>
          </cell>
        </row>
        <row r="6712">
          <cell r="C6712">
            <v>1.294</v>
          </cell>
          <cell r="AT6712">
            <v>2016</v>
          </cell>
          <cell r="AU6712">
            <v>5</v>
          </cell>
        </row>
        <row r="6713">
          <cell r="C6713">
            <v>1.2887</v>
          </cell>
          <cell r="AT6713">
            <v>2016</v>
          </cell>
          <cell r="AU6713">
            <v>5</v>
          </cell>
        </row>
        <row r="6714">
          <cell r="C6714">
            <v>1.2885</v>
          </cell>
          <cell r="AT6714">
            <v>2016</v>
          </cell>
          <cell r="AU6714">
            <v>5</v>
          </cell>
        </row>
        <row r="6715">
          <cell r="C6715">
            <v>1.2927999999999999</v>
          </cell>
          <cell r="AT6715">
            <v>2016</v>
          </cell>
          <cell r="AU6715">
            <v>5</v>
          </cell>
        </row>
        <row r="6716">
          <cell r="C6716">
            <v>1.3116000000000001</v>
          </cell>
          <cell r="AT6716">
            <v>2016</v>
          </cell>
          <cell r="AU6716">
            <v>5</v>
          </cell>
        </row>
        <row r="6717">
          <cell r="C6717">
            <v>1.3136000000000001</v>
          </cell>
          <cell r="AT6717">
            <v>2016</v>
          </cell>
          <cell r="AU6717">
            <v>5</v>
          </cell>
        </row>
        <row r="6718">
          <cell r="C6718">
            <v>1.3136000000000001</v>
          </cell>
          <cell r="AT6718">
            <v>2016</v>
          </cell>
          <cell r="AU6718">
            <v>5</v>
          </cell>
        </row>
        <row r="6719">
          <cell r="C6719">
            <v>1.3136000000000001</v>
          </cell>
          <cell r="AT6719">
            <v>2016</v>
          </cell>
          <cell r="AU6719">
            <v>5</v>
          </cell>
        </row>
        <row r="6720">
          <cell r="C6720">
            <v>1.3136000000000001</v>
          </cell>
          <cell r="AT6720">
            <v>2016</v>
          </cell>
          <cell r="AU6720">
            <v>5</v>
          </cell>
        </row>
        <row r="6721">
          <cell r="C6721">
            <v>1.3118000000000001</v>
          </cell>
          <cell r="AT6721">
            <v>2016</v>
          </cell>
          <cell r="AU6721">
            <v>5</v>
          </cell>
        </row>
        <row r="6722">
          <cell r="C6722">
            <v>1.3089999999999999</v>
          </cell>
          <cell r="AT6722">
            <v>2016</v>
          </cell>
          <cell r="AU6722">
            <v>5</v>
          </cell>
        </row>
        <row r="6723">
          <cell r="C6723">
            <v>1.2981</v>
          </cell>
          <cell r="AT6723">
            <v>2016</v>
          </cell>
          <cell r="AU6723">
            <v>5</v>
          </cell>
        </row>
        <row r="6724">
          <cell r="C6724">
            <v>1.3003</v>
          </cell>
          <cell r="AT6724">
            <v>2016</v>
          </cell>
          <cell r="AU6724">
            <v>5</v>
          </cell>
        </row>
        <row r="6725">
          <cell r="C6725">
            <v>1.3003</v>
          </cell>
          <cell r="AT6725">
            <v>2016</v>
          </cell>
          <cell r="AU6725">
            <v>5</v>
          </cell>
        </row>
        <row r="6726">
          <cell r="C6726">
            <v>1.3003</v>
          </cell>
          <cell r="AT6726">
            <v>2016</v>
          </cell>
          <cell r="AU6726">
            <v>5</v>
          </cell>
        </row>
        <row r="6727">
          <cell r="C6727">
            <v>1.3061</v>
          </cell>
          <cell r="AT6727">
            <v>2016</v>
          </cell>
          <cell r="AU6727">
            <v>5</v>
          </cell>
        </row>
        <row r="6728">
          <cell r="C6728">
            <v>1.31</v>
          </cell>
          <cell r="AT6728">
            <v>2016</v>
          </cell>
          <cell r="AU6728">
            <v>6</v>
          </cell>
        </row>
        <row r="6729">
          <cell r="C6729">
            <v>1.3090999999999999</v>
          </cell>
          <cell r="AT6729">
            <v>2016</v>
          </cell>
          <cell r="AU6729">
            <v>6</v>
          </cell>
        </row>
        <row r="6730">
          <cell r="C6730">
            <v>1.3080000000000001</v>
          </cell>
          <cell r="AT6730">
            <v>2016</v>
          </cell>
          <cell r="AU6730">
            <v>6</v>
          </cell>
        </row>
        <row r="6731">
          <cell r="C6731">
            <v>1.2948</v>
          </cell>
          <cell r="AT6731">
            <v>2016</v>
          </cell>
          <cell r="AU6731">
            <v>6</v>
          </cell>
        </row>
        <row r="6732">
          <cell r="C6732">
            <v>1.2948</v>
          </cell>
          <cell r="AT6732">
            <v>2016</v>
          </cell>
          <cell r="AU6732">
            <v>6</v>
          </cell>
        </row>
        <row r="6733">
          <cell r="C6733">
            <v>1.2948</v>
          </cell>
          <cell r="AT6733">
            <v>2016</v>
          </cell>
          <cell r="AU6733">
            <v>6</v>
          </cell>
        </row>
        <row r="6734">
          <cell r="C6734">
            <v>1.2856000000000001</v>
          </cell>
          <cell r="AT6734">
            <v>2016</v>
          </cell>
          <cell r="AU6734">
            <v>6</v>
          </cell>
        </row>
        <row r="6735">
          <cell r="C6735">
            <v>1.2788999999999999</v>
          </cell>
          <cell r="AT6735">
            <v>2016</v>
          </cell>
          <cell r="AU6735">
            <v>6</v>
          </cell>
        </row>
        <row r="6736">
          <cell r="C6736">
            <v>1.2695000000000001</v>
          </cell>
          <cell r="AT6736">
            <v>2016</v>
          </cell>
          <cell r="AU6736">
            <v>6</v>
          </cell>
        </row>
        <row r="6737">
          <cell r="C6737">
            <v>1.2730999999999999</v>
          </cell>
          <cell r="AT6737">
            <v>2016</v>
          </cell>
          <cell r="AU6737">
            <v>6</v>
          </cell>
        </row>
        <row r="6738">
          <cell r="C6738">
            <v>1.2736000000000001</v>
          </cell>
          <cell r="AT6738">
            <v>2016</v>
          </cell>
          <cell r="AU6738">
            <v>6</v>
          </cell>
        </row>
        <row r="6739">
          <cell r="C6739">
            <v>1.2736000000000001</v>
          </cell>
          <cell r="AT6739">
            <v>2016</v>
          </cell>
          <cell r="AU6739">
            <v>6</v>
          </cell>
        </row>
        <row r="6740">
          <cell r="C6740">
            <v>1.2736000000000001</v>
          </cell>
          <cell r="AT6740">
            <v>2016</v>
          </cell>
          <cell r="AU6740">
            <v>6</v>
          </cell>
        </row>
        <row r="6741">
          <cell r="C6741">
            <v>1.2791999999999999</v>
          </cell>
          <cell r="AT6741">
            <v>2016</v>
          </cell>
          <cell r="AU6741">
            <v>6</v>
          </cell>
        </row>
        <row r="6742">
          <cell r="C6742">
            <v>1.2835000000000001</v>
          </cell>
          <cell r="AT6742">
            <v>2016</v>
          </cell>
          <cell r="AU6742">
            <v>6</v>
          </cell>
        </row>
        <row r="6743">
          <cell r="C6743">
            <v>1.2914000000000001</v>
          </cell>
          <cell r="AT6743">
            <v>2016</v>
          </cell>
          <cell r="AU6743">
            <v>6</v>
          </cell>
        </row>
        <row r="6744">
          <cell r="C6744">
            <v>1.3041</v>
          </cell>
          <cell r="AT6744">
            <v>2016</v>
          </cell>
          <cell r="AU6744">
            <v>6</v>
          </cell>
        </row>
        <row r="6745">
          <cell r="C6745">
            <v>1.2878000000000001</v>
          </cell>
          <cell r="AT6745">
            <v>2016</v>
          </cell>
          <cell r="AU6745">
            <v>6</v>
          </cell>
        </row>
        <row r="6746">
          <cell r="C6746">
            <v>1.2878000000000001</v>
          </cell>
          <cell r="AT6746">
            <v>2016</v>
          </cell>
          <cell r="AU6746">
            <v>6</v>
          </cell>
        </row>
        <row r="6747">
          <cell r="C6747">
            <v>1.2878000000000001</v>
          </cell>
          <cell r="AT6747">
            <v>2016</v>
          </cell>
          <cell r="AU6747">
            <v>6</v>
          </cell>
        </row>
        <row r="6748">
          <cell r="C6748">
            <v>1.2806999999999999</v>
          </cell>
          <cell r="AT6748">
            <v>2016</v>
          </cell>
          <cell r="AU6748">
            <v>6</v>
          </cell>
        </row>
        <row r="6749">
          <cell r="C6749">
            <v>1.2818000000000001</v>
          </cell>
          <cell r="AT6749">
            <v>2016</v>
          </cell>
          <cell r="AU6749">
            <v>6</v>
          </cell>
        </row>
        <row r="6750">
          <cell r="C6750">
            <v>1.282</v>
          </cell>
          <cell r="AT6750">
            <v>2016</v>
          </cell>
          <cell r="AU6750">
            <v>6</v>
          </cell>
        </row>
        <row r="6751">
          <cell r="C6751">
            <v>1.2751999999999999</v>
          </cell>
          <cell r="AT6751">
            <v>2016</v>
          </cell>
          <cell r="AU6751">
            <v>6</v>
          </cell>
        </row>
        <row r="6752">
          <cell r="C6752">
            <v>1.2951999999999999</v>
          </cell>
          <cell r="AT6752">
            <v>2016</v>
          </cell>
          <cell r="AU6752">
            <v>6</v>
          </cell>
        </row>
        <row r="6753">
          <cell r="C6753">
            <v>1.2951999999999999</v>
          </cell>
          <cell r="AT6753">
            <v>2016</v>
          </cell>
          <cell r="AU6753">
            <v>6</v>
          </cell>
        </row>
        <row r="6754">
          <cell r="C6754">
            <v>1.2951999999999999</v>
          </cell>
          <cell r="AT6754">
            <v>2016</v>
          </cell>
          <cell r="AU6754">
            <v>6</v>
          </cell>
        </row>
        <row r="6755">
          <cell r="C6755">
            <v>1.3078000000000001</v>
          </cell>
          <cell r="AT6755">
            <v>2016</v>
          </cell>
          <cell r="AU6755">
            <v>6</v>
          </cell>
        </row>
        <row r="6756">
          <cell r="C6756">
            <v>1.3089999999999999</v>
          </cell>
          <cell r="AT6756">
            <v>2016</v>
          </cell>
          <cell r="AU6756">
            <v>6</v>
          </cell>
        </row>
        <row r="6757">
          <cell r="C6757">
            <v>1.2990999999999999</v>
          </cell>
          <cell r="AT6757">
            <v>2016</v>
          </cell>
          <cell r="AU6757">
            <v>6</v>
          </cell>
        </row>
        <row r="6758">
          <cell r="C6758">
            <v>1.3008999999999999</v>
          </cell>
          <cell r="AT6758">
            <v>2016</v>
          </cell>
          <cell r="AU6758">
            <v>7</v>
          </cell>
        </row>
        <row r="6759">
          <cell r="C6759">
            <v>1.3008999999999999</v>
          </cell>
          <cell r="AT6759">
            <v>2016</v>
          </cell>
          <cell r="AU6759">
            <v>7</v>
          </cell>
        </row>
        <row r="6760">
          <cell r="C6760">
            <v>1.3008999999999999</v>
          </cell>
          <cell r="AT6760">
            <v>2016</v>
          </cell>
          <cell r="AU6760">
            <v>7</v>
          </cell>
        </row>
        <row r="6761">
          <cell r="C6761">
            <v>1.3008999999999999</v>
          </cell>
          <cell r="AT6761">
            <v>2016</v>
          </cell>
          <cell r="AU6761">
            <v>7</v>
          </cell>
        </row>
        <row r="6762">
          <cell r="C6762">
            <v>1.2844</v>
          </cell>
          <cell r="AT6762">
            <v>2016</v>
          </cell>
          <cell r="AU6762">
            <v>7</v>
          </cell>
        </row>
        <row r="6763">
          <cell r="C6763">
            <v>1.2948999999999999</v>
          </cell>
          <cell r="AT6763">
            <v>2016</v>
          </cell>
          <cell r="AU6763">
            <v>7</v>
          </cell>
        </row>
        <row r="6764">
          <cell r="C6764">
            <v>1.3005</v>
          </cell>
          <cell r="AT6764">
            <v>2016</v>
          </cell>
          <cell r="AU6764">
            <v>7</v>
          </cell>
        </row>
        <row r="6765">
          <cell r="C6765">
            <v>1.2984</v>
          </cell>
          <cell r="AT6765">
            <v>2016</v>
          </cell>
          <cell r="AU6765">
            <v>7</v>
          </cell>
        </row>
        <row r="6766">
          <cell r="C6766">
            <v>1.3072999999999999</v>
          </cell>
          <cell r="AT6766">
            <v>2016</v>
          </cell>
          <cell r="AU6766">
            <v>7</v>
          </cell>
        </row>
        <row r="6767">
          <cell r="C6767">
            <v>1.3072999999999999</v>
          </cell>
          <cell r="AT6767">
            <v>2016</v>
          </cell>
          <cell r="AU6767">
            <v>7</v>
          </cell>
        </row>
        <row r="6768">
          <cell r="C6768">
            <v>1.3072999999999999</v>
          </cell>
          <cell r="AT6768">
            <v>2016</v>
          </cell>
          <cell r="AU6768">
            <v>7</v>
          </cell>
        </row>
        <row r="6769">
          <cell r="C6769">
            <v>1.3127</v>
          </cell>
          <cell r="AT6769">
            <v>2016</v>
          </cell>
          <cell r="AU6769">
            <v>7</v>
          </cell>
        </row>
        <row r="6770">
          <cell r="C6770">
            <v>1.3016000000000001</v>
          </cell>
          <cell r="AT6770">
            <v>2016</v>
          </cell>
          <cell r="AU6770">
            <v>7</v>
          </cell>
        </row>
        <row r="6771">
          <cell r="C6771">
            <v>1.2965</v>
          </cell>
          <cell r="AT6771">
            <v>2016</v>
          </cell>
          <cell r="AU6771">
            <v>7</v>
          </cell>
        </row>
        <row r="6772">
          <cell r="C6772">
            <v>1.2915000000000001</v>
          </cell>
          <cell r="AT6772">
            <v>2016</v>
          </cell>
          <cell r="AU6772">
            <v>7</v>
          </cell>
        </row>
        <row r="6773">
          <cell r="C6773">
            <v>1.2975000000000001</v>
          </cell>
          <cell r="AT6773">
            <v>2016</v>
          </cell>
          <cell r="AU6773">
            <v>7</v>
          </cell>
        </row>
        <row r="6774">
          <cell r="C6774">
            <v>1.2975000000000001</v>
          </cell>
          <cell r="AT6774">
            <v>2016</v>
          </cell>
          <cell r="AU6774">
            <v>7</v>
          </cell>
        </row>
        <row r="6775">
          <cell r="C6775">
            <v>1.2975000000000001</v>
          </cell>
          <cell r="AT6775">
            <v>2016</v>
          </cell>
          <cell r="AU6775">
            <v>7</v>
          </cell>
        </row>
        <row r="6776">
          <cell r="C6776">
            <v>1.2984</v>
          </cell>
          <cell r="AT6776">
            <v>2016</v>
          </cell>
          <cell r="AU6776">
            <v>7</v>
          </cell>
        </row>
        <row r="6777">
          <cell r="C6777">
            <v>1.3028999999999999</v>
          </cell>
          <cell r="AT6777">
            <v>2016</v>
          </cell>
          <cell r="AU6777">
            <v>7</v>
          </cell>
        </row>
        <row r="6778">
          <cell r="C6778">
            <v>1.304</v>
          </cell>
          <cell r="AT6778">
            <v>2016</v>
          </cell>
          <cell r="AU6778">
            <v>7</v>
          </cell>
        </row>
        <row r="6779">
          <cell r="C6779">
            <v>1.3057000000000001</v>
          </cell>
          <cell r="AT6779">
            <v>2016</v>
          </cell>
          <cell r="AU6779">
            <v>7</v>
          </cell>
        </row>
        <row r="6780">
          <cell r="C6780">
            <v>1.3178000000000001</v>
          </cell>
          <cell r="AT6780">
            <v>2016</v>
          </cell>
          <cell r="AU6780">
            <v>7</v>
          </cell>
        </row>
        <row r="6781">
          <cell r="C6781">
            <v>1.3178000000000001</v>
          </cell>
          <cell r="AT6781">
            <v>2016</v>
          </cell>
          <cell r="AU6781">
            <v>7</v>
          </cell>
        </row>
        <row r="6782">
          <cell r="C6782">
            <v>1.3178000000000001</v>
          </cell>
          <cell r="AT6782">
            <v>2016</v>
          </cell>
          <cell r="AU6782">
            <v>7</v>
          </cell>
        </row>
        <row r="6783">
          <cell r="C6783">
            <v>1.3225</v>
          </cell>
          <cell r="AT6783">
            <v>2016</v>
          </cell>
          <cell r="AU6783">
            <v>7</v>
          </cell>
        </row>
        <row r="6784">
          <cell r="C6784">
            <v>1.3209</v>
          </cell>
          <cell r="AT6784">
            <v>2016</v>
          </cell>
          <cell r="AU6784">
            <v>7</v>
          </cell>
        </row>
        <row r="6785">
          <cell r="C6785">
            <v>1.3220000000000001</v>
          </cell>
          <cell r="AT6785">
            <v>2016</v>
          </cell>
          <cell r="AU6785">
            <v>7</v>
          </cell>
        </row>
        <row r="6786">
          <cell r="C6786">
            <v>1.3169999999999999</v>
          </cell>
          <cell r="AT6786">
            <v>2016</v>
          </cell>
          <cell r="AU6786">
            <v>7</v>
          </cell>
        </row>
        <row r="6787">
          <cell r="C6787">
            <v>1.3041</v>
          </cell>
          <cell r="AT6787">
            <v>2016</v>
          </cell>
          <cell r="AU6787">
            <v>7</v>
          </cell>
        </row>
        <row r="6788">
          <cell r="C6788">
            <v>1.3041</v>
          </cell>
          <cell r="AT6788">
            <v>2016</v>
          </cell>
          <cell r="AU6788">
            <v>7</v>
          </cell>
        </row>
        <row r="6789">
          <cell r="C6789">
            <v>1.3041</v>
          </cell>
          <cell r="AT6789">
            <v>2016</v>
          </cell>
          <cell r="AU6789">
            <v>8</v>
          </cell>
        </row>
        <row r="6790">
          <cell r="C6790">
            <v>1.3041</v>
          </cell>
          <cell r="AT6790">
            <v>2016</v>
          </cell>
          <cell r="AU6790">
            <v>8</v>
          </cell>
        </row>
        <row r="6791">
          <cell r="C6791">
            <v>1.3089</v>
          </cell>
          <cell r="AT6791">
            <v>2016</v>
          </cell>
          <cell r="AU6791">
            <v>8</v>
          </cell>
        </row>
        <row r="6792">
          <cell r="C6792">
            <v>1.3080000000000001</v>
          </cell>
          <cell r="AT6792">
            <v>2016</v>
          </cell>
          <cell r="AU6792">
            <v>8</v>
          </cell>
        </row>
        <row r="6793">
          <cell r="C6793">
            <v>1.3025</v>
          </cell>
          <cell r="AT6793">
            <v>2016</v>
          </cell>
          <cell r="AU6793">
            <v>8</v>
          </cell>
        </row>
        <row r="6794">
          <cell r="C6794">
            <v>1.3180000000000001</v>
          </cell>
          <cell r="AT6794">
            <v>2016</v>
          </cell>
          <cell r="AU6794">
            <v>8</v>
          </cell>
        </row>
        <row r="6795">
          <cell r="C6795">
            <v>1.3180000000000001</v>
          </cell>
          <cell r="AT6795">
            <v>2016</v>
          </cell>
          <cell r="AU6795">
            <v>8</v>
          </cell>
        </row>
        <row r="6796">
          <cell r="C6796">
            <v>1.3180000000000001</v>
          </cell>
          <cell r="AT6796">
            <v>2016</v>
          </cell>
          <cell r="AU6796">
            <v>8</v>
          </cell>
        </row>
        <row r="6797">
          <cell r="C6797">
            <v>1.3164</v>
          </cell>
          <cell r="AT6797">
            <v>2016</v>
          </cell>
          <cell r="AU6797">
            <v>8</v>
          </cell>
        </row>
        <row r="6798">
          <cell r="C6798">
            <v>1.3117000000000001</v>
          </cell>
          <cell r="AT6798">
            <v>2016</v>
          </cell>
          <cell r="AU6798">
            <v>8</v>
          </cell>
        </row>
        <row r="6799">
          <cell r="C6799">
            <v>1.306</v>
          </cell>
          <cell r="AT6799">
            <v>2016</v>
          </cell>
          <cell r="AU6799">
            <v>8</v>
          </cell>
        </row>
        <row r="6800">
          <cell r="C6800">
            <v>1.3007</v>
          </cell>
          <cell r="AT6800">
            <v>2016</v>
          </cell>
          <cell r="AU6800">
            <v>8</v>
          </cell>
        </row>
        <row r="6801">
          <cell r="C6801">
            <v>1.2945</v>
          </cell>
          <cell r="AT6801">
            <v>2016</v>
          </cell>
          <cell r="AU6801">
            <v>8</v>
          </cell>
        </row>
        <row r="6802">
          <cell r="C6802">
            <v>1.2945</v>
          </cell>
          <cell r="AT6802">
            <v>2016</v>
          </cell>
          <cell r="AU6802">
            <v>8</v>
          </cell>
        </row>
        <row r="6803">
          <cell r="C6803">
            <v>1.2945</v>
          </cell>
          <cell r="AT6803">
            <v>2016</v>
          </cell>
          <cell r="AU6803">
            <v>8</v>
          </cell>
        </row>
        <row r="6804">
          <cell r="C6804">
            <v>1.2922</v>
          </cell>
          <cell r="AT6804">
            <v>2016</v>
          </cell>
          <cell r="AU6804">
            <v>8</v>
          </cell>
        </row>
        <row r="6805">
          <cell r="C6805">
            <v>1.2862</v>
          </cell>
          <cell r="AT6805">
            <v>2016</v>
          </cell>
          <cell r="AU6805">
            <v>8</v>
          </cell>
        </row>
        <row r="6806">
          <cell r="C6806">
            <v>1.2885</v>
          </cell>
          <cell r="AT6806">
            <v>2016</v>
          </cell>
          <cell r="AU6806">
            <v>8</v>
          </cell>
        </row>
        <row r="6807">
          <cell r="C6807">
            <v>1.2775000000000001</v>
          </cell>
          <cell r="AT6807">
            <v>2016</v>
          </cell>
          <cell r="AU6807">
            <v>8</v>
          </cell>
        </row>
        <row r="6808">
          <cell r="C6808">
            <v>1.2878000000000001</v>
          </cell>
          <cell r="AT6808">
            <v>2016</v>
          </cell>
          <cell r="AU6808">
            <v>8</v>
          </cell>
        </row>
        <row r="6809">
          <cell r="C6809">
            <v>1.2878000000000001</v>
          </cell>
          <cell r="AT6809">
            <v>2016</v>
          </cell>
          <cell r="AU6809">
            <v>8</v>
          </cell>
        </row>
        <row r="6810">
          <cell r="C6810">
            <v>1.3165</v>
          </cell>
          <cell r="AT6810">
            <v>2016</v>
          </cell>
          <cell r="AU6810">
            <v>8</v>
          </cell>
        </row>
        <row r="6811">
          <cell r="C6811">
            <v>1.2942</v>
          </cell>
          <cell r="AT6811">
            <v>2016</v>
          </cell>
          <cell r="AU6811">
            <v>8</v>
          </cell>
        </row>
        <row r="6812">
          <cell r="C6812">
            <v>1.2902</v>
          </cell>
          <cell r="AT6812">
            <v>2016</v>
          </cell>
          <cell r="AU6812">
            <v>8</v>
          </cell>
        </row>
        <row r="6813">
          <cell r="C6813">
            <v>1.294</v>
          </cell>
          <cell r="AT6813">
            <v>2016</v>
          </cell>
          <cell r="AU6813">
            <v>8</v>
          </cell>
        </row>
        <row r="6814">
          <cell r="C6814">
            <v>1.2937000000000001</v>
          </cell>
          <cell r="AT6814">
            <v>2016</v>
          </cell>
          <cell r="AU6814">
            <v>8</v>
          </cell>
        </row>
        <row r="6815">
          <cell r="C6815">
            <v>1.2947</v>
          </cell>
          <cell r="AT6815">
            <v>2016</v>
          </cell>
          <cell r="AU6815">
            <v>8</v>
          </cell>
        </row>
        <row r="6816">
          <cell r="C6816">
            <v>1.2947</v>
          </cell>
          <cell r="AT6816">
            <v>2016</v>
          </cell>
          <cell r="AU6816">
            <v>8</v>
          </cell>
        </row>
        <row r="6817">
          <cell r="C6817">
            <v>1.2947</v>
          </cell>
          <cell r="AT6817">
            <v>2016</v>
          </cell>
          <cell r="AU6817">
            <v>8</v>
          </cell>
        </row>
        <row r="6818">
          <cell r="C6818">
            <v>1.3019000000000001</v>
          </cell>
          <cell r="AT6818">
            <v>2016</v>
          </cell>
          <cell r="AU6818">
            <v>8</v>
          </cell>
        </row>
        <row r="6819">
          <cell r="C6819">
            <v>1.3076000000000001</v>
          </cell>
          <cell r="AT6819">
            <v>2016</v>
          </cell>
          <cell r="AU6819">
            <v>8</v>
          </cell>
        </row>
        <row r="6820">
          <cell r="C6820">
            <v>1.3124</v>
          </cell>
          <cell r="AT6820">
            <v>2016</v>
          </cell>
          <cell r="AU6820">
            <v>9</v>
          </cell>
        </row>
        <row r="6821">
          <cell r="C6821">
            <v>1.3107</v>
          </cell>
          <cell r="AT6821">
            <v>2016</v>
          </cell>
          <cell r="AU6821">
            <v>9</v>
          </cell>
        </row>
        <row r="6822">
          <cell r="C6822">
            <v>1.2999000000000001</v>
          </cell>
          <cell r="AT6822">
            <v>2016</v>
          </cell>
          <cell r="AU6822">
            <v>9</v>
          </cell>
        </row>
        <row r="6823">
          <cell r="C6823">
            <v>1.2999000000000001</v>
          </cell>
          <cell r="AT6823">
            <v>2016</v>
          </cell>
          <cell r="AU6823">
            <v>9</v>
          </cell>
        </row>
        <row r="6824">
          <cell r="C6824">
            <v>1.2999000000000001</v>
          </cell>
          <cell r="AT6824">
            <v>2016</v>
          </cell>
          <cell r="AU6824">
            <v>9</v>
          </cell>
        </row>
        <row r="6825">
          <cell r="C6825">
            <v>1.2999000000000001</v>
          </cell>
          <cell r="AT6825">
            <v>2016</v>
          </cell>
          <cell r="AU6825">
            <v>9</v>
          </cell>
        </row>
        <row r="6826">
          <cell r="C6826">
            <v>1.2843</v>
          </cell>
          <cell r="AT6826">
            <v>2016</v>
          </cell>
          <cell r="AU6826">
            <v>9</v>
          </cell>
        </row>
        <row r="6827">
          <cell r="C6827">
            <v>1.2895000000000001</v>
          </cell>
          <cell r="AT6827">
            <v>2016</v>
          </cell>
          <cell r="AU6827">
            <v>9</v>
          </cell>
        </row>
        <row r="6828">
          <cell r="C6828">
            <v>1.2908999999999999</v>
          </cell>
          <cell r="AT6828">
            <v>2016</v>
          </cell>
          <cell r="AU6828">
            <v>9</v>
          </cell>
        </row>
        <row r="6829">
          <cell r="C6829">
            <v>1.3032999999999999</v>
          </cell>
          <cell r="AT6829">
            <v>2016</v>
          </cell>
          <cell r="AU6829">
            <v>9</v>
          </cell>
        </row>
        <row r="6830">
          <cell r="C6830">
            <v>1.3032999999999999</v>
          </cell>
          <cell r="AT6830">
            <v>2016</v>
          </cell>
          <cell r="AU6830">
            <v>9</v>
          </cell>
        </row>
        <row r="6831">
          <cell r="C6831">
            <v>1.3032999999999999</v>
          </cell>
          <cell r="AT6831">
            <v>2016</v>
          </cell>
          <cell r="AU6831">
            <v>9</v>
          </cell>
        </row>
        <row r="6832">
          <cell r="C6832">
            <v>1.3077000000000001</v>
          </cell>
          <cell r="AT6832">
            <v>2016</v>
          </cell>
          <cell r="AU6832">
            <v>9</v>
          </cell>
        </row>
        <row r="6833">
          <cell r="C6833">
            <v>1.3167</v>
          </cell>
          <cell r="AT6833">
            <v>2016</v>
          </cell>
          <cell r="AU6833">
            <v>9</v>
          </cell>
        </row>
        <row r="6834">
          <cell r="C6834">
            <v>1.3189</v>
          </cell>
          <cell r="AT6834">
            <v>2016</v>
          </cell>
          <cell r="AU6834">
            <v>9</v>
          </cell>
        </row>
        <row r="6835">
          <cell r="C6835">
            <v>1.3146</v>
          </cell>
          <cell r="AT6835">
            <v>2016</v>
          </cell>
          <cell r="AU6835">
            <v>9</v>
          </cell>
        </row>
        <row r="6836">
          <cell r="C6836">
            <v>1.3212999999999999</v>
          </cell>
          <cell r="AT6836">
            <v>2016</v>
          </cell>
          <cell r="AU6836">
            <v>9</v>
          </cell>
        </row>
        <row r="6837">
          <cell r="C6837">
            <v>1.3212999999999999</v>
          </cell>
          <cell r="AT6837">
            <v>2016</v>
          </cell>
          <cell r="AU6837">
            <v>9</v>
          </cell>
        </row>
        <row r="6838">
          <cell r="C6838">
            <v>1.3212999999999999</v>
          </cell>
          <cell r="AT6838">
            <v>2016</v>
          </cell>
          <cell r="AU6838">
            <v>9</v>
          </cell>
        </row>
        <row r="6839">
          <cell r="C6839">
            <v>1.3181</v>
          </cell>
          <cell r="AT6839">
            <v>2016</v>
          </cell>
          <cell r="AU6839">
            <v>9</v>
          </cell>
        </row>
        <row r="6840">
          <cell r="C6840">
            <v>1.3228</v>
          </cell>
          <cell r="AT6840">
            <v>2016</v>
          </cell>
          <cell r="AU6840">
            <v>9</v>
          </cell>
        </row>
        <row r="6841">
          <cell r="C6841">
            <v>1.3186</v>
          </cell>
          <cell r="AT6841">
            <v>2016</v>
          </cell>
          <cell r="AU6841">
            <v>9</v>
          </cell>
        </row>
        <row r="6842">
          <cell r="C6842">
            <v>1.3039000000000001</v>
          </cell>
          <cell r="AT6842">
            <v>2016</v>
          </cell>
          <cell r="AU6842">
            <v>9</v>
          </cell>
        </row>
        <row r="6843">
          <cell r="C6843">
            <v>1.3165</v>
          </cell>
          <cell r="AT6843">
            <v>2016</v>
          </cell>
          <cell r="AU6843">
            <v>9</v>
          </cell>
        </row>
        <row r="6844">
          <cell r="C6844">
            <v>1.3165</v>
          </cell>
          <cell r="AT6844">
            <v>2016</v>
          </cell>
          <cell r="AU6844">
            <v>9</v>
          </cell>
        </row>
        <row r="6845">
          <cell r="C6845">
            <v>1.3165</v>
          </cell>
          <cell r="AT6845">
            <v>2016</v>
          </cell>
          <cell r="AU6845">
            <v>9</v>
          </cell>
        </row>
        <row r="6846">
          <cell r="C6846">
            <v>1.3197000000000001</v>
          </cell>
          <cell r="AT6846">
            <v>2016</v>
          </cell>
          <cell r="AU6846">
            <v>9</v>
          </cell>
        </row>
        <row r="6847">
          <cell r="C6847">
            <v>1.3248</v>
          </cell>
          <cell r="AT6847">
            <v>2016</v>
          </cell>
          <cell r="AU6847">
            <v>9</v>
          </cell>
        </row>
        <row r="6848">
          <cell r="C6848">
            <v>1.3242</v>
          </cell>
          <cell r="AT6848">
            <v>2016</v>
          </cell>
          <cell r="AU6848">
            <v>9</v>
          </cell>
        </row>
        <row r="6849">
          <cell r="C6849">
            <v>1.3101</v>
          </cell>
          <cell r="AT6849">
            <v>2016</v>
          </cell>
          <cell r="AU6849">
            <v>9</v>
          </cell>
        </row>
        <row r="6850">
          <cell r="C6850">
            <v>1.3117000000000001</v>
          </cell>
          <cell r="AT6850">
            <v>2016</v>
          </cell>
          <cell r="AU6850">
            <v>10</v>
          </cell>
        </row>
        <row r="6851">
          <cell r="C6851">
            <v>1.3117000000000001</v>
          </cell>
          <cell r="AT6851">
            <v>2016</v>
          </cell>
          <cell r="AU6851">
            <v>10</v>
          </cell>
        </row>
        <row r="6852">
          <cell r="C6852">
            <v>1.3117000000000001</v>
          </cell>
          <cell r="AT6852">
            <v>2016</v>
          </cell>
          <cell r="AU6852">
            <v>10</v>
          </cell>
        </row>
        <row r="6853">
          <cell r="C6853">
            <v>1.3137000000000001</v>
          </cell>
          <cell r="AT6853">
            <v>2016</v>
          </cell>
          <cell r="AU6853">
            <v>10</v>
          </cell>
        </row>
        <row r="6854">
          <cell r="C6854">
            <v>1.3169999999999999</v>
          </cell>
          <cell r="AT6854">
            <v>2016</v>
          </cell>
          <cell r="AU6854">
            <v>10</v>
          </cell>
        </row>
        <row r="6855">
          <cell r="C6855">
            <v>1.3178000000000001</v>
          </cell>
          <cell r="AT6855">
            <v>2016</v>
          </cell>
          <cell r="AU6855">
            <v>10</v>
          </cell>
        </row>
        <row r="6856">
          <cell r="C6856">
            <v>1.321</v>
          </cell>
          <cell r="AT6856">
            <v>2016</v>
          </cell>
          <cell r="AU6856">
            <v>10</v>
          </cell>
        </row>
        <row r="6857">
          <cell r="C6857">
            <v>1.3304</v>
          </cell>
          <cell r="AT6857">
            <v>2016</v>
          </cell>
          <cell r="AU6857">
            <v>10</v>
          </cell>
        </row>
        <row r="6858">
          <cell r="C6858">
            <v>1.3304</v>
          </cell>
          <cell r="AT6858">
            <v>2016</v>
          </cell>
          <cell r="AU6858">
            <v>10</v>
          </cell>
        </row>
        <row r="6859">
          <cell r="C6859">
            <v>1.3304</v>
          </cell>
          <cell r="AT6859">
            <v>2016</v>
          </cell>
          <cell r="AU6859">
            <v>10</v>
          </cell>
        </row>
        <row r="6860">
          <cell r="C6860">
            <v>1.3304</v>
          </cell>
          <cell r="AT6860">
            <v>2016</v>
          </cell>
          <cell r="AU6860">
            <v>10</v>
          </cell>
        </row>
        <row r="6861">
          <cell r="C6861">
            <v>1.3239000000000001</v>
          </cell>
          <cell r="AT6861">
            <v>2016</v>
          </cell>
          <cell r="AU6861">
            <v>10</v>
          </cell>
        </row>
        <row r="6862">
          <cell r="C6862">
            <v>1.3277000000000001</v>
          </cell>
          <cell r="AT6862">
            <v>2016</v>
          </cell>
          <cell r="AU6862">
            <v>10</v>
          </cell>
        </row>
        <row r="6863">
          <cell r="C6863">
            <v>1.3219000000000001</v>
          </cell>
          <cell r="AT6863">
            <v>2016</v>
          </cell>
          <cell r="AU6863">
            <v>10</v>
          </cell>
        </row>
        <row r="6864">
          <cell r="C6864">
            <v>1.3168</v>
          </cell>
          <cell r="AT6864">
            <v>2016</v>
          </cell>
          <cell r="AU6864">
            <v>10</v>
          </cell>
        </row>
        <row r="6865">
          <cell r="C6865">
            <v>1.3168</v>
          </cell>
          <cell r="AT6865">
            <v>2016</v>
          </cell>
          <cell r="AU6865">
            <v>10</v>
          </cell>
        </row>
        <row r="6866">
          <cell r="C6866">
            <v>1.3168</v>
          </cell>
          <cell r="AT6866">
            <v>2016</v>
          </cell>
          <cell r="AU6866">
            <v>10</v>
          </cell>
        </row>
        <row r="6867">
          <cell r="C6867">
            <v>1.3138000000000001</v>
          </cell>
          <cell r="AT6867">
            <v>2016</v>
          </cell>
          <cell r="AU6867">
            <v>10</v>
          </cell>
        </row>
        <row r="6868">
          <cell r="C6868">
            <v>1.3104</v>
          </cell>
          <cell r="AT6868">
            <v>2016</v>
          </cell>
          <cell r="AU6868">
            <v>10</v>
          </cell>
        </row>
        <row r="6869">
          <cell r="C6869">
            <v>1.3107</v>
          </cell>
          <cell r="AT6869">
            <v>2016</v>
          </cell>
          <cell r="AU6869">
            <v>10</v>
          </cell>
        </row>
        <row r="6870">
          <cell r="C6870">
            <v>1.3198000000000001</v>
          </cell>
          <cell r="AT6870">
            <v>2016</v>
          </cell>
          <cell r="AU6870">
            <v>10</v>
          </cell>
        </row>
        <row r="6871">
          <cell r="C6871">
            <v>1.3324</v>
          </cell>
          <cell r="AT6871">
            <v>2016</v>
          </cell>
          <cell r="AU6871">
            <v>10</v>
          </cell>
        </row>
        <row r="6872">
          <cell r="C6872">
            <v>1.3324</v>
          </cell>
          <cell r="AT6872">
            <v>2016</v>
          </cell>
          <cell r="AU6872">
            <v>10</v>
          </cell>
        </row>
        <row r="6873">
          <cell r="C6873">
            <v>1.3324</v>
          </cell>
          <cell r="AT6873">
            <v>2016</v>
          </cell>
          <cell r="AU6873">
            <v>10</v>
          </cell>
        </row>
        <row r="6874">
          <cell r="C6874">
            <v>1.3388</v>
          </cell>
          <cell r="AT6874">
            <v>2016</v>
          </cell>
          <cell r="AU6874">
            <v>10</v>
          </cell>
        </row>
        <row r="6875">
          <cell r="C6875">
            <v>1.3333999999999999</v>
          </cell>
          <cell r="AT6875">
            <v>2016</v>
          </cell>
          <cell r="AU6875">
            <v>10</v>
          </cell>
        </row>
        <row r="6876">
          <cell r="C6876">
            <v>1.3360000000000001</v>
          </cell>
          <cell r="AT6876">
            <v>2016</v>
          </cell>
          <cell r="AU6876">
            <v>10</v>
          </cell>
        </row>
        <row r="6877">
          <cell r="C6877">
            <v>1.3386</v>
          </cell>
          <cell r="AT6877">
            <v>2016</v>
          </cell>
          <cell r="AU6877">
            <v>10</v>
          </cell>
        </row>
        <row r="6878">
          <cell r="C6878">
            <v>1.3385</v>
          </cell>
          <cell r="AT6878">
            <v>2016</v>
          </cell>
          <cell r="AU6878">
            <v>10</v>
          </cell>
        </row>
        <row r="6879">
          <cell r="C6879">
            <v>1.3385</v>
          </cell>
          <cell r="AT6879">
            <v>2016</v>
          </cell>
          <cell r="AU6879">
            <v>10</v>
          </cell>
        </row>
        <row r="6880">
          <cell r="C6880">
            <v>1.3385</v>
          </cell>
          <cell r="AT6880">
            <v>2016</v>
          </cell>
          <cell r="AU6880">
            <v>10</v>
          </cell>
        </row>
        <row r="6881">
          <cell r="C6881">
            <v>1.3403</v>
          </cell>
          <cell r="AT6881">
            <v>2016</v>
          </cell>
          <cell r="AU6881">
            <v>11</v>
          </cell>
        </row>
        <row r="6882">
          <cell r="C6882">
            <v>1.3379000000000001</v>
          </cell>
          <cell r="AT6882">
            <v>2016</v>
          </cell>
          <cell r="AU6882">
            <v>11</v>
          </cell>
        </row>
        <row r="6883">
          <cell r="C6883">
            <v>1.339</v>
          </cell>
          <cell r="AT6883">
            <v>2016</v>
          </cell>
          <cell r="AU6883">
            <v>11</v>
          </cell>
        </row>
        <row r="6884">
          <cell r="C6884">
            <v>1.3386</v>
          </cell>
          <cell r="AT6884">
            <v>2016</v>
          </cell>
          <cell r="AU6884">
            <v>11</v>
          </cell>
        </row>
        <row r="6885">
          <cell r="C6885">
            <v>1.3411999999999999</v>
          </cell>
          <cell r="AT6885">
            <v>2016</v>
          </cell>
          <cell r="AU6885">
            <v>11</v>
          </cell>
        </row>
        <row r="6886">
          <cell r="C6886">
            <v>1.3411999999999999</v>
          </cell>
          <cell r="AT6886">
            <v>2016</v>
          </cell>
          <cell r="AU6886">
            <v>11</v>
          </cell>
        </row>
        <row r="6887">
          <cell r="C6887">
            <v>1.3411999999999999</v>
          </cell>
          <cell r="AT6887">
            <v>2016</v>
          </cell>
          <cell r="AU6887">
            <v>11</v>
          </cell>
        </row>
        <row r="6888">
          <cell r="C6888">
            <v>1.3383</v>
          </cell>
          <cell r="AT6888">
            <v>2016</v>
          </cell>
          <cell r="AU6888">
            <v>11</v>
          </cell>
        </row>
        <row r="6889">
          <cell r="C6889">
            <v>1.3337000000000001</v>
          </cell>
          <cell r="AT6889">
            <v>2016</v>
          </cell>
          <cell r="AU6889">
            <v>11</v>
          </cell>
        </row>
        <row r="6890">
          <cell r="C6890">
            <v>1.3408</v>
          </cell>
          <cell r="AT6890">
            <v>2016</v>
          </cell>
          <cell r="AU6890">
            <v>11</v>
          </cell>
        </row>
        <row r="6891">
          <cell r="C6891">
            <v>1.3474999999999999</v>
          </cell>
          <cell r="AT6891">
            <v>2016</v>
          </cell>
          <cell r="AU6891">
            <v>11</v>
          </cell>
        </row>
        <row r="6892">
          <cell r="C6892">
            <v>1.3474999999999999</v>
          </cell>
          <cell r="AT6892">
            <v>2016</v>
          </cell>
          <cell r="AU6892">
            <v>11</v>
          </cell>
        </row>
        <row r="6893">
          <cell r="C6893">
            <v>1.3474999999999999</v>
          </cell>
          <cell r="AT6893">
            <v>2016</v>
          </cell>
          <cell r="AU6893">
            <v>11</v>
          </cell>
        </row>
        <row r="6894">
          <cell r="C6894">
            <v>1.3474999999999999</v>
          </cell>
          <cell r="AT6894">
            <v>2016</v>
          </cell>
          <cell r="AU6894">
            <v>11</v>
          </cell>
        </row>
        <row r="6895">
          <cell r="C6895">
            <v>1.3582000000000001</v>
          </cell>
          <cell r="AT6895">
            <v>2016</v>
          </cell>
          <cell r="AU6895">
            <v>11</v>
          </cell>
        </row>
        <row r="6896">
          <cell r="C6896">
            <v>1.3468</v>
          </cell>
          <cell r="AT6896">
            <v>2016</v>
          </cell>
          <cell r="AU6896">
            <v>11</v>
          </cell>
        </row>
        <row r="6897">
          <cell r="C6897">
            <v>1.3415999999999999</v>
          </cell>
          <cell r="AT6897">
            <v>2016</v>
          </cell>
          <cell r="AU6897">
            <v>11</v>
          </cell>
        </row>
        <row r="6898">
          <cell r="C6898">
            <v>1.3429</v>
          </cell>
          <cell r="AT6898">
            <v>2016</v>
          </cell>
          <cell r="AU6898">
            <v>11</v>
          </cell>
        </row>
        <row r="6899">
          <cell r="C6899">
            <v>1.3519000000000001</v>
          </cell>
          <cell r="AT6899">
            <v>2016</v>
          </cell>
          <cell r="AU6899">
            <v>11</v>
          </cell>
        </row>
        <row r="6900">
          <cell r="C6900">
            <v>1.3519000000000001</v>
          </cell>
          <cell r="AT6900">
            <v>2016</v>
          </cell>
          <cell r="AU6900">
            <v>11</v>
          </cell>
        </row>
        <row r="6901">
          <cell r="C6901">
            <v>1.3519000000000001</v>
          </cell>
          <cell r="AT6901">
            <v>2016</v>
          </cell>
          <cell r="AU6901">
            <v>11</v>
          </cell>
        </row>
        <row r="6902">
          <cell r="C6902">
            <v>1.3436999999999999</v>
          </cell>
          <cell r="AT6902">
            <v>2016</v>
          </cell>
          <cell r="AU6902">
            <v>11</v>
          </cell>
        </row>
        <row r="6903">
          <cell r="C6903">
            <v>1.3444</v>
          </cell>
          <cell r="AT6903">
            <v>2016</v>
          </cell>
          <cell r="AU6903">
            <v>11</v>
          </cell>
        </row>
        <row r="6904">
          <cell r="C6904">
            <v>1.347</v>
          </cell>
          <cell r="AT6904">
            <v>2016</v>
          </cell>
          <cell r="AU6904">
            <v>11</v>
          </cell>
        </row>
        <row r="6905">
          <cell r="C6905">
            <v>1.3487</v>
          </cell>
          <cell r="AT6905">
            <v>2016</v>
          </cell>
          <cell r="AU6905">
            <v>11</v>
          </cell>
        </row>
        <row r="6906">
          <cell r="C6906">
            <v>1.3513999999999999</v>
          </cell>
          <cell r="AT6906">
            <v>2016</v>
          </cell>
          <cell r="AU6906">
            <v>11</v>
          </cell>
        </row>
        <row r="6907">
          <cell r="C6907">
            <v>1.3513999999999999</v>
          </cell>
          <cell r="AT6907">
            <v>2016</v>
          </cell>
          <cell r="AU6907">
            <v>11</v>
          </cell>
        </row>
        <row r="6908">
          <cell r="C6908">
            <v>1.3513999999999999</v>
          </cell>
          <cell r="AT6908">
            <v>2016</v>
          </cell>
          <cell r="AU6908">
            <v>11</v>
          </cell>
        </row>
        <row r="6909">
          <cell r="C6909">
            <v>1.3401000000000001</v>
          </cell>
          <cell r="AT6909">
            <v>2016</v>
          </cell>
          <cell r="AU6909">
            <v>11</v>
          </cell>
        </row>
        <row r="6910">
          <cell r="C6910">
            <v>1.3434999999999999</v>
          </cell>
          <cell r="AT6910">
            <v>2016</v>
          </cell>
          <cell r="AU6910">
            <v>11</v>
          </cell>
        </row>
        <row r="6911">
          <cell r="C6911">
            <v>1.3426</v>
          </cell>
          <cell r="AT6911">
            <v>2016</v>
          </cell>
          <cell r="AU6911">
            <v>12</v>
          </cell>
        </row>
        <row r="6912">
          <cell r="C6912">
            <v>1.3331</v>
          </cell>
          <cell r="AT6912">
            <v>2016</v>
          </cell>
          <cell r="AU6912">
            <v>12</v>
          </cell>
        </row>
        <row r="6913">
          <cell r="C6913">
            <v>1.3298000000000001</v>
          </cell>
          <cell r="AT6913">
            <v>2016</v>
          </cell>
          <cell r="AU6913">
            <v>12</v>
          </cell>
        </row>
        <row r="6914">
          <cell r="C6914">
            <v>1.3298000000000001</v>
          </cell>
          <cell r="AT6914">
            <v>2016</v>
          </cell>
          <cell r="AU6914">
            <v>12</v>
          </cell>
        </row>
        <row r="6915">
          <cell r="C6915">
            <v>1.3298000000000001</v>
          </cell>
          <cell r="AT6915">
            <v>2016</v>
          </cell>
          <cell r="AU6915">
            <v>12</v>
          </cell>
        </row>
        <row r="6916">
          <cell r="C6916">
            <v>1.3271999999999999</v>
          </cell>
          <cell r="AT6916">
            <v>2016</v>
          </cell>
          <cell r="AU6916">
            <v>12</v>
          </cell>
        </row>
        <row r="6917">
          <cell r="C6917">
            <v>1.3281000000000001</v>
          </cell>
          <cell r="AT6917">
            <v>2016</v>
          </cell>
          <cell r="AU6917">
            <v>12</v>
          </cell>
        </row>
        <row r="6918">
          <cell r="C6918">
            <v>1.3251999999999999</v>
          </cell>
          <cell r="AT6918">
            <v>2016</v>
          </cell>
          <cell r="AU6918">
            <v>12</v>
          </cell>
        </row>
        <row r="6919">
          <cell r="C6919">
            <v>1.3221000000000001</v>
          </cell>
          <cell r="AT6919">
            <v>2016</v>
          </cell>
          <cell r="AU6919">
            <v>12</v>
          </cell>
        </row>
        <row r="6920">
          <cell r="C6920">
            <v>1.3164</v>
          </cell>
          <cell r="AT6920">
            <v>2016</v>
          </cell>
          <cell r="AU6920">
            <v>12</v>
          </cell>
        </row>
        <row r="6921">
          <cell r="C6921">
            <v>1.3164</v>
          </cell>
          <cell r="AT6921">
            <v>2016</v>
          </cell>
          <cell r="AU6921">
            <v>12</v>
          </cell>
        </row>
        <row r="6922">
          <cell r="C6922">
            <v>1.3164</v>
          </cell>
          <cell r="AT6922">
            <v>2016</v>
          </cell>
          <cell r="AU6922">
            <v>12</v>
          </cell>
        </row>
        <row r="6923">
          <cell r="C6923">
            <v>1.3140000000000001</v>
          </cell>
          <cell r="AT6923">
            <v>2016</v>
          </cell>
          <cell r="AU6923">
            <v>12</v>
          </cell>
        </row>
        <row r="6924">
          <cell r="C6924">
            <v>1.3120000000000001</v>
          </cell>
          <cell r="AT6924">
            <v>2016</v>
          </cell>
          <cell r="AU6924">
            <v>12</v>
          </cell>
        </row>
        <row r="6925">
          <cell r="C6925">
            <v>1.3123</v>
          </cell>
          <cell r="AT6925">
            <v>2016</v>
          </cell>
          <cell r="AU6925">
            <v>12</v>
          </cell>
        </row>
        <row r="6926">
          <cell r="C6926">
            <v>1.3396999999999999</v>
          </cell>
          <cell r="AT6926">
            <v>2016</v>
          </cell>
          <cell r="AU6926">
            <v>12</v>
          </cell>
        </row>
        <row r="6927">
          <cell r="C6927">
            <v>1.3338000000000001</v>
          </cell>
          <cell r="AT6927">
            <v>2016</v>
          </cell>
          <cell r="AU6927">
            <v>12</v>
          </cell>
        </row>
        <row r="6928">
          <cell r="C6928">
            <v>1.3338000000000001</v>
          </cell>
          <cell r="AT6928">
            <v>2016</v>
          </cell>
          <cell r="AU6928">
            <v>12</v>
          </cell>
        </row>
        <row r="6929">
          <cell r="C6929">
            <v>1.3338000000000001</v>
          </cell>
          <cell r="AT6929">
            <v>2016</v>
          </cell>
          <cell r="AU6929">
            <v>12</v>
          </cell>
        </row>
        <row r="6930">
          <cell r="C6930">
            <v>1.3396999999999999</v>
          </cell>
          <cell r="AT6930">
            <v>2016</v>
          </cell>
          <cell r="AU6930">
            <v>12</v>
          </cell>
        </row>
        <row r="6931">
          <cell r="C6931">
            <v>1.3378000000000001</v>
          </cell>
          <cell r="AT6931">
            <v>2016</v>
          </cell>
          <cell r="AU6931">
            <v>12</v>
          </cell>
        </row>
        <row r="6932">
          <cell r="C6932">
            <v>1.3401000000000001</v>
          </cell>
          <cell r="AT6932">
            <v>2016</v>
          </cell>
          <cell r="AU6932">
            <v>12</v>
          </cell>
        </row>
        <row r="6933">
          <cell r="C6933">
            <v>1.3468</v>
          </cell>
          <cell r="AT6933">
            <v>2016</v>
          </cell>
          <cell r="AU6933">
            <v>12</v>
          </cell>
        </row>
        <row r="6934">
          <cell r="C6934">
            <v>1.3534999999999999</v>
          </cell>
          <cell r="AT6934">
            <v>2016</v>
          </cell>
          <cell r="AU6934">
            <v>12</v>
          </cell>
        </row>
        <row r="6935">
          <cell r="C6935">
            <v>1.3534999999999999</v>
          </cell>
          <cell r="AT6935">
            <v>2016</v>
          </cell>
          <cell r="AU6935">
            <v>12</v>
          </cell>
        </row>
        <row r="6936">
          <cell r="C6936">
            <v>1.3534999999999999</v>
          </cell>
          <cell r="AT6936">
            <v>2016</v>
          </cell>
          <cell r="AU6936">
            <v>12</v>
          </cell>
        </row>
        <row r="6937">
          <cell r="C6937">
            <v>1.3534999999999999</v>
          </cell>
          <cell r="AT6937">
            <v>2016</v>
          </cell>
          <cell r="AU6937">
            <v>12</v>
          </cell>
        </row>
        <row r="6938">
          <cell r="C6938">
            <v>1.3534999999999999</v>
          </cell>
          <cell r="AT6938">
            <v>2016</v>
          </cell>
          <cell r="AU6938">
            <v>12</v>
          </cell>
        </row>
        <row r="6939">
          <cell r="C6939">
            <v>1.3555999999999999</v>
          </cell>
          <cell r="AT6939">
            <v>2016</v>
          </cell>
          <cell r="AU6939">
            <v>12</v>
          </cell>
        </row>
        <row r="6940">
          <cell r="C6940">
            <v>1.3488</v>
          </cell>
          <cell r="AT6940">
            <v>2016</v>
          </cell>
          <cell r="AU6940">
            <v>12</v>
          </cell>
        </row>
        <row r="6941">
          <cell r="C6941">
            <v>1.3427</v>
          </cell>
          <cell r="AT6941">
            <v>2016</v>
          </cell>
          <cell r="AU6941">
            <v>12</v>
          </cell>
        </row>
        <row r="6942">
          <cell r="C6942">
            <v>1.3427</v>
          </cell>
          <cell r="AT6942">
            <v>2017</v>
          </cell>
          <cell r="AU6942">
            <v>1</v>
          </cell>
        </row>
        <row r="6943">
          <cell r="C6943">
            <v>1.3427</v>
          </cell>
          <cell r="AT6943">
            <v>2017</v>
          </cell>
          <cell r="AU6943">
            <v>1</v>
          </cell>
        </row>
        <row r="6944">
          <cell r="C6944">
            <v>1.3427</v>
          </cell>
          <cell r="AT6944">
            <v>2017</v>
          </cell>
          <cell r="AU6944">
            <v>1</v>
          </cell>
        </row>
        <row r="6945">
          <cell r="C6945">
            <v>1.3438000000000001</v>
          </cell>
          <cell r="AT6945">
            <v>2017</v>
          </cell>
          <cell r="AU6945">
            <v>1</v>
          </cell>
        </row>
        <row r="6946">
          <cell r="C6946">
            <v>1.3292999999999999</v>
          </cell>
          <cell r="AT6946">
            <v>2017</v>
          </cell>
          <cell r="AU6946">
            <v>1</v>
          </cell>
        </row>
        <row r="6947">
          <cell r="C6947">
            <v>1.3216000000000001</v>
          </cell>
          <cell r="AT6947">
            <v>2017</v>
          </cell>
          <cell r="AU6947">
            <v>1</v>
          </cell>
        </row>
        <row r="6948">
          <cell r="C6948">
            <v>1.3216000000000001</v>
          </cell>
          <cell r="AT6948">
            <v>2017</v>
          </cell>
          <cell r="AU6948">
            <v>1</v>
          </cell>
        </row>
        <row r="6949">
          <cell r="C6949">
            <v>1.3216000000000001</v>
          </cell>
          <cell r="AT6949">
            <v>2017</v>
          </cell>
          <cell r="AU6949">
            <v>1</v>
          </cell>
        </row>
        <row r="6950">
          <cell r="C6950">
            <v>1.3216000000000001</v>
          </cell>
          <cell r="AT6950">
            <v>2017</v>
          </cell>
          <cell r="AU6950">
            <v>1</v>
          </cell>
        </row>
        <row r="6951">
          <cell r="C6951">
            <v>1.3222</v>
          </cell>
          <cell r="AT6951">
            <v>2017</v>
          </cell>
          <cell r="AU6951">
            <v>1</v>
          </cell>
        </row>
        <row r="6952">
          <cell r="C6952">
            <v>1.3208</v>
          </cell>
          <cell r="AT6952">
            <v>2017</v>
          </cell>
          <cell r="AU6952">
            <v>1</v>
          </cell>
        </row>
        <row r="6953">
          <cell r="C6953">
            <v>1.3231999999999999</v>
          </cell>
          <cell r="AT6953">
            <v>2017</v>
          </cell>
          <cell r="AU6953">
            <v>1</v>
          </cell>
        </row>
        <row r="6954">
          <cell r="C6954">
            <v>1.3129999999999999</v>
          </cell>
          <cell r="AT6954">
            <v>2017</v>
          </cell>
          <cell r="AU6954">
            <v>1</v>
          </cell>
        </row>
        <row r="6955">
          <cell r="C6955">
            <v>1.3134999999999999</v>
          </cell>
          <cell r="AT6955">
            <v>2017</v>
          </cell>
          <cell r="AU6955">
            <v>1</v>
          </cell>
        </row>
        <row r="6956">
          <cell r="C6956">
            <v>1.3134999999999999</v>
          </cell>
          <cell r="AT6956">
            <v>2017</v>
          </cell>
          <cell r="AU6956">
            <v>1</v>
          </cell>
        </row>
        <row r="6957">
          <cell r="C6957">
            <v>1.3134999999999999</v>
          </cell>
          <cell r="AT6957">
            <v>2017</v>
          </cell>
          <cell r="AU6957">
            <v>1</v>
          </cell>
        </row>
        <row r="6958">
          <cell r="C6958">
            <v>1.3163</v>
          </cell>
          <cell r="AT6958">
            <v>2017</v>
          </cell>
          <cell r="AU6958">
            <v>1</v>
          </cell>
        </row>
        <row r="6959">
          <cell r="C6959">
            <v>1.306</v>
          </cell>
          <cell r="AT6959">
            <v>2017</v>
          </cell>
          <cell r="AU6959">
            <v>1</v>
          </cell>
        </row>
        <row r="6960">
          <cell r="C6960">
            <v>1.3177000000000001</v>
          </cell>
          <cell r="AT6960">
            <v>2017</v>
          </cell>
          <cell r="AU6960">
            <v>1</v>
          </cell>
        </row>
        <row r="6961">
          <cell r="C6961">
            <v>1.3329</v>
          </cell>
          <cell r="AT6961">
            <v>2017</v>
          </cell>
          <cell r="AU6961">
            <v>1</v>
          </cell>
        </row>
        <row r="6962">
          <cell r="C6962">
            <v>1.3339000000000001</v>
          </cell>
          <cell r="AT6962">
            <v>2017</v>
          </cell>
          <cell r="AU6962">
            <v>1</v>
          </cell>
        </row>
        <row r="6963">
          <cell r="C6963">
            <v>1.3339000000000001</v>
          </cell>
          <cell r="AT6963">
            <v>2017</v>
          </cell>
          <cell r="AU6963">
            <v>1</v>
          </cell>
        </row>
        <row r="6964">
          <cell r="C6964">
            <v>1.3339000000000001</v>
          </cell>
          <cell r="AT6964">
            <v>2017</v>
          </cell>
          <cell r="AU6964">
            <v>1</v>
          </cell>
        </row>
        <row r="6965">
          <cell r="C6965">
            <v>1.3289</v>
          </cell>
          <cell r="AT6965">
            <v>2017</v>
          </cell>
          <cell r="AU6965">
            <v>1</v>
          </cell>
        </row>
        <row r="6966">
          <cell r="C6966">
            <v>1.3151999999999999</v>
          </cell>
          <cell r="AT6966">
            <v>2017</v>
          </cell>
          <cell r="AU6966">
            <v>1</v>
          </cell>
        </row>
        <row r="6967">
          <cell r="C6967">
            <v>1.3075000000000001</v>
          </cell>
          <cell r="AT6967">
            <v>2017</v>
          </cell>
          <cell r="AU6967">
            <v>1</v>
          </cell>
        </row>
        <row r="6968">
          <cell r="C6968">
            <v>1.3104</v>
          </cell>
          <cell r="AT6968">
            <v>2017</v>
          </cell>
          <cell r="AU6968">
            <v>1</v>
          </cell>
        </row>
        <row r="6969">
          <cell r="C6969">
            <v>1.3108</v>
          </cell>
          <cell r="AT6969">
            <v>2017</v>
          </cell>
          <cell r="AU6969">
            <v>1</v>
          </cell>
        </row>
        <row r="6970">
          <cell r="C6970">
            <v>1.3108</v>
          </cell>
          <cell r="AT6970">
            <v>2017</v>
          </cell>
          <cell r="AU6970">
            <v>1</v>
          </cell>
        </row>
        <row r="6971">
          <cell r="C6971">
            <v>1.3108</v>
          </cell>
          <cell r="AT6971">
            <v>2017</v>
          </cell>
          <cell r="AU6971">
            <v>1</v>
          </cell>
        </row>
        <row r="6972">
          <cell r="C6972">
            <v>1.3092999999999999</v>
          </cell>
          <cell r="AT6972">
            <v>2017</v>
          </cell>
          <cell r="AU6972">
            <v>1</v>
          </cell>
        </row>
        <row r="6973">
          <cell r="C6973">
            <v>1.3029999999999999</v>
          </cell>
          <cell r="AT6973">
            <v>2017</v>
          </cell>
          <cell r="AU6973">
            <v>2</v>
          </cell>
        </row>
        <row r="6974">
          <cell r="C6974">
            <v>1.3089</v>
          </cell>
          <cell r="AT6974">
            <v>2017</v>
          </cell>
          <cell r="AU6974">
            <v>2</v>
          </cell>
        </row>
        <row r="6975">
          <cell r="C6975">
            <v>1.3019000000000001</v>
          </cell>
          <cell r="AT6975">
            <v>2017</v>
          </cell>
          <cell r="AU6975">
            <v>2</v>
          </cell>
        </row>
        <row r="6976">
          <cell r="C6976">
            <v>1.3004</v>
          </cell>
          <cell r="AT6976">
            <v>2017</v>
          </cell>
          <cell r="AU6976">
            <v>2</v>
          </cell>
        </row>
        <row r="6977">
          <cell r="C6977">
            <v>1.3004</v>
          </cell>
          <cell r="AT6977">
            <v>2017</v>
          </cell>
          <cell r="AU6977">
            <v>2</v>
          </cell>
        </row>
        <row r="6978">
          <cell r="C6978">
            <v>1.3004</v>
          </cell>
          <cell r="AT6978">
            <v>2017</v>
          </cell>
          <cell r="AU6978">
            <v>2</v>
          </cell>
        </row>
        <row r="6979">
          <cell r="C6979">
            <v>1.3117000000000001</v>
          </cell>
          <cell r="AT6979">
            <v>2017</v>
          </cell>
          <cell r="AU6979">
            <v>2</v>
          </cell>
        </row>
        <row r="6980">
          <cell r="C6980">
            <v>1.3167</v>
          </cell>
          <cell r="AT6980">
            <v>2017</v>
          </cell>
          <cell r="AU6980">
            <v>2</v>
          </cell>
        </row>
        <row r="6981">
          <cell r="C6981">
            <v>1.3157000000000001</v>
          </cell>
          <cell r="AT6981">
            <v>2017</v>
          </cell>
          <cell r="AU6981">
            <v>2</v>
          </cell>
        </row>
        <row r="6982">
          <cell r="C6982">
            <v>1.3141</v>
          </cell>
          <cell r="AT6982">
            <v>2017</v>
          </cell>
          <cell r="AU6982">
            <v>2</v>
          </cell>
        </row>
        <row r="6983">
          <cell r="C6983">
            <v>1.3073999999999999</v>
          </cell>
          <cell r="AT6983">
            <v>2017</v>
          </cell>
          <cell r="AU6983">
            <v>2</v>
          </cell>
        </row>
        <row r="6984">
          <cell r="C6984">
            <v>1.3073999999999999</v>
          </cell>
          <cell r="AT6984">
            <v>2017</v>
          </cell>
          <cell r="AU6984">
            <v>2</v>
          </cell>
        </row>
        <row r="6985">
          <cell r="C6985">
            <v>1.3073999999999999</v>
          </cell>
          <cell r="AT6985">
            <v>2017</v>
          </cell>
          <cell r="AU6985">
            <v>2</v>
          </cell>
        </row>
        <row r="6986">
          <cell r="C6986">
            <v>1.3070999999999999</v>
          </cell>
          <cell r="AT6986">
            <v>2017</v>
          </cell>
          <cell r="AU6986">
            <v>2</v>
          </cell>
        </row>
        <row r="6987">
          <cell r="C6987">
            <v>1.3092999999999999</v>
          </cell>
          <cell r="AT6987">
            <v>2017</v>
          </cell>
          <cell r="AU6987">
            <v>2</v>
          </cell>
        </row>
        <row r="6988">
          <cell r="C6988">
            <v>1.3084</v>
          </cell>
          <cell r="AT6988">
            <v>2017</v>
          </cell>
          <cell r="AU6988">
            <v>2</v>
          </cell>
        </row>
        <row r="6989">
          <cell r="C6989">
            <v>1.3058000000000001</v>
          </cell>
          <cell r="AT6989">
            <v>2017</v>
          </cell>
          <cell r="AU6989">
            <v>2</v>
          </cell>
        </row>
        <row r="6990">
          <cell r="C6990">
            <v>1.3116000000000001</v>
          </cell>
          <cell r="AT6990">
            <v>2017</v>
          </cell>
          <cell r="AU6990">
            <v>2</v>
          </cell>
        </row>
        <row r="6991">
          <cell r="C6991">
            <v>1.3116000000000001</v>
          </cell>
          <cell r="AT6991">
            <v>2017</v>
          </cell>
          <cell r="AU6991">
            <v>2</v>
          </cell>
        </row>
        <row r="6992">
          <cell r="C6992">
            <v>1.3116000000000001</v>
          </cell>
          <cell r="AT6992">
            <v>2017</v>
          </cell>
          <cell r="AU6992">
            <v>2</v>
          </cell>
        </row>
        <row r="6993">
          <cell r="C6993">
            <v>1.3116000000000001</v>
          </cell>
          <cell r="AT6993">
            <v>2017</v>
          </cell>
          <cell r="AU6993">
            <v>2</v>
          </cell>
        </row>
        <row r="6994">
          <cell r="C6994">
            <v>1.3149</v>
          </cell>
          <cell r="AT6994">
            <v>2017</v>
          </cell>
          <cell r="AU6994">
            <v>2</v>
          </cell>
        </row>
        <row r="6995">
          <cell r="C6995">
            <v>1.3187</v>
          </cell>
          <cell r="AT6995">
            <v>2017</v>
          </cell>
          <cell r="AU6995">
            <v>2</v>
          </cell>
        </row>
        <row r="6996">
          <cell r="C6996">
            <v>1.3109</v>
          </cell>
          <cell r="AT6996">
            <v>2017</v>
          </cell>
          <cell r="AU6996">
            <v>2</v>
          </cell>
        </row>
        <row r="6997">
          <cell r="C6997">
            <v>1.3104</v>
          </cell>
          <cell r="AT6997">
            <v>2017</v>
          </cell>
          <cell r="AU6997">
            <v>2</v>
          </cell>
        </row>
        <row r="6998">
          <cell r="C6998">
            <v>1.3104</v>
          </cell>
          <cell r="AT6998">
            <v>2017</v>
          </cell>
          <cell r="AU6998">
            <v>2</v>
          </cell>
        </row>
        <row r="6999">
          <cell r="C6999">
            <v>1.3104</v>
          </cell>
          <cell r="AT6999">
            <v>2017</v>
          </cell>
          <cell r="AU6999">
            <v>2</v>
          </cell>
        </row>
        <row r="7000">
          <cell r="C7000">
            <v>1.3101</v>
          </cell>
          <cell r="AT7000">
            <v>2017</v>
          </cell>
          <cell r="AU7000">
            <v>2</v>
          </cell>
        </row>
        <row r="7001">
          <cell r="C7001">
            <v>1.3248</v>
          </cell>
          <cell r="AT7001">
            <v>2017</v>
          </cell>
          <cell r="AU7001">
            <v>3</v>
          </cell>
        </row>
        <row r="7002">
          <cell r="C7002">
            <v>1.3346</v>
          </cell>
          <cell r="AT7002">
            <v>2017</v>
          </cell>
          <cell r="AU7002">
            <v>3</v>
          </cell>
        </row>
        <row r="7003">
          <cell r="C7003">
            <v>1.3384</v>
          </cell>
          <cell r="AT7003">
            <v>2017</v>
          </cell>
          <cell r="AU7003">
            <v>3</v>
          </cell>
        </row>
        <row r="7004">
          <cell r="C7004">
            <v>1.3419000000000001</v>
          </cell>
          <cell r="AT7004">
            <v>2017</v>
          </cell>
          <cell r="AU7004">
            <v>3</v>
          </cell>
        </row>
        <row r="7005">
          <cell r="C7005">
            <v>1.3419000000000001</v>
          </cell>
          <cell r="AT7005">
            <v>2017</v>
          </cell>
          <cell r="AU7005">
            <v>3</v>
          </cell>
        </row>
        <row r="7006">
          <cell r="C7006">
            <v>1.3419000000000001</v>
          </cell>
          <cell r="AT7006">
            <v>2017</v>
          </cell>
          <cell r="AU7006">
            <v>3</v>
          </cell>
        </row>
        <row r="7007">
          <cell r="C7007">
            <v>1.3419000000000001</v>
          </cell>
          <cell r="AT7007">
            <v>2017</v>
          </cell>
          <cell r="AU7007">
            <v>3</v>
          </cell>
        </row>
        <row r="7008">
          <cell r="C7008">
            <v>1.3412999999999999</v>
          </cell>
          <cell r="AT7008">
            <v>2017</v>
          </cell>
          <cell r="AU7008">
            <v>3</v>
          </cell>
        </row>
        <row r="7009">
          <cell r="C7009">
            <v>1.3481000000000001</v>
          </cell>
          <cell r="AT7009">
            <v>2017</v>
          </cell>
          <cell r="AU7009">
            <v>3</v>
          </cell>
        </row>
        <row r="7010">
          <cell r="C7010">
            <v>1.3505</v>
          </cell>
          <cell r="AT7010">
            <v>2017</v>
          </cell>
          <cell r="AU7010">
            <v>3</v>
          </cell>
        </row>
        <row r="7011">
          <cell r="C7011">
            <v>1.3469</v>
          </cell>
          <cell r="AT7011">
            <v>2017</v>
          </cell>
          <cell r="AU7011">
            <v>3</v>
          </cell>
        </row>
        <row r="7012">
          <cell r="C7012">
            <v>1.3469</v>
          </cell>
          <cell r="AT7012">
            <v>2017</v>
          </cell>
          <cell r="AU7012">
            <v>3</v>
          </cell>
        </row>
        <row r="7013">
          <cell r="C7013">
            <v>1.3469</v>
          </cell>
          <cell r="AT7013">
            <v>2017</v>
          </cell>
          <cell r="AU7013">
            <v>3</v>
          </cell>
        </row>
        <row r="7014">
          <cell r="C7014">
            <v>1.3452999999999999</v>
          </cell>
          <cell r="AT7014">
            <v>2017</v>
          </cell>
          <cell r="AU7014">
            <v>3</v>
          </cell>
        </row>
        <row r="7015">
          <cell r="C7015">
            <v>1.3463000000000001</v>
          </cell>
          <cell r="AT7015">
            <v>2017</v>
          </cell>
          <cell r="AU7015">
            <v>3</v>
          </cell>
        </row>
        <row r="7016">
          <cell r="C7016">
            <v>1.3451</v>
          </cell>
          <cell r="AT7016">
            <v>2017</v>
          </cell>
          <cell r="AU7016">
            <v>3</v>
          </cell>
        </row>
        <row r="7017">
          <cell r="C7017">
            <v>1.3315999999999999</v>
          </cell>
          <cell r="AT7017">
            <v>2017</v>
          </cell>
          <cell r="AU7017">
            <v>3</v>
          </cell>
        </row>
        <row r="7018">
          <cell r="C7018">
            <v>1.3369</v>
          </cell>
          <cell r="AT7018">
            <v>2017</v>
          </cell>
          <cell r="AU7018">
            <v>3</v>
          </cell>
        </row>
        <row r="7019">
          <cell r="C7019">
            <v>1.3369</v>
          </cell>
          <cell r="AT7019">
            <v>2017</v>
          </cell>
          <cell r="AU7019">
            <v>3</v>
          </cell>
        </row>
        <row r="7020">
          <cell r="C7020">
            <v>1.3369</v>
          </cell>
          <cell r="AT7020">
            <v>2017</v>
          </cell>
          <cell r="AU7020">
            <v>3</v>
          </cell>
        </row>
        <row r="7021">
          <cell r="C7021">
            <v>1.3357000000000001</v>
          </cell>
          <cell r="AT7021">
            <v>2017</v>
          </cell>
          <cell r="AU7021">
            <v>3</v>
          </cell>
        </row>
        <row r="7022">
          <cell r="C7022">
            <v>1.3320000000000001</v>
          </cell>
          <cell r="AT7022">
            <v>2017</v>
          </cell>
          <cell r="AU7022">
            <v>3</v>
          </cell>
        </row>
        <row r="7023">
          <cell r="C7023">
            <v>1.3347</v>
          </cell>
          <cell r="AT7023">
            <v>2017</v>
          </cell>
          <cell r="AU7023">
            <v>3</v>
          </cell>
        </row>
        <row r="7024">
          <cell r="C7024">
            <v>1.3332999999999999</v>
          </cell>
          <cell r="AT7024">
            <v>2017</v>
          </cell>
          <cell r="AU7024">
            <v>3</v>
          </cell>
        </row>
        <row r="7025">
          <cell r="C7025">
            <v>1.3372999999999999</v>
          </cell>
          <cell r="AT7025">
            <v>2017</v>
          </cell>
          <cell r="AU7025">
            <v>3</v>
          </cell>
        </row>
        <row r="7026">
          <cell r="C7026">
            <v>1.3372999999999999</v>
          </cell>
          <cell r="AT7026">
            <v>2017</v>
          </cell>
          <cell r="AU7026">
            <v>3</v>
          </cell>
        </row>
        <row r="7027">
          <cell r="C7027">
            <v>1.3372999999999999</v>
          </cell>
          <cell r="AT7027">
            <v>2017</v>
          </cell>
          <cell r="AU7027">
            <v>3</v>
          </cell>
        </row>
        <row r="7028">
          <cell r="C7028">
            <v>1.3368</v>
          </cell>
          <cell r="AT7028">
            <v>2017</v>
          </cell>
          <cell r="AU7028">
            <v>3</v>
          </cell>
        </row>
        <row r="7029">
          <cell r="C7029">
            <v>1.3363</v>
          </cell>
          <cell r="AT7029">
            <v>2017</v>
          </cell>
          <cell r="AU7029">
            <v>3</v>
          </cell>
        </row>
        <row r="7030">
          <cell r="C7030">
            <v>1.3371999999999999</v>
          </cell>
          <cell r="AT7030">
            <v>2017</v>
          </cell>
          <cell r="AU7030">
            <v>3</v>
          </cell>
        </row>
        <row r="7031">
          <cell r="C7031">
            <v>1.3279000000000001</v>
          </cell>
          <cell r="AT7031">
            <v>2017</v>
          </cell>
          <cell r="AU7031">
            <v>3</v>
          </cell>
        </row>
        <row r="7032">
          <cell r="C7032">
            <v>1.3322000000000001</v>
          </cell>
          <cell r="AT7032">
            <v>2017</v>
          </cell>
          <cell r="AU7032">
            <v>4</v>
          </cell>
        </row>
        <row r="7033">
          <cell r="C7033">
            <v>1.3322000000000001</v>
          </cell>
          <cell r="AT7033">
            <v>2017</v>
          </cell>
          <cell r="AU7033">
            <v>4</v>
          </cell>
        </row>
        <row r="7034">
          <cell r="C7034">
            <v>1.3322000000000001</v>
          </cell>
          <cell r="AT7034">
            <v>2017</v>
          </cell>
          <cell r="AU7034">
            <v>4</v>
          </cell>
        </row>
        <row r="7035">
          <cell r="C7035">
            <v>1.3389</v>
          </cell>
          <cell r="AT7035">
            <v>2017</v>
          </cell>
          <cell r="AU7035">
            <v>4</v>
          </cell>
        </row>
        <row r="7036">
          <cell r="C7036">
            <v>1.3414999999999999</v>
          </cell>
          <cell r="AT7036">
            <v>2017</v>
          </cell>
          <cell r="AU7036">
            <v>4</v>
          </cell>
        </row>
        <row r="7037">
          <cell r="C7037">
            <v>1.3411</v>
          </cell>
          <cell r="AT7037">
            <v>2017</v>
          </cell>
          <cell r="AU7037">
            <v>4</v>
          </cell>
        </row>
        <row r="7038">
          <cell r="C7038">
            <v>1.3409</v>
          </cell>
          <cell r="AT7038">
            <v>2017</v>
          </cell>
          <cell r="AU7038">
            <v>4</v>
          </cell>
        </row>
        <row r="7039">
          <cell r="C7039">
            <v>1.3396999999999999</v>
          </cell>
          <cell r="AT7039">
            <v>2017</v>
          </cell>
          <cell r="AU7039">
            <v>4</v>
          </cell>
        </row>
        <row r="7040">
          <cell r="C7040">
            <v>1.3396999999999999</v>
          </cell>
          <cell r="AT7040">
            <v>2017</v>
          </cell>
          <cell r="AU7040">
            <v>4</v>
          </cell>
        </row>
        <row r="7041">
          <cell r="C7041">
            <v>1.3396999999999999</v>
          </cell>
          <cell r="AT7041">
            <v>2017</v>
          </cell>
          <cell r="AU7041">
            <v>4</v>
          </cell>
        </row>
        <row r="7042">
          <cell r="C7042">
            <v>1.3347</v>
          </cell>
          <cell r="AT7042">
            <v>2017</v>
          </cell>
          <cell r="AU7042">
            <v>4</v>
          </cell>
        </row>
        <row r="7043">
          <cell r="C7043">
            <v>1.3334999999999999</v>
          </cell>
          <cell r="AT7043">
            <v>2017</v>
          </cell>
          <cell r="AU7043">
            <v>4</v>
          </cell>
        </row>
        <row r="7044">
          <cell r="C7044">
            <v>1.3302</v>
          </cell>
          <cell r="AT7044">
            <v>2017</v>
          </cell>
          <cell r="AU7044">
            <v>4</v>
          </cell>
        </row>
        <row r="7045">
          <cell r="C7045">
            <v>1.3265</v>
          </cell>
          <cell r="AT7045">
            <v>2017</v>
          </cell>
          <cell r="AU7045">
            <v>4</v>
          </cell>
        </row>
        <row r="7046">
          <cell r="C7046">
            <v>1.3265</v>
          </cell>
          <cell r="AT7046">
            <v>2017</v>
          </cell>
          <cell r="AU7046">
            <v>4</v>
          </cell>
        </row>
        <row r="7047">
          <cell r="C7047">
            <v>1.3265</v>
          </cell>
          <cell r="AT7047">
            <v>2017</v>
          </cell>
          <cell r="AU7047">
            <v>4</v>
          </cell>
        </row>
        <row r="7048">
          <cell r="C7048">
            <v>1.3265</v>
          </cell>
          <cell r="AT7048">
            <v>2017</v>
          </cell>
          <cell r="AU7048">
            <v>4</v>
          </cell>
        </row>
        <row r="7049">
          <cell r="C7049">
            <v>1.3277000000000001</v>
          </cell>
          <cell r="AT7049">
            <v>2017</v>
          </cell>
          <cell r="AU7049">
            <v>4</v>
          </cell>
        </row>
        <row r="7050">
          <cell r="C7050">
            <v>1.3381000000000001</v>
          </cell>
          <cell r="AT7050">
            <v>2017</v>
          </cell>
          <cell r="AU7050">
            <v>4</v>
          </cell>
        </row>
        <row r="7051">
          <cell r="C7051">
            <v>1.3469</v>
          </cell>
          <cell r="AT7051">
            <v>2017</v>
          </cell>
          <cell r="AU7051">
            <v>4</v>
          </cell>
        </row>
        <row r="7052">
          <cell r="C7052">
            <v>1.3480000000000001</v>
          </cell>
          <cell r="AT7052">
            <v>2017</v>
          </cell>
          <cell r="AU7052">
            <v>4</v>
          </cell>
        </row>
        <row r="7053">
          <cell r="C7053">
            <v>1.3503000000000001</v>
          </cell>
          <cell r="AT7053">
            <v>2017</v>
          </cell>
          <cell r="AU7053">
            <v>4</v>
          </cell>
        </row>
        <row r="7054">
          <cell r="C7054">
            <v>1.3503000000000001</v>
          </cell>
          <cell r="AT7054">
            <v>2017</v>
          </cell>
          <cell r="AU7054">
            <v>4</v>
          </cell>
        </row>
        <row r="7055">
          <cell r="C7055">
            <v>1.3503000000000001</v>
          </cell>
          <cell r="AT7055">
            <v>2017</v>
          </cell>
          <cell r="AU7055">
            <v>4</v>
          </cell>
        </row>
        <row r="7056">
          <cell r="C7056">
            <v>1.3515999999999999</v>
          </cell>
          <cell r="AT7056">
            <v>2017</v>
          </cell>
          <cell r="AU7056">
            <v>4</v>
          </cell>
        </row>
        <row r="7057">
          <cell r="C7057">
            <v>1.3614999999999999</v>
          </cell>
          <cell r="AT7057">
            <v>2017</v>
          </cell>
          <cell r="AU7057">
            <v>4</v>
          </cell>
        </row>
        <row r="7058">
          <cell r="C7058">
            <v>1.3592</v>
          </cell>
          <cell r="AT7058">
            <v>2017</v>
          </cell>
          <cell r="AU7058">
            <v>4</v>
          </cell>
        </row>
        <row r="7059">
          <cell r="C7059">
            <v>1.3667</v>
          </cell>
          <cell r="AT7059">
            <v>2017</v>
          </cell>
          <cell r="AU7059">
            <v>4</v>
          </cell>
        </row>
        <row r="7060">
          <cell r="C7060">
            <v>1.3665</v>
          </cell>
          <cell r="AT7060">
            <v>2017</v>
          </cell>
          <cell r="AU7060">
            <v>4</v>
          </cell>
        </row>
        <row r="7061">
          <cell r="C7061">
            <v>1.3665</v>
          </cell>
          <cell r="AT7061">
            <v>2017</v>
          </cell>
          <cell r="AU7061">
            <v>4</v>
          </cell>
        </row>
        <row r="7062">
          <cell r="C7062">
            <v>1.3665</v>
          </cell>
          <cell r="AT7062">
            <v>2017</v>
          </cell>
          <cell r="AU7062">
            <v>5</v>
          </cell>
        </row>
        <row r="7063">
          <cell r="C7063">
            <v>1.3660000000000001</v>
          </cell>
          <cell r="AT7063">
            <v>2017</v>
          </cell>
          <cell r="AU7063">
            <v>5</v>
          </cell>
        </row>
        <row r="7064">
          <cell r="C7064">
            <v>1.3720000000000001</v>
          </cell>
          <cell r="AT7064">
            <v>2017</v>
          </cell>
          <cell r="AU7064">
            <v>5</v>
          </cell>
        </row>
        <row r="7065">
          <cell r="C7065">
            <v>1.3714</v>
          </cell>
          <cell r="AT7065">
            <v>2017</v>
          </cell>
          <cell r="AU7065">
            <v>5</v>
          </cell>
        </row>
        <row r="7066">
          <cell r="C7066">
            <v>1.3743000000000001</v>
          </cell>
          <cell r="AT7066">
            <v>2017</v>
          </cell>
          <cell r="AU7066">
            <v>5</v>
          </cell>
        </row>
        <row r="7067">
          <cell r="C7067">
            <v>1.3712</v>
          </cell>
          <cell r="AT7067">
            <v>2017</v>
          </cell>
          <cell r="AU7067">
            <v>5</v>
          </cell>
        </row>
        <row r="7068">
          <cell r="C7068">
            <v>1.3712</v>
          </cell>
          <cell r="AT7068">
            <v>2017</v>
          </cell>
          <cell r="AU7068">
            <v>5</v>
          </cell>
        </row>
        <row r="7069">
          <cell r="C7069">
            <v>1.3712</v>
          </cell>
          <cell r="AT7069">
            <v>2017</v>
          </cell>
          <cell r="AU7069">
            <v>5</v>
          </cell>
        </row>
        <row r="7070">
          <cell r="C7070">
            <v>1.3705000000000001</v>
          </cell>
          <cell r="AT7070">
            <v>2017</v>
          </cell>
          <cell r="AU7070">
            <v>5</v>
          </cell>
        </row>
        <row r="7071">
          <cell r="C7071">
            <v>1.3728</v>
          </cell>
          <cell r="AT7071">
            <v>2017</v>
          </cell>
          <cell r="AU7071">
            <v>5</v>
          </cell>
        </row>
        <row r="7072">
          <cell r="C7072">
            <v>1.3672</v>
          </cell>
          <cell r="AT7072">
            <v>2017</v>
          </cell>
          <cell r="AU7072">
            <v>5</v>
          </cell>
        </row>
        <row r="7073">
          <cell r="C7073">
            <v>1.3707</v>
          </cell>
          <cell r="AT7073">
            <v>2017</v>
          </cell>
          <cell r="AU7073">
            <v>5</v>
          </cell>
        </row>
        <row r="7074">
          <cell r="C7074">
            <v>1.3714</v>
          </cell>
          <cell r="AT7074">
            <v>2017</v>
          </cell>
          <cell r="AU7074">
            <v>5</v>
          </cell>
        </row>
        <row r="7075">
          <cell r="C7075">
            <v>1.3714</v>
          </cell>
          <cell r="AT7075">
            <v>2017</v>
          </cell>
          <cell r="AU7075">
            <v>5</v>
          </cell>
        </row>
        <row r="7076">
          <cell r="C7076">
            <v>1.3714</v>
          </cell>
          <cell r="AT7076">
            <v>2017</v>
          </cell>
          <cell r="AU7076">
            <v>5</v>
          </cell>
        </row>
        <row r="7077">
          <cell r="C7077">
            <v>1.3641000000000001</v>
          </cell>
          <cell r="AT7077">
            <v>2017</v>
          </cell>
          <cell r="AU7077">
            <v>5</v>
          </cell>
        </row>
        <row r="7078">
          <cell r="C7078">
            <v>1.3595999999999999</v>
          </cell>
          <cell r="AT7078">
            <v>2017</v>
          </cell>
          <cell r="AU7078">
            <v>5</v>
          </cell>
        </row>
        <row r="7079">
          <cell r="C7079">
            <v>1.3613999999999999</v>
          </cell>
          <cell r="AT7079">
            <v>2017</v>
          </cell>
          <cell r="AU7079">
            <v>5</v>
          </cell>
        </row>
        <row r="7080">
          <cell r="C7080">
            <v>1.3611</v>
          </cell>
          <cell r="AT7080">
            <v>2017</v>
          </cell>
          <cell r="AU7080">
            <v>5</v>
          </cell>
        </row>
        <row r="7081">
          <cell r="C7081">
            <v>1.3544</v>
          </cell>
          <cell r="AT7081">
            <v>2017</v>
          </cell>
          <cell r="AU7081">
            <v>5</v>
          </cell>
        </row>
        <row r="7082">
          <cell r="C7082">
            <v>1.3544</v>
          </cell>
          <cell r="AT7082">
            <v>2017</v>
          </cell>
          <cell r="AU7082">
            <v>5</v>
          </cell>
        </row>
        <row r="7083">
          <cell r="C7083">
            <v>1.3544</v>
          </cell>
          <cell r="AT7083">
            <v>2017</v>
          </cell>
          <cell r="AU7083">
            <v>5</v>
          </cell>
        </row>
        <row r="7084">
          <cell r="C7084">
            <v>1.3544</v>
          </cell>
          <cell r="AT7084">
            <v>2017</v>
          </cell>
          <cell r="AU7084">
            <v>5</v>
          </cell>
        </row>
        <row r="7085">
          <cell r="C7085">
            <v>1.349</v>
          </cell>
          <cell r="AT7085">
            <v>2017</v>
          </cell>
          <cell r="AU7085">
            <v>5</v>
          </cell>
        </row>
        <row r="7086">
          <cell r="C7086">
            <v>1.3460000000000001</v>
          </cell>
          <cell r="AT7086">
            <v>2017</v>
          </cell>
          <cell r="AU7086">
            <v>5</v>
          </cell>
        </row>
        <row r="7087">
          <cell r="C7087">
            <v>1.3452999999999999</v>
          </cell>
          <cell r="AT7087">
            <v>2017</v>
          </cell>
          <cell r="AU7087">
            <v>5</v>
          </cell>
        </row>
        <row r="7088">
          <cell r="C7088">
            <v>1.3455999999999999</v>
          </cell>
          <cell r="AT7088">
            <v>2017</v>
          </cell>
          <cell r="AU7088">
            <v>5</v>
          </cell>
        </row>
        <row r="7089">
          <cell r="C7089">
            <v>1.3455999999999999</v>
          </cell>
          <cell r="AT7089">
            <v>2017</v>
          </cell>
          <cell r="AU7089">
            <v>5</v>
          </cell>
        </row>
        <row r="7090">
          <cell r="C7090">
            <v>1.3455999999999999</v>
          </cell>
          <cell r="AT7090">
            <v>2017</v>
          </cell>
          <cell r="AU7090">
            <v>5</v>
          </cell>
        </row>
        <row r="7091">
          <cell r="C7091">
            <v>1.3446</v>
          </cell>
          <cell r="AT7091">
            <v>2017</v>
          </cell>
          <cell r="AU7091">
            <v>5</v>
          </cell>
        </row>
        <row r="7092">
          <cell r="C7092">
            <v>1.3469</v>
          </cell>
          <cell r="AT7092">
            <v>2017</v>
          </cell>
          <cell r="AU7092">
            <v>5</v>
          </cell>
        </row>
        <row r="7093">
          <cell r="C7093">
            <v>1.35</v>
          </cell>
          <cell r="AT7093">
            <v>2017</v>
          </cell>
          <cell r="AU7093">
            <v>6</v>
          </cell>
        </row>
        <row r="7094">
          <cell r="C7094">
            <v>1.35</v>
          </cell>
          <cell r="AT7094">
            <v>2017</v>
          </cell>
          <cell r="AU7094">
            <v>6</v>
          </cell>
        </row>
        <row r="7095">
          <cell r="C7095">
            <v>1.3504</v>
          </cell>
          <cell r="AT7095">
            <v>2017</v>
          </cell>
          <cell r="AU7095">
            <v>6</v>
          </cell>
        </row>
        <row r="7096">
          <cell r="C7096">
            <v>1.3504</v>
          </cell>
          <cell r="AT7096">
            <v>2017</v>
          </cell>
          <cell r="AU7096">
            <v>6</v>
          </cell>
        </row>
        <row r="7097">
          <cell r="C7097">
            <v>1.3504</v>
          </cell>
          <cell r="AT7097">
            <v>2017</v>
          </cell>
          <cell r="AU7097">
            <v>6</v>
          </cell>
        </row>
        <row r="7098">
          <cell r="C7098">
            <v>1.3483000000000001</v>
          </cell>
          <cell r="AT7098">
            <v>2017</v>
          </cell>
          <cell r="AU7098">
            <v>6</v>
          </cell>
        </row>
        <row r="7099">
          <cell r="C7099">
            <v>1.3461000000000001</v>
          </cell>
          <cell r="AT7099">
            <v>2017</v>
          </cell>
          <cell r="AU7099">
            <v>6</v>
          </cell>
        </row>
        <row r="7100">
          <cell r="C7100">
            <v>1.3492</v>
          </cell>
          <cell r="AT7100">
            <v>2017</v>
          </cell>
          <cell r="AU7100">
            <v>6</v>
          </cell>
        </row>
        <row r="7101">
          <cell r="C7101">
            <v>1.3503000000000001</v>
          </cell>
          <cell r="AT7101">
            <v>2017</v>
          </cell>
          <cell r="AU7101">
            <v>6</v>
          </cell>
        </row>
        <row r="7102">
          <cell r="C7102">
            <v>1.3452999999999999</v>
          </cell>
          <cell r="AT7102">
            <v>2017</v>
          </cell>
          <cell r="AU7102">
            <v>6</v>
          </cell>
        </row>
        <row r="7103">
          <cell r="C7103">
            <v>1.3452999999999999</v>
          </cell>
          <cell r="AT7103">
            <v>2017</v>
          </cell>
          <cell r="AU7103">
            <v>6</v>
          </cell>
        </row>
        <row r="7104">
          <cell r="C7104">
            <v>1.3452999999999999</v>
          </cell>
          <cell r="AT7104">
            <v>2017</v>
          </cell>
          <cell r="AU7104">
            <v>6</v>
          </cell>
        </row>
        <row r="7105">
          <cell r="C7105">
            <v>1.3414999999999999</v>
          </cell>
          <cell r="AT7105">
            <v>2017</v>
          </cell>
          <cell r="AU7105">
            <v>6</v>
          </cell>
        </row>
        <row r="7106">
          <cell r="C7106">
            <v>1.3238000000000001</v>
          </cell>
          <cell r="AT7106">
            <v>2017</v>
          </cell>
          <cell r="AU7106">
            <v>6</v>
          </cell>
        </row>
        <row r="7107">
          <cell r="C7107">
            <v>1.3209</v>
          </cell>
          <cell r="AT7107">
            <v>2017</v>
          </cell>
          <cell r="AU7107">
            <v>6</v>
          </cell>
        </row>
        <row r="7108">
          <cell r="C7108">
            <v>1.3283</v>
          </cell>
          <cell r="AT7108">
            <v>2017</v>
          </cell>
          <cell r="AU7108">
            <v>6</v>
          </cell>
        </row>
        <row r="7109">
          <cell r="C7109">
            <v>1.3231999999999999</v>
          </cell>
          <cell r="AT7109">
            <v>2017</v>
          </cell>
          <cell r="AU7109">
            <v>6</v>
          </cell>
        </row>
        <row r="7110">
          <cell r="C7110">
            <v>1.3231999999999999</v>
          </cell>
          <cell r="AT7110">
            <v>2017</v>
          </cell>
          <cell r="AU7110">
            <v>6</v>
          </cell>
        </row>
        <row r="7111">
          <cell r="C7111">
            <v>1.3231999999999999</v>
          </cell>
          <cell r="AT7111">
            <v>2017</v>
          </cell>
          <cell r="AU7111">
            <v>6</v>
          </cell>
        </row>
        <row r="7112">
          <cell r="C7112">
            <v>1.3220000000000001</v>
          </cell>
          <cell r="AT7112">
            <v>2017</v>
          </cell>
          <cell r="AU7112">
            <v>6</v>
          </cell>
        </row>
        <row r="7113">
          <cell r="C7113">
            <v>1.3267</v>
          </cell>
          <cell r="AT7113">
            <v>2017</v>
          </cell>
          <cell r="AU7113">
            <v>6</v>
          </cell>
        </row>
        <row r="7114">
          <cell r="C7114">
            <v>1.331</v>
          </cell>
          <cell r="AT7114">
            <v>2017</v>
          </cell>
          <cell r="AU7114">
            <v>6</v>
          </cell>
        </row>
        <row r="7115">
          <cell r="C7115">
            <v>1.3241000000000001</v>
          </cell>
          <cell r="AT7115">
            <v>2017</v>
          </cell>
          <cell r="AU7115">
            <v>6</v>
          </cell>
        </row>
        <row r="7116">
          <cell r="C7116">
            <v>1.3268</v>
          </cell>
          <cell r="AT7116">
            <v>2017</v>
          </cell>
          <cell r="AU7116">
            <v>6</v>
          </cell>
        </row>
        <row r="7117">
          <cell r="C7117">
            <v>1.3268</v>
          </cell>
          <cell r="AT7117">
            <v>2017</v>
          </cell>
          <cell r="AU7117">
            <v>6</v>
          </cell>
        </row>
        <row r="7118">
          <cell r="C7118">
            <v>1.3268</v>
          </cell>
          <cell r="AT7118">
            <v>2017</v>
          </cell>
          <cell r="AU7118">
            <v>6</v>
          </cell>
        </row>
        <row r="7119">
          <cell r="C7119">
            <v>1.3238000000000001</v>
          </cell>
          <cell r="AT7119">
            <v>2017</v>
          </cell>
          <cell r="AU7119">
            <v>6</v>
          </cell>
        </row>
        <row r="7120">
          <cell r="C7120">
            <v>1.3188</v>
          </cell>
          <cell r="AT7120">
            <v>2017</v>
          </cell>
          <cell r="AU7120">
            <v>6</v>
          </cell>
        </row>
        <row r="7121">
          <cell r="C7121">
            <v>1.306</v>
          </cell>
          <cell r="AT7121">
            <v>2017</v>
          </cell>
          <cell r="AU7121">
            <v>6</v>
          </cell>
        </row>
        <row r="7122">
          <cell r="C7122">
            <v>1.3015000000000001</v>
          </cell>
          <cell r="AT7122">
            <v>2017</v>
          </cell>
          <cell r="AU7122">
            <v>6</v>
          </cell>
        </row>
        <row r="7123">
          <cell r="C7123">
            <v>1.2977000000000001</v>
          </cell>
          <cell r="AT7123">
            <v>2017</v>
          </cell>
          <cell r="AU7123">
            <v>7</v>
          </cell>
        </row>
        <row r="7124">
          <cell r="C7124">
            <v>1.2977000000000001</v>
          </cell>
          <cell r="AT7124">
            <v>2017</v>
          </cell>
          <cell r="AU7124">
            <v>7</v>
          </cell>
        </row>
        <row r="7125">
          <cell r="C7125">
            <v>1.2977000000000001</v>
          </cell>
          <cell r="AT7125">
            <v>2017</v>
          </cell>
          <cell r="AU7125">
            <v>7</v>
          </cell>
        </row>
        <row r="7126">
          <cell r="C7126">
            <v>1.2977000000000001</v>
          </cell>
          <cell r="AT7126">
            <v>2017</v>
          </cell>
          <cell r="AU7126">
            <v>7</v>
          </cell>
        </row>
        <row r="7127">
          <cell r="C7127">
            <v>1.2941</v>
          </cell>
          <cell r="AT7127">
            <v>2017</v>
          </cell>
          <cell r="AU7127">
            <v>7</v>
          </cell>
        </row>
        <row r="7128">
          <cell r="C7128">
            <v>1.2982</v>
          </cell>
          <cell r="AT7128">
            <v>2017</v>
          </cell>
          <cell r="AU7128">
            <v>7</v>
          </cell>
        </row>
        <row r="7129">
          <cell r="C7129">
            <v>1.2946</v>
          </cell>
          <cell r="AT7129">
            <v>2017</v>
          </cell>
          <cell r="AU7129">
            <v>7</v>
          </cell>
        </row>
        <row r="7130">
          <cell r="C7130">
            <v>1.2887</v>
          </cell>
          <cell r="AT7130">
            <v>2017</v>
          </cell>
          <cell r="AU7130">
            <v>7</v>
          </cell>
        </row>
        <row r="7131">
          <cell r="C7131">
            <v>1.2887</v>
          </cell>
          <cell r="AT7131">
            <v>2017</v>
          </cell>
          <cell r="AU7131">
            <v>7</v>
          </cell>
        </row>
        <row r="7132">
          <cell r="C7132">
            <v>1.2887</v>
          </cell>
          <cell r="AT7132">
            <v>2017</v>
          </cell>
          <cell r="AU7132">
            <v>7</v>
          </cell>
        </row>
        <row r="7133">
          <cell r="C7133">
            <v>1.2887999999999999</v>
          </cell>
          <cell r="AT7133">
            <v>2017</v>
          </cell>
          <cell r="AU7133">
            <v>7</v>
          </cell>
        </row>
        <row r="7134">
          <cell r="C7134">
            <v>1.292</v>
          </cell>
          <cell r="AT7134">
            <v>2017</v>
          </cell>
          <cell r="AU7134">
            <v>7</v>
          </cell>
        </row>
        <row r="7135">
          <cell r="C7135">
            <v>1.2794000000000001</v>
          </cell>
          <cell r="AT7135">
            <v>2017</v>
          </cell>
          <cell r="AU7135">
            <v>7</v>
          </cell>
        </row>
        <row r="7136">
          <cell r="C7136">
            <v>1.2743</v>
          </cell>
          <cell r="AT7136">
            <v>2017</v>
          </cell>
          <cell r="AU7136">
            <v>7</v>
          </cell>
        </row>
        <row r="7137">
          <cell r="C7137">
            <v>1.2672000000000001</v>
          </cell>
          <cell r="AT7137">
            <v>2017</v>
          </cell>
          <cell r="AU7137">
            <v>7</v>
          </cell>
        </row>
        <row r="7138">
          <cell r="C7138">
            <v>1.2672000000000001</v>
          </cell>
          <cell r="AT7138">
            <v>2017</v>
          </cell>
          <cell r="AU7138">
            <v>7</v>
          </cell>
        </row>
        <row r="7139">
          <cell r="C7139">
            <v>1.2672000000000001</v>
          </cell>
          <cell r="AT7139">
            <v>2017</v>
          </cell>
          <cell r="AU7139">
            <v>7</v>
          </cell>
        </row>
        <row r="7140">
          <cell r="C7140">
            <v>1.2668999999999999</v>
          </cell>
          <cell r="AT7140">
            <v>2017</v>
          </cell>
          <cell r="AU7140">
            <v>7</v>
          </cell>
        </row>
        <row r="7141">
          <cell r="C7141">
            <v>1.2627999999999999</v>
          </cell>
          <cell r="AT7141">
            <v>2017</v>
          </cell>
          <cell r="AU7141">
            <v>7</v>
          </cell>
        </row>
        <row r="7142">
          <cell r="C7142">
            <v>1.2595000000000001</v>
          </cell>
          <cell r="AT7142">
            <v>2017</v>
          </cell>
          <cell r="AU7142">
            <v>7</v>
          </cell>
        </row>
        <row r="7143">
          <cell r="C7143">
            <v>1.2585</v>
          </cell>
          <cell r="AT7143">
            <v>2017</v>
          </cell>
          <cell r="AU7143">
            <v>7</v>
          </cell>
        </row>
        <row r="7144">
          <cell r="C7144">
            <v>1.2548999999999999</v>
          </cell>
          <cell r="AT7144">
            <v>2017</v>
          </cell>
          <cell r="AU7144">
            <v>7</v>
          </cell>
        </row>
        <row r="7145">
          <cell r="C7145">
            <v>1.2548999999999999</v>
          </cell>
          <cell r="AT7145">
            <v>2017</v>
          </cell>
          <cell r="AU7145">
            <v>7</v>
          </cell>
        </row>
        <row r="7146">
          <cell r="C7146">
            <v>1.2548999999999999</v>
          </cell>
          <cell r="AT7146">
            <v>2017</v>
          </cell>
          <cell r="AU7146">
            <v>7</v>
          </cell>
        </row>
        <row r="7147">
          <cell r="C7147">
            <v>1.2512000000000001</v>
          </cell>
          <cell r="AT7147">
            <v>2017</v>
          </cell>
          <cell r="AU7147">
            <v>7</v>
          </cell>
        </row>
        <row r="7148">
          <cell r="C7148">
            <v>1.2506999999999999</v>
          </cell>
          <cell r="AT7148">
            <v>2017</v>
          </cell>
          <cell r="AU7148">
            <v>7</v>
          </cell>
        </row>
        <row r="7149">
          <cell r="C7149">
            <v>1.2504999999999999</v>
          </cell>
          <cell r="AT7149">
            <v>2017</v>
          </cell>
          <cell r="AU7149">
            <v>7</v>
          </cell>
        </row>
        <row r="7150">
          <cell r="C7150">
            <v>1.252</v>
          </cell>
          <cell r="AT7150">
            <v>2017</v>
          </cell>
          <cell r="AU7150">
            <v>7</v>
          </cell>
        </row>
        <row r="7151">
          <cell r="C7151">
            <v>1.2446999999999999</v>
          </cell>
          <cell r="AT7151">
            <v>2017</v>
          </cell>
          <cell r="AU7151">
            <v>7</v>
          </cell>
        </row>
        <row r="7152">
          <cell r="C7152">
            <v>1.2446999999999999</v>
          </cell>
          <cell r="AT7152">
            <v>2017</v>
          </cell>
          <cell r="AU7152">
            <v>7</v>
          </cell>
        </row>
        <row r="7153">
          <cell r="C7153">
            <v>1.2446999999999999</v>
          </cell>
          <cell r="AT7153">
            <v>2017</v>
          </cell>
          <cell r="AU7153">
            <v>7</v>
          </cell>
        </row>
        <row r="7154">
          <cell r="C7154">
            <v>1.2484999999999999</v>
          </cell>
          <cell r="AT7154">
            <v>2017</v>
          </cell>
          <cell r="AU7154">
            <v>8</v>
          </cell>
        </row>
        <row r="7155">
          <cell r="C7155">
            <v>1.2514000000000001</v>
          </cell>
          <cell r="AT7155">
            <v>2017</v>
          </cell>
          <cell r="AU7155">
            <v>8</v>
          </cell>
        </row>
        <row r="7156">
          <cell r="C7156">
            <v>1.256</v>
          </cell>
          <cell r="AT7156">
            <v>2017</v>
          </cell>
          <cell r="AU7156">
            <v>8</v>
          </cell>
        </row>
        <row r="7157">
          <cell r="C7157">
            <v>1.2578</v>
          </cell>
          <cell r="AT7157">
            <v>2017</v>
          </cell>
          <cell r="AU7157">
            <v>8</v>
          </cell>
        </row>
        <row r="7158">
          <cell r="C7158">
            <v>1.2638</v>
          </cell>
          <cell r="AT7158">
            <v>2017</v>
          </cell>
          <cell r="AU7158">
            <v>8</v>
          </cell>
        </row>
        <row r="7159">
          <cell r="C7159">
            <v>1.2638</v>
          </cell>
          <cell r="AT7159">
            <v>2017</v>
          </cell>
          <cell r="AU7159">
            <v>8</v>
          </cell>
        </row>
        <row r="7160">
          <cell r="C7160">
            <v>1.2638</v>
          </cell>
          <cell r="AT7160">
            <v>2017</v>
          </cell>
          <cell r="AU7160">
            <v>8</v>
          </cell>
        </row>
        <row r="7161">
          <cell r="C7161">
            <v>1.2638</v>
          </cell>
          <cell r="AT7161">
            <v>2017</v>
          </cell>
          <cell r="AU7161">
            <v>8</v>
          </cell>
        </row>
        <row r="7162">
          <cell r="C7162">
            <v>1.2672000000000001</v>
          </cell>
          <cell r="AT7162">
            <v>2017</v>
          </cell>
          <cell r="AU7162">
            <v>8</v>
          </cell>
        </row>
        <row r="7163">
          <cell r="C7163">
            <v>1.2705</v>
          </cell>
          <cell r="AT7163">
            <v>2017</v>
          </cell>
          <cell r="AU7163">
            <v>8</v>
          </cell>
        </row>
        <row r="7164">
          <cell r="C7164">
            <v>1.2710999999999999</v>
          </cell>
          <cell r="AT7164">
            <v>2017</v>
          </cell>
          <cell r="AU7164">
            <v>8</v>
          </cell>
        </row>
        <row r="7165">
          <cell r="C7165">
            <v>1.2685</v>
          </cell>
          <cell r="AT7165">
            <v>2017</v>
          </cell>
          <cell r="AU7165">
            <v>8</v>
          </cell>
        </row>
        <row r="7166">
          <cell r="C7166">
            <v>1.2685</v>
          </cell>
          <cell r="AT7166">
            <v>2017</v>
          </cell>
          <cell r="AU7166">
            <v>8</v>
          </cell>
        </row>
        <row r="7167">
          <cell r="C7167">
            <v>1.2685</v>
          </cell>
          <cell r="AT7167">
            <v>2017</v>
          </cell>
          <cell r="AU7167">
            <v>8</v>
          </cell>
        </row>
        <row r="7168">
          <cell r="C7168">
            <v>1.2705</v>
          </cell>
          <cell r="AT7168">
            <v>2017</v>
          </cell>
          <cell r="AU7168">
            <v>8</v>
          </cell>
        </row>
        <row r="7169">
          <cell r="C7169">
            <v>1.2755000000000001</v>
          </cell>
          <cell r="AT7169">
            <v>2017</v>
          </cell>
          <cell r="AU7169">
            <v>8</v>
          </cell>
        </row>
        <row r="7170">
          <cell r="C7170">
            <v>1.2699</v>
          </cell>
          <cell r="AT7170">
            <v>2017</v>
          </cell>
          <cell r="AU7170">
            <v>8</v>
          </cell>
        </row>
        <row r="7171">
          <cell r="C7171">
            <v>1.2646999999999999</v>
          </cell>
          <cell r="AT7171">
            <v>2017</v>
          </cell>
          <cell r="AU7171">
            <v>8</v>
          </cell>
        </row>
        <row r="7172">
          <cell r="C7172">
            <v>1.2585999999999999</v>
          </cell>
          <cell r="AT7172">
            <v>2017</v>
          </cell>
          <cell r="AU7172">
            <v>8</v>
          </cell>
        </row>
        <row r="7173">
          <cell r="C7173">
            <v>1.2585999999999999</v>
          </cell>
          <cell r="AT7173">
            <v>2017</v>
          </cell>
          <cell r="AU7173">
            <v>8</v>
          </cell>
        </row>
        <row r="7174">
          <cell r="C7174">
            <v>1.2585999999999999</v>
          </cell>
          <cell r="AT7174">
            <v>2017</v>
          </cell>
          <cell r="AU7174">
            <v>8</v>
          </cell>
        </row>
        <row r="7175">
          <cell r="C7175">
            <v>1.2575000000000001</v>
          </cell>
          <cell r="AT7175">
            <v>2017</v>
          </cell>
          <cell r="AU7175">
            <v>8</v>
          </cell>
        </row>
        <row r="7176">
          <cell r="C7176">
            <v>1.2552000000000001</v>
          </cell>
          <cell r="AT7176">
            <v>2017</v>
          </cell>
          <cell r="AU7176">
            <v>8</v>
          </cell>
        </row>
        <row r="7177">
          <cell r="C7177">
            <v>1.2564</v>
          </cell>
          <cell r="AT7177">
            <v>2017</v>
          </cell>
          <cell r="AU7177">
            <v>8</v>
          </cell>
        </row>
        <row r="7178">
          <cell r="C7178">
            <v>1.2528999999999999</v>
          </cell>
          <cell r="AT7178">
            <v>2017</v>
          </cell>
          <cell r="AU7178">
            <v>8</v>
          </cell>
        </row>
        <row r="7179">
          <cell r="C7179">
            <v>1.2492000000000001</v>
          </cell>
          <cell r="AT7179">
            <v>2017</v>
          </cell>
          <cell r="AU7179">
            <v>8</v>
          </cell>
        </row>
        <row r="7180">
          <cell r="C7180">
            <v>1.2492000000000001</v>
          </cell>
          <cell r="AT7180">
            <v>2017</v>
          </cell>
          <cell r="AU7180">
            <v>8</v>
          </cell>
        </row>
        <row r="7181">
          <cell r="C7181">
            <v>1.2492000000000001</v>
          </cell>
          <cell r="AT7181">
            <v>2017</v>
          </cell>
          <cell r="AU7181">
            <v>8</v>
          </cell>
        </row>
        <row r="7182">
          <cell r="C7182">
            <v>1.2482</v>
          </cell>
          <cell r="AT7182">
            <v>2017</v>
          </cell>
          <cell r="AU7182">
            <v>8</v>
          </cell>
        </row>
        <row r="7183">
          <cell r="C7183">
            <v>1.2515000000000001</v>
          </cell>
          <cell r="AT7183">
            <v>2017</v>
          </cell>
          <cell r="AU7183">
            <v>8</v>
          </cell>
        </row>
        <row r="7184">
          <cell r="C7184">
            <v>1.2605</v>
          </cell>
          <cell r="AT7184">
            <v>2017</v>
          </cell>
          <cell r="AU7184">
            <v>8</v>
          </cell>
        </row>
        <row r="7185">
          <cell r="C7185">
            <v>1.2536</v>
          </cell>
          <cell r="AT7185">
            <v>2017</v>
          </cell>
          <cell r="AU7185">
            <v>9</v>
          </cell>
        </row>
        <row r="7186">
          <cell r="C7186">
            <v>1.2390000000000001</v>
          </cell>
          <cell r="AT7186">
            <v>2017</v>
          </cell>
          <cell r="AU7186">
            <v>9</v>
          </cell>
        </row>
        <row r="7187">
          <cell r="C7187">
            <v>1.2390000000000001</v>
          </cell>
          <cell r="AT7187">
            <v>2017</v>
          </cell>
          <cell r="AU7187">
            <v>9</v>
          </cell>
        </row>
        <row r="7188">
          <cell r="C7188">
            <v>1.2390000000000001</v>
          </cell>
          <cell r="AT7188">
            <v>2017</v>
          </cell>
          <cell r="AU7188">
            <v>9</v>
          </cell>
        </row>
        <row r="7189">
          <cell r="C7189">
            <v>1.2390000000000001</v>
          </cell>
          <cell r="AT7189">
            <v>2017</v>
          </cell>
          <cell r="AU7189">
            <v>9</v>
          </cell>
        </row>
        <row r="7190">
          <cell r="C7190">
            <v>1.2371000000000001</v>
          </cell>
          <cell r="AT7190">
            <v>2017</v>
          </cell>
          <cell r="AU7190">
            <v>9</v>
          </cell>
        </row>
        <row r="7191">
          <cell r="C7191">
            <v>1.2263999999999999</v>
          </cell>
          <cell r="AT7191">
            <v>2017</v>
          </cell>
          <cell r="AU7191">
            <v>9</v>
          </cell>
        </row>
        <row r="7192">
          <cell r="C7192">
            <v>1.2148000000000001</v>
          </cell>
          <cell r="AT7192">
            <v>2017</v>
          </cell>
          <cell r="AU7192">
            <v>9</v>
          </cell>
        </row>
        <row r="7193">
          <cell r="C7193">
            <v>1.2132000000000001</v>
          </cell>
          <cell r="AT7193">
            <v>2017</v>
          </cell>
          <cell r="AU7193">
            <v>9</v>
          </cell>
        </row>
        <row r="7194">
          <cell r="C7194">
            <v>1.2132000000000001</v>
          </cell>
          <cell r="AT7194">
            <v>2017</v>
          </cell>
          <cell r="AU7194">
            <v>9</v>
          </cell>
        </row>
        <row r="7195">
          <cell r="C7195">
            <v>1.2132000000000001</v>
          </cell>
          <cell r="AT7195">
            <v>2017</v>
          </cell>
          <cell r="AU7195">
            <v>9</v>
          </cell>
        </row>
        <row r="7196">
          <cell r="C7196">
            <v>1.2128000000000001</v>
          </cell>
          <cell r="AT7196">
            <v>2017</v>
          </cell>
          <cell r="AU7196">
            <v>9</v>
          </cell>
        </row>
        <row r="7197">
          <cell r="C7197">
            <v>1.2159</v>
          </cell>
          <cell r="AT7197">
            <v>2017</v>
          </cell>
          <cell r="AU7197">
            <v>9</v>
          </cell>
        </row>
        <row r="7198">
          <cell r="C7198">
            <v>1.2186999999999999</v>
          </cell>
          <cell r="AT7198">
            <v>2017</v>
          </cell>
          <cell r="AU7198">
            <v>9</v>
          </cell>
        </row>
        <row r="7199">
          <cell r="C7199">
            <v>1.2198</v>
          </cell>
          <cell r="AT7199">
            <v>2017</v>
          </cell>
          <cell r="AU7199">
            <v>9</v>
          </cell>
        </row>
        <row r="7200">
          <cell r="C7200">
            <v>1.2181999999999999</v>
          </cell>
          <cell r="AT7200">
            <v>2017</v>
          </cell>
          <cell r="AU7200">
            <v>9</v>
          </cell>
        </row>
        <row r="7201">
          <cell r="C7201">
            <v>1.2181999999999999</v>
          </cell>
          <cell r="AT7201">
            <v>2017</v>
          </cell>
          <cell r="AU7201">
            <v>9</v>
          </cell>
        </row>
        <row r="7202">
          <cell r="C7202">
            <v>1.2181999999999999</v>
          </cell>
          <cell r="AT7202">
            <v>2017</v>
          </cell>
          <cell r="AU7202">
            <v>9</v>
          </cell>
        </row>
        <row r="7203">
          <cell r="C7203">
            <v>1.2238</v>
          </cell>
          <cell r="AT7203">
            <v>2017</v>
          </cell>
          <cell r="AU7203">
            <v>9</v>
          </cell>
        </row>
        <row r="7204">
          <cell r="C7204">
            <v>1.2277</v>
          </cell>
          <cell r="AT7204">
            <v>2017</v>
          </cell>
          <cell r="AU7204">
            <v>9</v>
          </cell>
        </row>
        <row r="7205">
          <cell r="C7205">
            <v>1.2273000000000001</v>
          </cell>
          <cell r="AT7205">
            <v>2017</v>
          </cell>
          <cell r="AU7205">
            <v>9</v>
          </cell>
        </row>
        <row r="7206">
          <cell r="C7206">
            <v>1.2339</v>
          </cell>
          <cell r="AT7206">
            <v>2017</v>
          </cell>
          <cell r="AU7206">
            <v>9</v>
          </cell>
        </row>
        <row r="7207">
          <cell r="C7207">
            <v>1.2317</v>
          </cell>
          <cell r="AT7207">
            <v>2017</v>
          </cell>
          <cell r="AU7207">
            <v>9</v>
          </cell>
        </row>
        <row r="7208">
          <cell r="C7208">
            <v>1.2317</v>
          </cell>
          <cell r="AT7208">
            <v>2017</v>
          </cell>
          <cell r="AU7208">
            <v>9</v>
          </cell>
        </row>
        <row r="7209">
          <cell r="C7209">
            <v>1.2317</v>
          </cell>
          <cell r="AT7209">
            <v>2017</v>
          </cell>
          <cell r="AU7209">
            <v>9</v>
          </cell>
        </row>
        <row r="7210">
          <cell r="C7210">
            <v>1.2341</v>
          </cell>
          <cell r="AT7210">
            <v>2017</v>
          </cell>
          <cell r="AU7210">
            <v>9</v>
          </cell>
        </row>
        <row r="7211">
          <cell r="C7211">
            <v>1.2370000000000001</v>
          </cell>
          <cell r="AT7211">
            <v>2017</v>
          </cell>
          <cell r="AU7211">
            <v>9</v>
          </cell>
        </row>
        <row r="7212">
          <cell r="C7212">
            <v>1.2412000000000001</v>
          </cell>
          <cell r="AT7212">
            <v>2017</v>
          </cell>
          <cell r="AU7212">
            <v>9</v>
          </cell>
        </row>
        <row r="7213">
          <cell r="C7213">
            <v>1.2450000000000001</v>
          </cell>
          <cell r="AT7213">
            <v>2017</v>
          </cell>
          <cell r="AU7213">
            <v>9</v>
          </cell>
        </row>
        <row r="7214">
          <cell r="C7214">
            <v>1.248</v>
          </cell>
          <cell r="AT7214">
            <v>2017</v>
          </cell>
          <cell r="AU7214">
            <v>9</v>
          </cell>
        </row>
        <row r="7215">
          <cell r="C7215">
            <v>1.248</v>
          </cell>
          <cell r="AT7215">
            <v>2017</v>
          </cell>
          <cell r="AU7215">
            <v>10</v>
          </cell>
        </row>
        <row r="7216">
          <cell r="C7216">
            <v>1.248</v>
          </cell>
          <cell r="AT7216">
            <v>2017</v>
          </cell>
          <cell r="AU7216">
            <v>10</v>
          </cell>
        </row>
        <row r="7217">
          <cell r="C7217">
            <v>1.2504999999999999</v>
          </cell>
          <cell r="AT7217">
            <v>2017</v>
          </cell>
          <cell r="AU7217">
            <v>10</v>
          </cell>
        </row>
        <row r="7218">
          <cell r="C7218">
            <v>1.25</v>
          </cell>
          <cell r="AT7218">
            <v>2017</v>
          </cell>
          <cell r="AU7218">
            <v>10</v>
          </cell>
        </row>
        <row r="7219">
          <cell r="C7219">
            <v>1.2479</v>
          </cell>
          <cell r="AT7219">
            <v>2017</v>
          </cell>
          <cell r="AU7219">
            <v>10</v>
          </cell>
        </row>
        <row r="7220">
          <cell r="C7220">
            <v>1.2547999999999999</v>
          </cell>
          <cell r="AT7220">
            <v>2017</v>
          </cell>
          <cell r="AU7220">
            <v>10</v>
          </cell>
        </row>
        <row r="7221">
          <cell r="C7221">
            <v>1.2548999999999999</v>
          </cell>
          <cell r="AT7221">
            <v>2017</v>
          </cell>
          <cell r="AU7221">
            <v>10</v>
          </cell>
        </row>
        <row r="7222">
          <cell r="C7222">
            <v>1.2548999999999999</v>
          </cell>
          <cell r="AT7222">
            <v>2017</v>
          </cell>
          <cell r="AU7222">
            <v>10</v>
          </cell>
        </row>
        <row r="7223">
          <cell r="C7223">
            <v>1.2548999999999999</v>
          </cell>
          <cell r="AT7223">
            <v>2017</v>
          </cell>
          <cell r="AU7223">
            <v>10</v>
          </cell>
        </row>
        <row r="7224">
          <cell r="C7224">
            <v>1.2548999999999999</v>
          </cell>
          <cell r="AT7224">
            <v>2017</v>
          </cell>
          <cell r="AU7224">
            <v>10</v>
          </cell>
        </row>
        <row r="7225">
          <cell r="C7225">
            <v>1.2501</v>
          </cell>
          <cell r="AT7225">
            <v>2017</v>
          </cell>
          <cell r="AU7225">
            <v>10</v>
          </cell>
        </row>
        <row r="7226">
          <cell r="C7226">
            <v>1.2498</v>
          </cell>
          <cell r="AT7226">
            <v>2017</v>
          </cell>
          <cell r="AU7226">
            <v>10</v>
          </cell>
        </row>
        <row r="7227">
          <cell r="C7227">
            <v>1.2472000000000001</v>
          </cell>
          <cell r="AT7227">
            <v>2017</v>
          </cell>
          <cell r="AU7227">
            <v>10</v>
          </cell>
        </row>
        <row r="7228">
          <cell r="C7228">
            <v>1.2486999999999999</v>
          </cell>
          <cell r="AT7228">
            <v>2017</v>
          </cell>
          <cell r="AU7228">
            <v>10</v>
          </cell>
        </row>
        <row r="7229">
          <cell r="C7229">
            <v>1.2486999999999999</v>
          </cell>
          <cell r="AT7229">
            <v>2017</v>
          </cell>
          <cell r="AU7229">
            <v>10</v>
          </cell>
        </row>
        <row r="7230">
          <cell r="C7230">
            <v>1.2486999999999999</v>
          </cell>
          <cell r="AT7230">
            <v>2017</v>
          </cell>
          <cell r="AU7230">
            <v>10</v>
          </cell>
        </row>
        <row r="7231">
          <cell r="C7231">
            <v>1.2528999999999999</v>
          </cell>
          <cell r="AT7231">
            <v>2017</v>
          </cell>
          <cell r="AU7231">
            <v>10</v>
          </cell>
        </row>
        <row r="7232">
          <cell r="C7232">
            <v>1.2547999999999999</v>
          </cell>
          <cell r="AT7232">
            <v>2017</v>
          </cell>
          <cell r="AU7232">
            <v>10</v>
          </cell>
        </row>
        <row r="7233">
          <cell r="C7233">
            <v>1.2485999999999999</v>
          </cell>
          <cell r="AT7233">
            <v>2017</v>
          </cell>
          <cell r="AU7233">
            <v>10</v>
          </cell>
        </row>
        <row r="7234">
          <cell r="C7234">
            <v>1.2478</v>
          </cell>
          <cell r="AT7234">
            <v>2017</v>
          </cell>
          <cell r="AU7234">
            <v>10</v>
          </cell>
        </row>
        <row r="7235">
          <cell r="C7235">
            <v>1.2601</v>
          </cell>
          <cell r="AT7235">
            <v>2017</v>
          </cell>
          <cell r="AU7235">
            <v>10</v>
          </cell>
        </row>
        <row r="7236">
          <cell r="C7236">
            <v>1.2601</v>
          </cell>
          <cell r="AT7236">
            <v>2017</v>
          </cell>
          <cell r="AU7236">
            <v>10</v>
          </cell>
        </row>
        <row r="7237">
          <cell r="C7237">
            <v>1.2601</v>
          </cell>
          <cell r="AT7237">
            <v>2017</v>
          </cell>
          <cell r="AU7237">
            <v>10</v>
          </cell>
        </row>
        <row r="7238">
          <cell r="C7238">
            <v>1.2644</v>
          </cell>
          <cell r="AT7238">
            <v>2017</v>
          </cell>
          <cell r="AU7238">
            <v>10</v>
          </cell>
        </row>
        <row r="7239">
          <cell r="C7239">
            <v>1.2665999999999999</v>
          </cell>
          <cell r="AT7239">
            <v>2017</v>
          </cell>
          <cell r="AU7239">
            <v>10</v>
          </cell>
        </row>
        <row r="7240">
          <cell r="C7240">
            <v>1.2770999999999999</v>
          </cell>
          <cell r="AT7240">
            <v>2017</v>
          </cell>
          <cell r="AU7240">
            <v>10</v>
          </cell>
        </row>
        <row r="7241">
          <cell r="C7241">
            <v>1.2830999999999999</v>
          </cell>
          <cell r="AT7241">
            <v>2017</v>
          </cell>
          <cell r="AU7241">
            <v>10</v>
          </cell>
        </row>
        <row r="7242">
          <cell r="C7242">
            <v>1.2874000000000001</v>
          </cell>
          <cell r="AT7242">
            <v>2017</v>
          </cell>
          <cell r="AU7242">
            <v>10</v>
          </cell>
        </row>
        <row r="7243">
          <cell r="C7243">
            <v>1.2874000000000001</v>
          </cell>
          <cell r="AT7243">
            <v>2017</v>
          </cell>
          <cell r="AU7243">
            <v>10</v>
          </cell>
        </row>
        <row r="7244">
          <cell r="C7244">
            <v>1.2874000000000001</v>
          </cell>
          <cell r="AT7244">
            <v>2017</v>
          </cell>
          <cell r="AU7244">
            <v>10</v>
          </cell>
        </row>
        <row r="7245">
          <cell r="C7245">
            <v>1.2837000000000001</v>
          </cell>
          <cell r="AT7245">
            <v>2017</v>
          </cell>
          <cell r="AU7245">
            <v>10</v>
          </cell>
        </row>
        <row r="7246">
          <cell r="C7246">
            <v>1.2892999999999999</v>
          </cell>
          <cell r="AT7246">
            <v>2017</v>
          </cell>
          <cell r="AU7246">
            <v>11</v>
          </cell>
        </row>
        <row r="7247">
          <cell r="C7247">
            <v>1.2885</v>
          </cell>
          <cell r="AT7247">
            <v>2017</v>
          </cell>
          <cell r="AU7247">
            <v>11</v>
          </cell>
        </row>
        <row r="7248">
          <cell r="C7248">
            <v>1.2822</v>
          </cell>
          <cell r="AT7248">
            <v>2017</v>
          </cell>
          <cell r="AU7248">
            <v>11</v>
          </cell>
        </row>
        <row r="7249">
          <cell r="C7249">
            <v>1.2764</v>
          </cell>
          <cell r="AT7249">
            <v>2017</v>
          </cell>
          <cell r="AU7249">
            <v>11</v>
          </cell>
        </row>
        <row r="7250">
          <cell r="C7250">
            <v>1.2764</v>
          </cell>
          <cell r="AT7250">
            <v>2017</v>
          </cell>
          <cell r="AU7250">
            <v>11</v>
          </cell>
        </row>
        <row r="7251">
          <cell r="C7251">
            <v>1.2764</v>
          </cell>
          <cell r="AT7251">
            <v>2017</v>
          </cell>
          <cell r="AU7251">
            <v>11</v>
          </cell>
        </row>
        <row r="7252">
          <cell r="C7252">
            <v>1.2746</v>
          </cell>
          <cell r="AT7252">
            <v>2017</v>
          </cell>
          <cell r="AU7252">
            <v>11</v>
          </cell>
        </row>
        <row r="7253">
          <cell r="C7253">
            <v>1.2785</v>
          </cell>
          <cell r="AT7253">
            <v>2017</v>
          </cell>
          <cell r="AU7253">
            <v>11</v>
          </cell>
        </row>
        <row r="7254">
          <cell r="C7254">
            <v>1.2728999999999999</v>
          </cell>
          <cell r="AT7254">
            <v>2017</v>
          </cell>
          <cell r="AU7254">
            <v>11</v>
          </cell>
        </row>
        <row r="7255">
          <cell r="C7255">
            <v>1.2692000000000001</v>
          </cell>
          <cell r="AT7255">
            <v>2017</v>
          </cell>
          <cell r="AU7255">
            <v>11</v>
          </cell>
        </row>
        <row r="7256">
          <cell r="C7256">
            <v>1.2683</v>
          </cell>
          <cell r="AT7256">
            <v>2017</v>
          </cell>
          <cell r="AU7256">
            <v>11</v>
          </cell>
        </row>
        <row r="7257">
          <cell r="C7257">
            <v>1.2683</v>
          </cell>
          <cell r="AT7257">
            <v>2017</v>
          </cell>
          <cell r="AU7257">
            <v>11</v>
          </cell>
        </row>
        <row r="7258">
          <cell r="C7258">
            <v>1.2683</v>
          </cell>
          <cell r="AT7258">
            <v>2017</v>
          </cell>
          <cell r="AU7258">
            <v>11</v>
          </cell>
        </row>
      </sheetData>
      <sheetData sheetId="3" refreshError="1"/>
      <sheetData sheetId="4"/>
      <sheetData sheetId="5" refreshError="1"/>
      <sheetData sheetId="6" refreshError="1"/>
      <sheetData sheetId="7" refreshError="1"/>
      <sheetData sheetId="8" refreshError="1"/>
      <sheetData sheetId="9" refreshError="1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822BA0A-DEF4-4707-A5BB-8D1B1C5DDDA0}">
  <sheetPr>
    <tabColor theme="7" tint="-0.499984740745262"/>
  </sheetPr>
  <dimension ref="A2:XFD283"/>
  <sheetViews>
    <sheetView tabSelected="1" zoomScaleNormal="100" workbookViewId="0">
      <pane xSplit="8" ySplit="3" topLeftCell="I48" activePane="bottomRight" state="frozen"/>
      <selection pane="topRight" activeCell="F1" sqref="F1"/>
      <selection pane="bottomLeft" activeCell="A5" sqref="A5"/>
      <selection pane="bottomRight" activeCell="I4" sqref="I4"/>
    </sheetView>
  </sheetViews>
  <sheetFormatPr defaultColWidth="0" defaultRowHeight="15"/>
  <cols>
    <col min="1" max="3" width="2.7109375" style="7" hidden="1" customWidth="1"/>
    <col min="4" max="4" width="9.140625" style="7" customWidth="1"/>
    <col min="5" max="5" width="45" style="7" customWidth="1"/>
    <col min="6" max="6" width="11.85546875" style="7" customWidth="1"/>
    <col min="7" max="7" width="11.7109375" style="7" customWidth="1"/>
    <col min="8" max="8" width="11" style="7" customWidth="1"/>
    <col min="9" max="9" width="2.7109375" style="7" customWidth="1"/>
    <col min="10" max="14" width="9.140625" style="7" customWidth="1"/>
    <col min="15" max="17" width="9.85546875" style="7" bestFit="1" customWidth="1"/>
    <col min="18" max="18" width="12.85546875" style="7" bestFit="1" customWidth="1"/>
    <col min="19" max="19" width="10.140625" style="7" customWidth="1"/>
    <col min="20" max="25" width="9.85546875" style="7" bestFit="1" customWidth="1"/>
    <col min="26" max="28" width="9.140625" style="7" customWidth="1"/>
    <col min="29" max="29" width="9.85546875" style="7" bestFit="1" customWidth="1"/>
    <col min="30" max="48" width="9.140625" style="7" customWidth="1"/>
    <col min="49" max="49" width="10.85546875" style="7" bestFit="1" customWidth="1"/>
    <col min="50" max="58" width="9.140625" style="7" customWidth="1"/>
    <col min="59" max="59" width="9.85546875" style="7" bestFit="1" customWidth="1"/>
    <col min="60" max="68" width="9.140625" style="7" customWidth="1"/>
    <col min="69" max="69" width="10.7109375" style="7" customWidth="1"/>
    <col min="70" max="16384" width="9.140625" style="7" hidden="1"/>
  </cols>
  <sheetData>
    <row r="2" spans="4:16384">
      <c r="E2" s="14"/>
      <c r="F2" s="14"/>
      <c r="G2" s="14"/>
      <c r="H2" s="14"/>
      <c r="I2" s="14"/>
      <c r="J2" s="1">
        <v>2024</v>
      </c>
      <c r="K2" s="1">
        <f>J2+1</f>
        <v>2025</v>
      </c>
      <c r="L2" s="1">
        <f t="shared" ref="L2:BQ2" si="0">K2+1</f>
        <v>2026</v>
      </c>
      <c r="M2" s="1">
        <f t="shared" si="0"/>
        <v>2027</v>
      </c>
      <c r="N2" s="1">
        <f t="shared" si="0"/>
        <v>2028</v>
      </c>
      <c r="O2" s="1">
        <f t="shared" si="0"/>
        <v>2029</v>
      </c>
      <c r="P2" s="1">
        <f t="shared" si="0"/>
        <v>2030</v>
      </c>
      <c r="Q2" s="1">
        <f t="shared" si="0"/>
        <v>2031</v>
      </c>
      <c r="R2" s="1">
        <f t="shared" si="0"/>
        <v>2032</v>
      </c>
      <c r="S2" s="1">
        <f t="shared" si="0"/>
        <v>2033</v>
      </c>
      <c r="T2" s="1">
        <f t="shared" si="0"/>
        <v>2034</v>
      </c>
      <c r="U2" s="1">
        <f t="shared" si="0"/>
        <v>2035</v>
      </c>
      <c r="V2" s="1">
        <f t="shared" si="0"/>
        <v>2036</v>
      </c>
      <c r="W2" s="1">
        <f t="shared" si="0"/>
        <v>2037</v>
      </c>
      <c r="X2" s="1">
        <f t="shared" si="0"/>
        <v>2038</v>
      </c>
      <c r="Y2" s="1">
        <f t="shared" si="0"/>
        <v>2039</v>
      </c>
      <c r="Z2" s="1">
        <f t="shared" si="0"/>
        <v>2040</v>
      </c>
      <c r="AA2" s="1">
        <f t="shared" si="0"/>
        <v>2041</v>
      </c>
      <c r="AB2" s="1">
        <f t="shared" si="0"/>
        <v>2042</v>
      </c>
      <c r="AC2" s="1">
        <f t="shared" si="0"/>
        <v>2043</v>
      </c>
      <c r="AD2" s="1">
        <f t="shared" si="0"/>
        <v>2044</v>
      </c>
      <c r="AE2" s="1">
        <f t="shared" si="0"/>
        <v>2045</v>
      </c>
      <c r="AF2" s="1">
        <f t="shared" si="0"/>
        <v>2046</v>
      </c>
      <c r="AG2" s="1">
        <f t="shared" si="0"/>
        <v>2047</v>
      </c>
      <c r="AH2" s="1">
        <f t="shared" si="0"/>
        <v>2048</v>
      </c>
      <c r="AI2" s="1">
        <f t="shared" si="0"/>
        <v>2049</v>
      </c>
      <c r="AJ2" s="1">
        <f t="shared" si="0"/>
        <v>2050</v>
      </c>
      <c r="AK2" s="1">
        <f t="shared" si="0"/>
        <v>2051</v>
      </c>
      <c r="AL2" s="1">
        <f t="shared" si="0"/>
        <v>2052</v>
      </c>
      <c r="AM2" s="1">
        <f t="shared" si="0"/>
        <v>2053</v>
      </c>
      <c r="AN2" s="1">
        <f t="shared" si="0"/>
        <v>2054</v>
      </c>
      <c r="AO2" s="1">
        <f t="shared" si="0"/>
        <v>2055</v>
      </c>
      <c r="AP2" s="1">
        <f t="shared" si="0"/>
        <v>2056</v>
      </c>
      <c r="AQ2" s="1">
        <f t="shared" si="0"/>
        <v>2057</v>
      </c>
      <c r="AR2" s="1">
        <f t="shared" si="0"/>
        <v>2058</v>
      </c>
      <c r="AS2" s="1">
        <f t="shared" si="0"/>
        <v>2059</v>
      </c>
      <c r="AT2" s="1">
        <f t="shared" si="0"/>
        <v>2060</v>
      </c>
      <c r="AU2" s="1">
        <f t="shared" si="0"/>
        <v>2061</v>
      </c>
      <c r="AV2" s="1">
        <f t="shared" si="0"/>
        <v>2062</v>
      </c>
      <c r="AW2" s="1">
        <f t="shared" si="0"/>
        <v>2063</v>
      </c>
      <c r="AX2" s="1">
        <f t="shared" si="0"/>
        <v>2064</v>
      </c>
      <c r="AY2" s="1">
        <f t="shared" si="0"/>
        <v>2065</v>
      </c>
      <c r="AZ2" s="1">
        <f t="shared" si="0"/>
        <v>2066</v>
      </c>
      <c r="BA2" s="1">
        <f t="shared" si="0"/>
        <v>2067</v>
      </c>
      <c r="BB2" s="1">
        <f t="shared" si="0"/>
        <v>2068</v>
      </c>
      <c r="BC2" s="1">
        <f t="shared" si="0"/>
        <v>2069</v>
      </c>
      <c r="BD2" s="1">
        <f t="shared" si="0"/>
        <v>2070</v>
      </c>
      <c r="BE2" s="1">
        <f t="shared" si="0"/>
        <v>2071</v>
      </c>
      <c r="BF2" s="1">
        <f t="shared" si="0"/>
        <v>2072</v>
      </c>
      <c r="BG2" s="1">
        <f t="shared" si="0"/>
        <v>2073</v>
      </c>
      <c r="BH2" s="1">
        <f t="shared" si="0"/>
        <v>2074</v>
      </c>
      <c r="BI2" s="1">
        <f t="shared" si="0"/>
        <v>2075</v>
      </c>
      <c r="BJ2" s="1">
        <f t="shared" si="0"/>
        <v>2076</v>
      </c>
      <c r="BK2" s="1">
        <f t="shared" si="0"/>
        <v>2077</v>
      </c>
      <c r="BL2" s="1">
        <f t="shared" si="0"/>
        <v>2078</v>
      </c>
      <c r="BM2" s="1">
        <f t="shared" si="0"/>
        <v>2079</v>
      </c>
      <c r="BN2" s="1">
        <f t="shared" si="0"/>
        <v>2080</v>
      </c>
      <c r="BO2" s="1">
        <f t="shared" si="0"/>
        <v>2081</v>
      </c>
      <c r="BP2" s="1">
        <f t="shared" si="0"/>
        <v>2082</v>
      </c>
      <c r="BQ2" s="1">
        <f t="shared" si="0"/>
        <v>2083</v>
      </c>
    </row>
    <row r="3" spans="4:16384">
      <c r="E3" s="7" t="s">
        <v>0</v>
      </c>
      <c r="F3" s="6" t="s">
        <v>1</v>
      </c>
      <c r="G3" s="2" t="s">
        <v>2</v>
      </c>
      <c r="H3" s="2" t="s">
        <v>3</v>
      </c>
      <c r="J3" s="7">
        <v>1</v>
      </c>
      <c r="K3" s="7">
        <v>2</v>
      </c>
      <c r="L3" s="7">
        <v>3</v>
      </c>
      <c r="M3" s="7">
        <v>4</v>
      </c>
      <c r="N3" s="7">
        <v>5</v>
      </c>
      <c r="O3" s="7">
        <v>6</v>
      </c>
      <c r="P3" s="7">
        <v>7</v>
      </c>
      <c r="Q3" s="7">
        <v>8</v>
      </c>
      <c r="R3" s="7">
        <v>9</v>
      </c>
      <c r="S3" s="7">
        <v>10</v>
      </c>
      <c r="T3" s="7">
        <v>11</v>
      </c>
      <c r="U3" s="7">
        <v>12</v>
      </c>
      <c r="V3" s="7">
        <v>13</v>
      </c>
      <c r="W3" s="7">
        <v>14</v>
      </c>
      <c r="X3" s="7">
        <v>15</v>
      </c>
      <c r="Y3" s="7">
        <v>16</v>
      </c>
      <c r="Z3" s="7">
        <v>17</v>
      </c>
      <c r="AA3" s="7">
        <v>18</v>
      </c>
      <c r="AB3" s="7">
        <v>19</v>
      </c>
      <c r="AC3" s="7">
        <v>20</v>
      </c>
      <c r="AD3" s="7">
        <v>21</v>
      </c>
      <c r="AE3" s="7">
        <v>22</v>
      </c>
      <c r="AF3" s="7">
        <v>23</v>
      </c>
      <c r="AG3" s="7">
        <v>24</v>
      </c>
      <c r="AH3" s="7">
        <v>25</v>
      </c>
      <c r="AI3" s="7">
        <v>26</v>
      </c>
      <c r="AJ3" s="7">
        <v>27</v>
      </c>
      <c r="AK3" s="7">
        <v>28</v>
      </c>
      <c r="AL3" s="7">
        <v>29</v>
      </c>
      <c r="AM3" s="7">
        <v>30</v>
      </c>
      <c r="AN3" s="7">
        <v>31</v>
      </c>
      <c r="AO3" s="7">
        <v>32</v>
      </c>
      <c r="AP3" s="7">
        <v>33</v>
      </c>
      <c r="AQ3" s="7">
        <v>34</v>
      </c>
      <c r="AR3" s="7">
        <v>35</v>
      </c>
      <c r="AS3" s="7">
        <v>36</v>
      </c>
      <c r="AT3" s="7">
        <v>37</v>
      </c>
      <c r="AU3" s="7">
        <v>38</v>
      </c>
      <c r="AV3" s="7">
        <v>39</v>
      </c>
      <c r="AW3" s="7">
        <v>40</v>
      </c>
      <c r="AX3" s="7">
        <v>41</v>
      </c>
      <c r="AY3" s="7">
        <v>42</v>
      </c>
      <c r="AZ3" s="7">
        <v>43</v>
      </c>
      <c r="BA3" s="7">
        <v>44</v>
      </c>
      <c r="BB3" s="7">
        <v>45</v>
      </c>
      <c r="BC3" s="7">
        <v>46</v>
      </c>
      <c r="BD3" s="7">
        <v>47</v>
      </c>
      <c r="BE3" s="7">
        <v>48</v>
      </c>
      <c r="BF3" s="7">
        <v>49</v>
      </c>
      <c r="BG3" s="7">
        <v>50</v>
      </c>
      <c r="BH3" s="7">
        <v>51</v>
      </c>
      <c r="BI3" s="7">
        <v>52</v>
      </c>
      <c r="BJ3" s="7">
        <v>53</v>
      </c>
      <c r="BK3" s="7">
        <v>54</v>
      </c>
      <c r="BL3" s="7">
        <v>55</v>
      </c>
      <c r="BM3" s="7">
        <v>56</v>
      </c>
      <c r="BN3" s="7">
        <v>57</v>
      </c>
      <c r="BO3" s="7">
        <v>58</v>
      </c>
      <c r="BP3" s="7">
        <v>59</v>
      </c>
      <c r="BQ3" s="7">
        <v>60</v>
      </c>
    </row>
    <row r="6" spans="4:16384">
      <c r="E6" s="15" t="s">
        <v>4</v>
      </c>
      <c r="F6" s="8">
        <v>0.04</v>
      </c>
    </row>
    <row r="7" spans="4:16384">
      <c r="E7" s="15" t="s">
        <v>5</v>
      </c>
      <c r="F7" s="9">
        <v>0.5</v>
      </c>
      <c r="J7" s="9">
        <f t="shared" ref="J7:BU7" si="1">1/((1+$F$6) ^(J3-$F$7))</f>
        <v>0.98058067569092011</v>
      </c>
      <c r="K7" s="9">
        <f t="shared" si="1"/>
        <v>0.94286603431819238</v>
      </c>
      <c r="L7" s="9">
        <f t="shared" si="1"/>
        <v>0.9066019560751849</v>
      </c>
      <c r="M7" s="9">
        <f t="shared" si="1"/>
        <v>0.87173265007229317</v>
      </c>
      <c r="N7" s="9">
        <f t="shared" si="1"/>
        <v>0.83820447122335884</v>
      </c>
      <c r="O7" s="9">
        <f t="shared" si="1"/>
        <v>0.80596583771476804</v>
      </c>
      <c r="P7" s="9">
        <f t="shared" si="1"/>
        <v>0.77496715164881547</v>
      </c>
      <c r="Q7" s="9">
        <f t="shared" si="1"/>
        <v>0.74516072273924561</v>
      </c>
      <c r="R7" s="9">
        <f t="shared" si="1"/>
        <v>0.71650069494158231</v>
      </c>
      <c r="S7" s="9">
        <f t="shared" si="1"/>
        <v>0.68894297590536757</v>
      </c>
      <c r="T7" s="9">
        <f t="shared" si="1"/>
        <v>0.66244516913977647</v>
      </c>
      <c r="U7" s="9">
        <f t="shared" si="1"/>
        <v>0.63696650878824657</v>
      </c>
      <c r="V7" s="9">
        <f t="shared" si="1"/>
        <v>0.61246779691177555</v>
      </c>
      <c r="W7" s="9">
        <f t="shared" si="1"/>
        <v>0.58891134318439953</v>
      </c>
      <c r="X7" s="9">
        <f t="shared" si="1"/>
        <v>0.56626090690807651</v>
      </c>
      <c r="Y7" s="9">
        <f t="shared" si="1"/>
        <v>0.54448164125776588</v>
      </c>
      <c r="Z7" s="9">
        <f t="shared" si="1"/>
        <v>0.52354003967092866</v>
      </c>
      <c r="AA7" s="9">
        <f t="shared" si="1"/>
        <v>0.50340388429896976</v>
      </c>
      <c r="AB7" s="9">
        <f t="shared" si="1"/>
        <v>0.48404219644131707</v>
      </c>
      <c r="AC7" s="9">
        <f t="shared" si="1"/>
        <v>0.46542518888588186</v>
      </c>
      <c r="AD7" s="9">
        <f t="shared" si="1"/>
        <v>0.44752422008257869</v>
      </c>
      <c r="AE7" s="9">
        <f t="shared" si="1"/>
        <v>0.43031175007940259</v>
      </c>
      <c r="AF7" s="9">
        <f t="shared" si="1"/>
        <v>0.41376129815327167</v>
      </c>
      <c r="AG7" s="9">
        <f t="shared" si="1"/>
        <v>0.39784740207045349</v>
      </c>
      <c r="AH7" s="9">
        <f t="shared" si="1"/>
        <v>0.38254557891389762</v>
      </c>
      <c r="AI7" s="9">
        <f t="shared" si="1"/>
        <v>0.36783228741720919</v>
      </c>
      <c r="AJ7" s="9">
        <f t="shared" si="1"/>
        <v>0.35368489174731654</v>
      </c>
      <c r="AK7" s="9">
        <f t="shared" si="1"/>
        <v>0.34008162668011205</v>
      </c>
      <c r="AL7" s="9">
        <f t="shared" si="1"/>
        <v>0.3270015641154923</v>
      </c>
      <c r="AM7" s="9">
        <f t="shared" si="1"/>
        <v>0.31442458088028108</v>
      </c>
      <c r="AN7" s="9">
        <f t="shared" si="1"/>
        <v>0.30233132776950106</v>
      </c>
      <c r="AO7" s="9">
        <f t="shared" si="1"/>
        <v>0.29070319977836634</v>
      </c>
      <c r="AP7" s="9">
        <f t="shared" si="1"/>
        <v>0.27952230747919848</v>
      </c>
      <c r="AQ7" s="9">
        <f t="shared" si="1"/>
        <v>0.26877144949922926</v>
      </c>
      <c r="AR7" s="9">
        <f t="shared" si="1"/>
        <v>0.25843408605695123</v>
      </c>
      <c r="AS7" s="9">
        <f t="shared" si="1"/>
        <v>0.24849431351629925</v>
      </c>
      <c r="AT7" s="9">
        <f t="shared" si="1"/>
        <v>0.23893683991951847</v>
      </c>
      <c r="AU7" s="9">
        <f t="shared" si="1"/>
        <v>0.22974696146107546</v>
      </c>
      <c r="AV7" s="9">
        <f t="shared" si="1"/>
        <v>0.22091053986641868</v>
      </c>
      <c r="AW7" s="9">
        <f t="shared" si="1"/>
        <v>0.2124139806407872</v>
      </c>
      <c r="AX7" s="9">
        <f t="shared" si="1"/>
        <v>0.20424421215460306</v>
      </c>
      <c r="AY7" s="9">
        <f t="shared" si="1"/>
        <v>0.19638866553327217</v>
      </c>
      <c r="AZ7" s="9">
        <f t="shared" si="1"/>
        <v>0.18883525532045398</v>
      </c>
      <c r="BA7" s="9">
        <f t="shared" si="1"/>
        <v>0.18157236088505194</v>
      </c>
      <c r="BB7" s="9">
        <f t="shared" si="1"/>
        <v>0.17458880854331918</v>
      </c>
      <c r="BC7" s="9">
        <f t="shared" si="1"/>
        <v>0.16787385436857613</v>
      </c>
      <c r="BD7" s="9">
        <f t="shared" si="1"/>
        <v>0.16141716766209241</v>
      </c>
      <c r="BE7" s="9">
        <f t="shared" si="1"/>
        <v>0.15520881505970421</v>
      </c>
      <c r="BF7" s="9">
        <f t="shared" si="1"/>
        <v>0.1492392452497156</v>
      </c>
      <c r="BG7" s="9">
        <f t="shared" si="1"/>
        <v>0.14349927427857267</v>
      </c>
      <c r="BH7" s="9">
        <f t="shared" si="1"/>
        <v>0.13798007142170451</v>
      </c>
      <c r="BI7" s="9">
        <f t="shared" si="1"/>
        <v>0.13267314559779278</v>
      </c>
      <c r="BJ7" s="9">
        <f t="shared" si="1"/>
        <v>0.12757033230556999</v>
      </c>
      <c r="BK7" s="9">
        <f t="shared" si="1"/>
        <v>0.12266378106304804</v>
      </c>
      <c r="BL7" s="9">
        <f t="shared" si="1"/>
        <v>0.11794594332985389</v>
      </c>
      <c r="BM7" s="9">
        <f t="shared" si="1"/>
        <v>0.11340956089409025</v>
      </c>
      <c r="BN7" s="9">
        <f t="shared" si="1"/>
        <v>0.10904765470585603</v>
      </c>
      <c r="BO7" s="9">
        <f t="shared" si="1"/>
        <v>0.10485351414024617</v>
      </c>
      <c r="BP7" s="9">
        <f t="shared" si="1"/>
        <v>0.10082068667331362</v>
      </c>
      <c r="BQ7" s="9">
        <f t="shared" si="1"/>
        <v>9.6942967955109274E-2</v>
      </c>
      <c r="BR7" s="9">
        <f t="shared" si="1"/>
        <v>1.019803902718557</v>
      </c>
      <c r="BS7" s="9">
        <f t="shared" si="1"/>
        <v>1.019803902718557</v>
      </c>
      <c r="BT7" s="9">
        <f t="shared" si="1"/>
        <v>1.019803902718557</v>
      </c>
      <c r="BU7" s="9">
        <f t="shared" si="1"/>
        <v>1.019803902718557</v>
      </c>
      <c r="BV7" s="9">
        <f t="shared" ref="BV7:EG7" si="2">1/((1+$F$6) ^(BV3-$F$7))</f>
        <v>1.019803902718557</v>
      </c>
      <c r="BW7" s="9">
        <f t="shared" si="2"/>
        <v>1.019803902718557</v>
      </c>
      <c r="BX7" s="9">
        <f t="shared" si="2"/>
        <v>1.019803902718557</v>
      </c>
      <c r="BY7" s="9">
        <f t="shared" si="2"/>
        <v>1.019803902718557</v>
      </c>
      <c r="BZ7" s="9">
        <f t="shared" si="2"/>
        <v>1.019803902718557</v>
      </c>
      <c r="CA7" s="9">
        <f t="shared" si="2"/>
        <v>1.019803902718557</v>
      </c>
      <c r="CB7" s="9">
        <f t="shared" si="2"/>
        <v>1.019803902718557</v>
      </c>
      <c r="CC7" s="9">
        <f t="shared" si="2"/>
        <v>1.019803902718557</v>
      </c>
      <c r="CD7" s="9">
        <f t="shared" si="2"/>
        <v>1.019803902718557</v>
      </c>
      <c r="CE7" s="9">
        <f t="shared" si="2"/>
        <v>1.019803902718557</v>
      </c>
      <c r="CF7" s="9">
        <f t="shared" si="2"/>
        <v>1.019803902718557</v>
      </c>
      <c r="CG7" s="9">
        <f t="shared" si="2"/>
        <v>1.019803902718557</v>
      </c>
      <c r="CH7" s="9">
        <f t="shared" si="2"/>
        <v>1.019803902718557</v>
      </c>
      <c r="CI7" s="9">
        <f t="shared" si="2"/>
        <v>1.019803902718557</v>
      </c>
      <c r="CJ7" s="9">
        <f t="shared" si="2"/>
        <v>1.019803902718557</v>
      </c>
      <c r="CK7" s="9">
        <f t="shared" si="2"/>
        <v>1.019803902718557</v>
      </c>
      <c r="CL7" s="9">
        <f t="shared" si="2"/>
        <v>1.019803902718557</v>
      </c>
      <c r="CM7" s="9">
        <f t="shared" si="2"/>
        <v>1.019803902718557</v>
      </c>
      <c r="CN7" s="9">
        <f t="shared" si="2"/>
        <v>1.019803902718557</v>
      </c>
      <c r="CO7" s="9">
        <f t="shared" si="2"/>
        <v>1.019803902718557</v>
      </c>
      <c r="CP7" s="9">
        <f t="shared" si="2"/>
        <v>1.019803902718557</v>
      </c>
      <c r="CQ7" s="9">
        <f t="shared" si="2"/>
        <v>1.019803902718557</v>
      </c>
      <c r="CR7" s="9">
        <f t="shared" si="2"/>
        <v>1.019803902718557</v>
      </c>
      <c r="CS7" s="9">
        <f t="shared" si="2"/>
        <v>1.019803902718557</v>
      </c>
      <c r="CT7" s="9">
        <f t="shared" si="2"/>
        <v>1.019803902718557</v>
      </c>
      <c r="CU7" s="9">
        <f t="shared" si="2"/>
        <v>1.019803902718557</v>
      </c>
      <c r="CV7" s="9">
        <f t="shared" si="2"/>
        <v>1.019803902718557</v>
      </c>
      <c r="CW7" s="9">
        <f t="shared" si="2"/>
        <v>1.019803902718557</v>
      </c>
      <c r="CX7" s="9">
        <f t="shared" si="2"/>
        <v>1.019803902718557</v>
      </c>
      <c r="CY7" s="9">
        <f t="shared" si="2"/>
        <v>1.019803902718557</v>
      </c>
      <c r="CZ7" s="9">
        <f t="shared" si="2"/>
        <v>1.019803902718557</v>
      </c>
      <c r="DA7" s="9">
        <f t="shared" si="2"/>
        <v>1.019803902718557</v>
      </c>
      <c r="DB7" s="9">
        <f t="shared" si="2"/>
        <v>1.019803902718557</v>
      </c>
      <c r="DC7" s="9">
        <f t="shared" si="2"/>
        <v>1.019803902718557</v>
      </c>
      <c r="DD7" s="9">
        <f t="shared" si="2"/>
        <v>1.019803902718557</v>
      </c>
      <c r="DE7" s="9">
        <f t="shared" si="2"/>
        <v>1.019803902718557</v>
      </c>
      <c r="DF7" s="9">
        <f t="shared" si="2"/>
        <v>1.019803902718557</v>
      </c>
      <c r="DG7" s="9">
        <f t="shared" si="2"/>
        <v>1.019803902718557</v>
      </c>
      <c r="DH7" s="9">
        <f t="shared" si="2"/>
        <v>1.019803902718557</v>
      </c>
      <c r="DI7" s="9">
        <f t="shared" si="2"/>
        <v>1.019803902718557</v>
      </c>
      <c r="DJ7" s="9">
        <f t="shared" si="2"/>
        <v>1.019803902718557</v>
      </c>
      <c r="DK7" s="9">
        <f t="shared" si="2"/>
        <v>1.019803902718557</v>
      </c>
      <c r="DL7" s="9">
        <f t="shared" si="2"/>
        <v>1.019803902718557</v>
      </c>
      <c r="DM7" s="9">
        <f t="shared" si="2"/>
        <v>1.019803902718557</v>
      </c>
      <c r="DN7" s="9">
        <f t="shared" si="2"/>
        <v>1.019803902718557</v>
      </c>
      <c r="DO7" s="9">
        <f t="shared" si="2"/>
        <v>1.019803902718557</v>
      </c>
      <c r="DP7" s="9">
        <f t="shared" si="2"/>
        <v>1.019803902718557</v>
      </c>
      <c r="DQ7" s="9">
        <f t="shared" si="2"/>
        <v>1.019803902718557</v>
      </c>
      <c r="DR7" s="9">
        <f t="shared" si="2"/>
        <v>1.019803902718557</v>
      </c>
      <c r="DS7" s="9">
        <f t="shared" si="2"/>
        <v>1.019803902718557</v>
      </c>
      <c r="DT7" s="9">
        <f t="shared" si="2"/>
        <v>1.019803902718557</v>
      </c>
      <c r="DU7" s="9">
        <f t="shared" si="2"/>
        <v>1.019803902718557</v>
      </c>
      <c r="DV7" s="9">
        <f t="shared" si="2"/>
        <v>1.019803902718557</v>
      </c>
      <c r="DW7" s="9">
        <f t="shared" si="2"/>
        <v>1.019803902718557</v>
      </c>
      <c r="DX7" s="9">
        <f t="shared" si="2"/>
        <v>1.019803902718557</v>
      </c>
      <c r="DY7" s="9">
        <f t="shared" si="2"/>
        <v>1.019803902718557</v>
      </c>
      <c r="DZ7" s="9">
        <f t="shared" si="2"/>
        <v>1.019803902718557</v>
      </c>
      <c r="EA7" s="9">
        <f t="shared" si="2"/>
        <v>1.019803902718557</v>
      </c>
      <c r="EB7" s="9">
        <f t="shared" si="2"/>
        <v>1.019803902718557</v>
      </c>
      <c r="EC7" s="9">
        <f t="shared" si="2"/>
        <v>1.019803902718557</v>
      </c>
      <c r="ED7" s="9">
        <f t="shared" si="2"/>
        <v>1.019803902718557</v>
      </c>
      <c r="EE7" s="9">
        <f t="shared" si="2"/>
        <v>1.019803902718557</v>
      </c>
      <c r="EF7" s="9">
        <f t="shared" si="2"/>
        <v>1.019803902718557</v>
      </c>
      <c r="EG7" s="9">
        <f t="shared" si="2"/>
        <v>1.019803902718557</v>
      </c>
      <c r="EH7" s="9">
        <f t="shared" ref="EH7:GS7" si="3">1/((1+$F$6) ^(EH3-$F$7))</f>
        <v>1.019803902718557</v>
      </c>
      <c r="EI7" s="9">
        <f t="shared" si="3"/>
        <v>1.019803902718557</v>
      </c>
      <c r="EJ7" s="9">
        <f t="shared" si="3"/>
        <v>1.019803902718557</v>
      </c>
      <c r="EK7" s="9">
        <f t="shared" si="3"/>
        <v>1.019803902718557</v>
      </c>
      <c r="EL7" s="9">
        <f t="shared" si="3"/>
        <v>1.019803902718557</v>
      </c>
      <c r="EM7" s="9">
        <f t="shared" si="3"/>
        <v>1.019803902718557</v>
      </c>
      <c r="EN7" s="9">
        <f t="shared" si="3"/>
        <v>1.019803902718557</v>
      </c>
      <c r="EO7" s="9">
        <f t="shared" si="3"/>
        <v>1.019803902718557</v>
      </c>
      <c r="EP7" s="9">
        <f t="shared" si="3"/>
        <v>1.019803902718557</v>
      </c>
      <c r="EQ7" s="9">
        <f t="shared" si="3"/>
        <v>1.019803902718557</v>
      </c>
      <c r="ER7" s="9">
        <f t="shared" si="3"/>
        <v>1.019803902718557</v>
      </c>
      <c r="ES7" s="9">
        <f t="shared" si="3"/>
        <v>1.019803902718557</v>
      </c>
      <c r="ET7" s="9">
        <f t="shared" si="3"/>
        <v>1.019803902718557</v>
      </c>
      <c r="EU7" s="9">
        <f t="shared" si="3"/>
        <v>1.019803902718557</v>
      </c>
      <c r="EV7" s="9">
        <f t="shared" si="3"/>
        <v>1.019803902718557</v>
      </c>
      <c r="EW7" s="9">
        <f t="shared" si="3"/>
        <v>1.019803902718557</v>
      </c>
      <c r="EX7" s="9">
        <f t="shared" si="3"/>
        <v>1.019803902718557</v>
      </c>
      <c r="EY7" s="9">
        <f t="shared" si="3"/>
        <v>1.019803902718557</v>
      </c>
      <c r="EZ7" s="9">
        <f t="shared" si="3"/>
        <v>1.019803902718557</v>
      </c>
      <c r="FA7" s="9">
        <f t="shared" si="3"/>
        <v>1.019803902718557</v>
      </c>
      <c r="FB7" s="9">
        <f t="shared" si="3"/>
        <v>1.019803902718557</v>
      </c>
      <c r="FC7" s="9">
        <f t="shared" si="3"/>
        <v>1.019803902718557</v>
      </c>
      <c r="FD7" s="9">
        <f t="shared" si="3"/>
        <v>1.019803902718557</v>
      </c>
      <c r="FE7" s="9">
        <f t="shared" si="3"/>
        <v>1.019803902718557</v>
      </c>
      <c r="FF7" s="9">
        <f t="shared" si="3"/>
        <v>1.019803902718557</v>
      </c>
      <c r="FG7" s="9">
        <f t="shared" si="3"/>
        <v>1.019803902718557</v>
      </c>
      <c r="FH7" s="9">
        <f t="shared" si="3"/>
        <v>1.019803902718557</v>
      </c>
      <c r="FI7" s="9">
        <f t="shared" si="3"/>
        <v>1.019803902718557</v>
      </c>
      <c r="FJ7" s="9">
        <f t="shared" si="3"/>
        <v>1.019803902718557</v>
      </c>
      <c r="FK7" s="9">
        <f t="shared" si="3"/>
        <v>1.019803902718557</v>
      </c>
      <c r="FL7" s="9">
        <f t="shared" si="3"/>
        <v>1.019803902718557</v>
      </c>
      <c r="FM7" s="9">
        <f t="shared" si="3"/>
        <v>1.019803902718557</v>
      </c>
      <c r="FN7" s="9">
        <f t="shared" si="3"/>
        <v>1.019803902718557</v>
      </c>
      <c r="FO7" s="9">
        <f t="shared" si="3"/>
        <v>1.019803902718557</v>
      </c>
      <c r="FP7" s="9">
        <f t="shared" si="3"/>
        <v>1.019803902718557</v>
      </c>
      <c r="FQ7" s="9">
        <f t="shared" si="3"/>
        <v>1.019803902718557</v>
      </c>
      <c r="FR7" s="9">
        <f t="shared" si="3"/>
        <v>1.019803902718557</v>
      </c>
      <c r="FS7" s="9">
        <f t="shared" si="3"/>
        <v>1.019803902718557</v>
      </c>
      <c r="FT7" s="9">
        <f t="shared" si="3"/>
        <v>1.019803902718557</v>
      </c>
      <c r="FU7" s="9">
        <f t="shared" si="3"/>
        <v>1.019803902718557</v>
      </c>
      <c r="FV7" s="9">
        <f t="shared" si="3"/>
        <v>1.019803902718557</v>
      </c>
      <c r="FW7" s="9">
        <f t="shared" si="3"/>
        <v>1.019803902718557</v>
      </c>
      <c r="FX7" s="9">
        <f t="shared" si="3"/>
        <v>1.019803902718557</v>
      </c>
      <c r="FY7" s="9">
        <f t="shared" si="3"/>
        <v>1.019803902718557</v>
      </c>
      <c r="FZ7" s="9">
        <f t="shared" si="3"/>
        <v>1.019803902718557</v>
      </c>
      <c r="GA7" s="9">
        <f t="shared" si="3"/>
        <v>1.019803902718557</v>
      </c>
      <c r="GB7" s="9">
        <f t="shared" si="3"/>
        <v>1.019803902718557</v>
      </c>
      <c r="GC7" s="9">
        <f t="shared" si="3"/>
        <v>1.019803902718557</v>
      </c>
      <c r="GD7" s="9">
        <f t="shared" si="3"/>
        <v>1.019803902718557</v>
      </c>
      <c r="GE7" s="9">
        <f t="shared" si="3"/>
        <v>1.019803902718557</v>
      </c>
      <c r="GF7" s="9">
        <f t="shared" si="3"/>
        <v>1.019803902718557</v>
      </c>
      <c r="GG7" s="9">
        <f t="shared" si="3"/>
        <v>1.019803902718557</v>
      </c>
      <c r="GH7" s="9">
        <f t="shared" si="3"/>
        <v>1.019803902718557</v>
      </c>
      <c r="GI7" s="9">
        <f t="shared" si="3"/>
        <v>1.019803902718557</v>
      </c>
      <c r="GJ7" s="9">
        <f t="shared" si="3"/>
        <v>1.019803902718557</v>
      </c>
      <c r="GK7" s="9">
        <f t="shared" si="3"/>
        <v>1.019803902718557</v>
      </c>
      <c r="GL7" s="9">
        <f t="shared" si="3"/>
        <v>1.019803902718557</v>
      </c>
      <c r="GM7" s="9">
        <f t="shared" si="3"/>
        <v>1.019803902718557</v>
      </c>
      <c r="GN7" s="9">
        <f t="shared" si="3"/>
        <v>1.019803902718557</v>
      </c>
      <c r="GO7" s="9">
        <f t="shared" si="3"/>
        <v>1.019803902718557</v>
      </c>
      <c r="GP7" s="9">
        <f t="shared" si="3"/>
        <v>1.019803902718557</v>
      </c>
      <c r="GQ7" s="9">
        <f t="shared" si="3"/>
        <v>1.019803902718557</v>
      </c>
      <c r="GR7" s="9">
        <f t="shared" si="3"/>
        <v>1.019803902718557</v>
      </c>
      <c r="GS7" s="9">
        <f t="shared" si="3"/>
        <v>1.019803902718557</v>
      </c>
      <c r="GT7" s="9">
        <f t="shared" ref="GT7:JE7" si="4">1/((1+$F$6) ^(GT3-$F$7))</f>
        <v>1.019803902718557</v>
      </c>
      <c r="GU7" s="9">
        <f t="shared" si="4"/>
        <v>1.019803902718557</v>
      </c>
      <c r="GV7" s="9">
        <f t="shared" si="4"/>
        <v>1.019803902718557</v>
      </c>
      <c r="GW7" s="9">
        <f t="shared" si="4"/>
        <v>1.019803902718557</v>
      </c>
      <c r="GX7" s="9">
        <f t="shared" si="4"/>
        <v>1.019803902718557</v>
      </c>
      <c r="GY7" s="9">
        <f t="shared" si="4"/>
        <v>1.019803902718557</v>
      </c>
      <c r="GZ7" s="9">
        <f t="shared" si="4"/>
        <v>1.019803902718557</v>
      </c>
      <c r="HA7" s="9">
        <f t="shared" si="4"/>
        <v>1.019803902718557</v>
      </c>
      <c r="HB7" s="9">
        <f t="shared" si="4"/>
        <v>1.019803902718557</v>
      </c>
      <c r="HC7" s="9">
        <f t="shared" si="4"/>
        <v>1.019803902718557</v>
      </c>
      <c r="HD7" s="9">
        <f t="shared" si="4"/>
        <v>1.019803902718557</v>
      </c>
      <c r="HE7" s="9">
        <f t="shared" si="4"/>
        <v>1.019803902718557</v>
      </c>
      <c r="HF7" s="9">
        <f t="shared" si="4"/>
        <v>1.019803902718557</v>
      </c>
      <c r="HG7" s="9">
        <f t="shared" si="4"/>
        <v>1.019803902718557</v>
      </c>
      <c r="HH7" s="9">
        <f t="shared" si="4"/>
        <v>1.019803902718557</v>
      </c>
      <c r="HI7" s="9">
        <f t="shared" si="4"/>
        <v>1.019803902718557</v>
      </c>
      <c r="HJ7" s="9">
        <f t="shared" si="4"/>
        <v>1.019803902718557</v>
      </c>
      <c r="HK7" s="9">
        <f t="shared" si="4"/>
        <v>1.019803902718557</v>
      </c>
      <c r="HL7" s="9">
        <f t="shared" si="4"/>
        <v>1.019803902718557</v>
      </c>
      <c r="HM7" s="9">
        <f t="shared" si="4"/>
        <v>1.019803902718557</v>
      </c>
      <c r="HN7" s="9">
        <f t="shared" si="4"/>
        <v>1.019803902718557</v>
      </c>
      <c r="HO7" s="9">
        <f t="shared" si="4"/>
        <v>1.019803902718557</v>
      </c>
      <c r="HP7" s="9">
        <f t="shared" si="4"/>
        <v>1.019803902718557</v>
      </c>
      <c r="HQ7" s="9">
        <f t="shared" si="4"/>
        <v>1.019803902718557</v>
      </c>
      <c r="HR7" s="9">
        <f t="shared" si="4"/>
        <v>1.019803902718557</v>
      </c>
      <c r="HS7" s="9">
        <f t="shared" si="4"/>
        <v>1.019803902718557</v>
      </c>
      <c r="HT7" s="9">
        <f t="shared" si="4"/>
        <v>1.019803902718557</v>
      </c>
      <c r="HU7" s="9">
        <f t="shared" si="4"/>
        <v>1.019803902718557</v>
      </c>
      <c r="HV7" s="9">
        <f t="shared" si="4"/>
        <v>1.019803902718557</v>
      </c>
      <c r="HW7" s="9">
        <f t="shared" si="4"/>
        <v>1.019803902718557</v>
      </c>
      <c r="HX7" s="9">
        <f t="shared" si="4"/>
        <v>1.019803902718557</v>
      </c>
      <c r="HY7" s="9">
        <f t="shared" si="4"/>
        <v>1.019803902718557</v>
      </c>
      <c r="HZ7" s="9">
        <f t="shared" si="4"/>
        <v>1.019803902718557</v>
      </c>
      <c r="IA7" s="9">
        <f t="shared" si="4"/>
        <v>1.019803902718557</v>
      </c>
      <c r="IB7" s="9">
        <f t="shared" si="4"/>
        <v>1.019803902718557</v>
      </c>
      <c r="IC7" s="9">
        <f t="shared" si="4"/>
        <v>1.019803902718557</v>
      </c>
      <c r="ID7" s="9">
        <f t="shared" si="4"/>
        <v>1.019803902718557</v>
      </c>
      <c r="IE7" s="9">
        <f t="shared" si="4"/>
        <v>1.019803902718557</v>
      </c>
      <c r="IF7" s="9">
        <f t="shared" si="4"/>
        <v>1.019803902718557</v>
      </c>
      <c r="IG7" s="9">
        <f t="shared" si="4"/>
        <v>1.019803902718557</v>
      </c>
      <c r="IH7" s="9">
        <f t="shared" si="4"/>
        <v>1.019803902718557</v>
      </c>
      <c r="II7" s="9">
        <f t="shared" si="4"/>
        <v>1.019803902718557</v>
      </c>
      <c r="IJ7" s="9">
        <f t="shared" si="4"/>
        <v>1.019803902718557</v>
      </c>
      <c r="IK7" s="9">
        <f t="shared" si="4"/>
        <v>1.019803902718557</v>
      </c>
      <c r="IL7" s="9">
        <f t="shared" si="4"/>
        <v>1.019803902718557</v>
      </c>
      <c r="IM7" s="9">
        <f t="shared" si="4"/>
        <v>1.019803902718557</v>
      </c>
      <c r="IN7" s="9">
        <f t="shared" si="4"/>
        <v>1.019803902718557</v>
      </c>
      <c r="IO7" s="9">
        <f t="shared" si="4"/>
        <v>1.019803902718557</v>
      </c>
      <c r="IP7" s="9">
        <f t="shared" si="4"/>
        <v>1.019803902718557</v>
      </c>
      <c r="IQ7" s="9">
        <f t="shared" si="4"/>
        <v>1.019803902718557</v>
      </c>
      <c r="IR7" s="9">
        <f t="shared" si="4"/>
        <v>1.019803902718557</v>
      </c>
      <c r="IS7" s="9">
        <f t="shared" si="4"/>
        <v>1.019803902718557</v>
      </c>
      <c r="IT7" s="9">
        <f t="shared" si="4"/>
        <v>1.019803902718557</v>
      </c>
      <c r="IU7" s="9">
        <f t="shared" si="4"/>
        <v>1.019803902718557</v>
      </c>
      <c r="IV7" s="9">
        <f t="shared" si="4"/>
        <v>1.019803902718557</v>
      </c>
      <c r="IW7" s="9">
        <f t="shared" si="4"/>
        <v>1.019803902718557</v>
      </c>
      <c r="IX7" s="9">
        <f t="shared" si="4"/>
        <v>1.019803902718557</v>
      </c>
      <c r="IY7" s="9">
        <f t="shared" si="4"/>
        <v>1.019803902718557</v>
      </c>
      <c r="IZ7" s="9">
        <f t="shared" si="4"/>
        <v>1.019803902718557</v>
      </c>
      <c r="JA7" s="9">
        <f t="shared" si="4"/>
        <v>1.019803902718557</v>
      </c>
      <c r="JB7" s="9">
        <f t="shared" si="4"/>
        <v>1.019803902718557</v>
      </c>
      <c r="JC7" s="9">
        <f t="shared" si="4"/>
        <v>1.019803902718557</v>
      </c>
      <c r="JD7" s="9">
        <f t="shared" si="4"/>
        <v>1.019803902718557</v>
      </c>
      <c r="JE7" s="9">
        <f t="shared" si="4"/>
        <v>1.019803902718557</v>
      </c>
      <c r="JF7" s="9">
        <f t="shared" ref="JF7:LQ7" si="5">1/((1+$F$6) ^(JF3-$F$7))</f>
        <v>1.019803902718557</v>
      </c>
      <c r="JG7" s="9">
        <f t="shared" si="5"/>
        <v>1.019803902718557</v>
      </c>
      <c r="JH7" s="9">
        <f t="shared" si="5"/>
        <v>1.019803902718557</v>
      </c>
      <c r="JI7" s="9">
        <f t="shared" si="5"/>
        <v>1.019803902718557</v>
      </c>
      <c r="JJ7" s="9">
        <f t="shared" si="5"/>
        <v>1.019803902718557</v>
      </c>
      <c r="JK7" s="9">
        <f t="shared" si="5"/>
        <v>1.019803902718557</v>
      </c>
      <c r="JL7" s="9">
        <f t="shared" si="5"/>
        <v>1.019803902718557</v>
      </c>
      <c r="JM7" s="9">
        <f t="shared" si="5"/>
        <v>1.019803902718557</v>
      </c>
      <c r="JN7" s="9">
        <f t="shared" si="5"/>
        <v>1.019803902718557</v>
      </c>
      <c r="JO7" s="9">
        <f t="shared" si="5"/>
        <v>1.019803902718557</v>
      </c>
      <c r="JP7" s="9">
        <f t="shared" si="5"/>
        <v>1.019803902718557</v>
      </c>
      <c r="JQ7" s="9">
        <f t="shared" si="5"/>
        <v>1.019803902718557</v>
      </c>
      <c r="JR7" s="9">
        <f t="shared" si="5"/>
        <v>1.019803902718557</v>
      </c>
      <c r="JS7" s="9">
        <f t="shared" si="5"/>
        <v>1.019803902718557</v>
      </c>
      <c r="JT7" s="9">
        <f t="shared" si="5"/>
        <v>1.019803902718557</v>
      </c>
      <c r="JU7" s="9">
        <f t="shared" si="5"/>
        <v>1.019803902718557</v>
      </c>
      <c r="JV7" s="9">
        <f t="shared" si="5"/>
        <v>1.019803902718557</v>
      </c>
      <c r="JW7" s="9">
        <f t="shared" si="5"/>
        <v>1.019803902718557</v>
      </c>
      <c r="JX7" s="9">
        <f t="shared" si="5"/>
        <v>1.019803902718557</v>
      </c>
      <c r="JY7" s="9">
        <f t="shared" si="5"/>
        <v>1.019803902718557</v>
      </c>
      <c r="JZ7" s="9">
        <f t="shared" si="5"/>
        <v>1.019803902718557</v>
      </c>
      <c r="KA7" s="9">
        <f t="shared" si="5"/>
        <v>1.019803902718557</v>
      </c>
      <c r="KB7" s="9">
        <f t="shared" si="5"/>
        <v>1.019803902718557</v>
      </c>
      <c r="KC7" s="9">
        <f t="shared" si="5"/>
        <v>1.019803902718557</v>
      </c>
      <c r="KD7" s="9">
        <f t="shared" si="5"/>
        <v>1.019803902718557</v>
      </c>
      <c r="KE7" s="9">
        <f t="shared" si="5"/>
        <v>1.019803902718557</v>
      </c>
      <c r="KF7" s="9">
        <f t="shared" si="5"/>
        <v>1.019803902718557</v>
      </c>
      <c r="KG7" s="9">
        <f t="shared" si="5"/>
        <v>1.019803902718557</v>
      </c>
      <c r="KH7" s="9">
        <f t="shared" si="5"/>
        <v>1.019803902718557</v>
      </c>
      <c r="KI7" s="9">
        <f t="shared" si="5"/>
        <v>1.019803902718557</v>
      </c>
      <c r="KJ7" s="9">
        <f t="shared" si="5"/>
        <v>1.019803902718557</v>
      </c>
      <c r="KK7" s="9">
        <f t="shared" si="5"/>
        <v>1.019803902718557</v>
      </c>
      <c r="KL7" s="9">
        <f t="shared" si="5"/>
        <v>1.019803902718557</v>
      </c>
      <c r="KM7" s="9">
        <f t="shared" si="5"/>
        <v>1.019803902718557</v>
      </c>
      <c r="KN7" s="9">
        <f t="shared" si="5"/>
        <v>1.019803902718557</v>
      </c>
      <c r="KO7" s="9">
        <f t="shared" si="5"/>
        <v>1.019803902718557</v>
      </c>
      <c r="KP7" s="9">
        <f t="shared" si="5"/>
        <v>1.019803902718557</v>
      </c>
      <c r="KQ7" s="9">
        <f t="shared" si="5"/>
        <v>1.019803902718557</v>
      </c>
      <c r="KR7" s="9">
        <f t="shared" si="5"/>
        <v>1.019803902718557</v>
      </c>
      <c r="KS7" s="9">
        <f t="shared" si="5"/>
        <v>1.019803902718557</v>
      </c>
      <c r="KT7" s="9">
        <f t="shared" si="5"/>
        <v>1.019803902718557</v>
      </c>
      <c r="KU7" s="9">
        <f t="shared" si="5"/>
        <v>1.019803902718557</v>
      </c>
      <c r="KV7" s="9">
        <f t="shared" si="5"/>
        <v>1.019803902718557</v>
      </c>
      <c r="KW7" s="9">
        <f t="shared" si="5"/>
        <v>1.019803902718557</v>
      </c>
      <c r="KX7" s="9">
        <f t="shared" si="5"/>
        <v>1.019803902718557</v>
      </c>
      <c r="KY7" s="9">
        <f t="shared" si="5"/>
        <v>1.019803902718557</v>
      </c>
      <c r="KZ7" s="9">
        <f t="shared" si="5"/>
        <v>1.019803902718557</v>
      </c>
      <c r="LA7" s="9">
        <f t="shared" si="5"/>
        <v>1.019803902718557</v>
      </c>
      <c r="LB7" s="9">
        <f t="shared" si="5"/>
        <v>1.019803902718557</v>
      </c>
      <c r="LC7" s="9">
        <f t="shared" si="5"/>
        <v>1.019803902718557</v>
      </c>
      <c r="LD7" s="9">
        <f t="shared" si="5"/>
        <v>1.019803902718557</v>
      </c>
      <c r="LE7" s="9">
        <f t="shared" si="5"/>
        <v>1.019803902718557</v>
      </c>
      <c r="LF7" s="9">
        <f t="shared" si="5"/>
        <v>1.019803902718557</v>
      </c>
      <c r="LG7" s="9">
        <f t="shared" si="5"/>
        <v>1.019803902718557</v>
      </c>
      <c r="LH7" s="9">
        <f t="shared" si="5"/>
        <v>1.019803902718557</v>
      </c>
      <c r="LI7" s="9">
        <f t="shared" si="5"/>
        <v>1.019803902718557</v>
      </c>
      <c r="LJ7" s="9">
        <f t="shared" si="5"/>
        <v>1.019803902718557</v>
      </c>
      <c r="LK7" s="9">
        <f t="shared" si="5"/>
        <v>1.019803902718557</v>
      </c>
      <c r="LL7" s="9">
        <f t="shared" si="5"/>
        <v>1.019803902718557</v>
      </c>
      <c r="LM7" s="9">
        <f t="shared" si="5"/>
        <v>1.019803902718557</v>
      </c>
      <c r="LN7" s="9">
        <f t="shared" si="5"/>
        <v>1.019803902718557</v>
      </c>
      <c r="LO7" s="9">
        <f t="shared" si="5"/>
        <v>1.019803902718557</v>
      </c>
      <c r="LP7" s="9">
        <f t="shared" si="5"/>
        <v>1.019803902718557</v>
      </c>
      <c r="LQ7" s="9">
        <f t="shared" si="5"/>
        <v>1.019803902718557</v>
      </c>
      <c r="LR7" s="9">
        <f t="shared" ref="LR7:OC7" si="6">1/((1+$F$6) ^(LR3-$F$7))</f>
        <v>1.019803902718557</v>
      </c>
      <c r="LS7" s="9">
        <f t="shared" si="6"/>
        <v>1.019803902718557</v>
      </c>
      <c r="LT7" s="9">
        <f t="shared" si="6"/>
        <v>1.019803902718557</v>
      </c>
      <c r="LU7" s="9">
        <f t="shared" si="6"/>
        <v>1.019803902718557</v>
      </c>
      <c r="LV7" s="9">
        <f t="shared" si="6"/>
        <v>1.019803902718557</v>
      </c>
      <c r="LW7" s="9">
        <f t="shared" si="6"/>
        <v>1.019803902718557</v>
      </c>
      <c r="LX7" s="9">
        <f t="shared" si="6"/>
        <v>1.019803902718557</v>
      </c>
      <c r="LY7" s="9">
        <f t="shared" si="6"/>
        <v>1.019803902718557</v>
      </c>
      <c r="LZ7" s="9">
        <f t="shared" si="6"/>
        <v>1.019803902718557</v>
      </c>
      <c r="MA7" s="9">
        <f t="shared" si="6"/>
        <v>1.019803902718557</v>
      </c>
      <c r="MB7" s="9">
        <f t="shared" si="6"/>
        <v>1.019803902718557</v>
      </c>
      <c r="MC7" s="9">
        <f t="shared" si="6"/>
        <v>1.019803902718557</v>
      </c>
      <c r="MD7" s="9">
        <f t="shared" si="6"/>
        <v>1.019803902718557</v>
      </c>
      <c r="ME7" s="9">
        <f t="shared" si="6"/>
        <v>1.019803902718557</v>
      </c>
      <c r="MF7" s="9">
        <f t="shared" si="6"/>
        <v>1.019803902718557</v>
      </c>
      <c r="MG7" s="9">
        <f t="shared" si="6"/>
        <v>1.019803902718557</v>
      </c>
      <c r="MH7" s="9">
        <f t="shared" si="6"/>
        <v>1.019803902718557</v>
      </c>
      <c r="MI7" s="9">
        <f t="shared" si="6"/>
        <v>1.019803902718557</v>
      </c>
      <c r="MJ7" s="9">
        <f t="shared" si="6"/>
        <v>1.019803902718557</v>
      </c>
      <c r="MK7" s="9">
        <f t="shared" si="6"/>
        <v>1.019803902718557</v>
      </c>
      <c r="ML7" s="9">
        <f t="shared" si="6"/>
        <v>1.019803902718557</v>
      </c>
      <c r="MM7" s="9">
        <f t="shared" si="6"/>
        <v>1.019803902718557</v>
      </c>
      <c r="MN7" s="9">
        <f t="shared" si="6"/>
        <v>1.019803902718557</v>
      </c>
      <c r="MO7" s="9">
        <f t="shared" si="6"/>
        <v>1.019803902718557</v>
      </c>
      <c r="MP7" s="9">
        <f t="shared" si="6"/>
        <v>1.019803902718557</v>
      </c>
      <c r="MQ7" s="9">
        <f t="shared" si="6"/>
        <v>1.019803902718557</v>
      </c>
      <c r="MR7" s="9">
        <f t="shared" si="6"/>
        <v>1.019803902718557</v>
      </c>
      <c r="MS7" s="9">
        <f t="shared" si="6"/>
        <v>1.019803902718557</v>
      </c>
      <c r="MT7" s="9">
        <f t="shared" si="6"/>
        <v>1.019803902718557</v>
      </c>
      <c r="MU7" s="9">
        <f t="shared" si="6"/>
        <v>1.019803902718557</v>
      </c>
      <c r="MV7" s="9">
        <f t="shared" si="6"/>
        <v>1.019803902718557</v>
      </c>
      <c r="MW7" s="9">
        <f t="shared" si="6"/>
        <v>1.019803902718557</v>
      </c>
      <c r="MX7" s="9">
        <f t="shared" si="6"/>
        <v>1.019803902718557</v>
      </c>
      <c r="MY7" s="9">
        <f t="shared" si="6"/>
        <v>1.019803902718557</v>
      </c>
      <c r="MZ7" s="9">
        <f t="shared" si="6"/>
        <v>1.019803902718557</v>
      </c>
      <c r="NA7" s="9">
        <f t="shared" si="6"/>
        <v>1.019803902718557</v>
      </c>
      <c r="NB7" s="9">
        <f t="shared" si="6"/>
        <v>1.019803902718557</v>
      </c>
      <c r="NC7" s="9">
        <f t="shared" si="6"/>
        <v>1.019803902718557</v>
      </c>
      <c r="ND7" s="9">
        <f t="shared" si="6"/>
        <v>1.019803902718557</v>
      </c>
      <c r="NE7" s="9">
        <f t="shared" si="6"/>
        <v>1.019803902718557</v>
      </c>
      <c r="NF7" s="9">
        <f t="shared" si="6"/>
        <v>1.019803902718557</v>
      </c>
      <c r="NG7" s="9">
        <f t="shared" si="6"/>
        <v>1.019803902718557</v>
      </c>
      <c r="NH7" s="9">
        <f t="shared" si="6"/>
        <v>1.019803902718557</v>
      </c>
      <c r="NI7" s="9">
        <f t="shared" si="6"/>
        <v>1.019803902718557</v>
      </c>
      <c r="NJ7" s="9">
        <f t="shared" si="6"/>
        <v>1.019803902718557</v>
      </c>
      <c r="NK7" s="9">
        <f t="shared" si="6"/>
        <v>1.019803902718557</v>
      </c>
      <c r="NL7" s="9">
        <f t="shared" si="6"/>
        <v>1.019803902718557</v>
      </c>
      <c r="NM7" s="9">
        <f t="shared" si="6"/>
        <v>1.019803902718557</v>
      </c>
      <c r="NN7" s="9">
        <f t="shared" si="6"/>
        <v>1.019803902718557</v>
      </c>
      <c r="NO7" s="9">
        <f t="shared" si="6"/>
        <v>1.019803902718557</v>
      </c>
      <c r="NP7" s="9">
        <f t="shared" si="6"/>
        <v>1.019803902718557</v>
      </c>
      <c r="NQ7" s="9">
        <f t="shared" si="6"/>
        <v>1.019803902718557</v>
      </c>
      <c r="NR7" s="9">
        <f t="shared" si="6"/>
        <v>1.019803902718557</v>
      </c>
      <c r="NS7" s="9">
        <f t="shared" si="6"/>
        <v>1.019803902718557</v>
      </c>
      <c r="NT7" s="9">
        <f t="shared" si="6"/>
        <v>1.019803902718557</v>
      </c>
      <c r="NU7" s="9">
        <f t="shared" si="6"/>
        <v>1.019803902718557</v>
      </c>
      <c r="NV7" s="9">
        <f t="shared" si="6"/>
        <v>1.019803902718557</v>
      </c>
      <c r="NW7" s="9">
        <f t="shared" si="6"/>
        <v>1.019803902718557</v>
      </c>
      <c r="NX7" s="9">
        <f t="shared" si="6"/>
        <v>1.019803902718557</v>
      </c>
      <c r="NY7" s="9">
        <f t="shared" si="6"/>
        <v>1.019803902718557</v>
      </c>
      <c r="NZ7" s="9">
        <f t="shared" si="6"/>
        <v>1.019803902718557</v>
      </c>
      <c r="OA7" s="9">
        <f t="shared" si="6"/>
        <v>1.019803902718557</v>
      </c>
      <c r="OB7" s="9">
        <f t="shared" si="6"/>
        <v>1.019803902718557</v>
      </c>
      <c r="OC7" s="9">
        <f t="shared" si="6"/>
        <v>1.019803902718557</v>
      </c>
      <c r="OD7" s="9">
        <f t="shared" ref="OD7:QO7" si="7">1/((1+$F$6) ^(OD3-$F$7))</f>
        <v>1.019803902718557</v>
      </c>
      <c r="OE7" s="9">
        <f t="shared" si="7"/>
        <v>1.019803902718557</v>
      </c>
      <c r="OF7" s="9">
        <f t="shared" si="7"/>
        <v>1.019803902718557</v>
      </c>
      <c r="OG7" s="9">
        <f t="shared" si="7"/>
        <v>1.019803902718557</v>
      </c>
      <c r="OH7" s="9">
        <f t="shared" si="7"/>
        <v>1.019803902718557</v>
      </c>
      <c r="OI7" s="9">
        <f t="shared" si="7"/>
        <v>1.019803902718557</v>
      </c>
      <c r="OJ7" s="9">
        <f t="shared" si="7"/>
        <v>1.019803902718557</v>
      </c>
      <c r="OK7" s="9">
        <f t="shared" si="7"/>
        <v>1.019803902718557</v>
      </c>
      <c r="OL7" s="9">
        <f t="shared" si="7"/>
        <v>1.019803902718557</v>
      </c>
      <c r="OM7" s="9">
        <f t="shared" si="7"/>
        <v>1.019803902718557</v>
      </c>
      <c r="ON7" s="9">
        <f t="shared" si="7"/>
        <v>1.019803902718557</v>
      </c>
      <c r="OO7" s="9">
        <f t="shared" si="7"/>
        <v>1.019803902718557</v>
      </c>
      <c r="OP7" s="9">
        <f t="shared" si="7"/>
        <v>1.019803902718557</v>
      </c>
      <c r="OQ7" s="9">
        <f t="shared" si="7"/>
        <v>1.019803902718557</v>
      </c>
      <c r="OR7" s="9">
        <f t="shared" si="7"/>
        <v>1.019803902718557</v>
      </c>
      <c r="OS7" s="9">
        <f t="shared" si="7"/>
        <v>1.019803902718557</v>
      </c>
      <c r="OT7" s="9">
        <f t="shared" si="7"/>
        <v>1.019803902718557</v>
      </c>
      <c r="OU7" s="9">
        <f t="shared" si="7"/>
        <v>1.019803902718557</v>
      </c>
      <c r="OV7" s="9">
        <f t="shared" si="7"/>
        <v>1.019803902718557</v>
      </c>
      <c r="OW7" s="9">
        <f t="shared" si="7"/>
        <v>1.019803902718557</v>
      </c>
      <c r="OX7" s="9">
        <f t="shared" si="7"/>
        <v>1.019803902718557</v>
      </c>
      <c r="OY7" s="9">
        <f t="shared" si="7"/>
        <v>1.019803902718557</v>
      </c>
      <c r="OZ7" s="9">
        <f t="shared" si="7"/>
        <v>1.019803902718557</v>
      </c>
      <c r="PA7" s="9">
        <f t="shared" si="7"/>
        <v>1.019803902718557</v>
      </c>
      <c r="PB7" s="9">
        <f t="shared" si="7"/>
        <v>1.019803902718557</v>
      </c>
      <c r="PC7" s="9">
        <f t="shared" si="7"/>
        <v>1.019803902718557</v>
      </c>
      <c r="PD7" s="9">
        <f t="shared" si="7"/>
        <v>1.019803902718557</v>
      </c>
      <c r="PE7" s="9">
        <f t="shared" si="7"/>
        <v>1.019803902718557</v>
      </c>
      <c r="PF7" s="9">
        <f t="shared" si="7"/>
        <v>1.019803902718557</v>
      </c>
      <c r="PG7" s="9">
        <f t="shared" si="7"/>
        <v>1.019803902718557</v>
      </c>
      <c r="PH7" s="9">
        <f t="shared" si="7"/>
        <v>1.019803902718557</v>
      </c>
      <c r="PI7" s="9">
        <f t="shared" si="7"/>
        <v>1.019803902718557</v>
      </c>
      <c r="PJ7" s="9">
        <f t="shared" si="7"/>
        <v>1.019803902718557</v>
      </c>
      <c r="PK7" s="9">
        <f t="shared" si="7"/>
        <v>1.019803902718557</v>
      </c>
      <c r="PL7" s="9">
        <f t="shared" si="7"/>
        <v>1.019803902718557</v>
      </c>
      <c r="PM7" s="9">
        <f t="shared" si="7"/>
        <v>1.019803902718557</v>
      </c>
      <c r="PN7" s="9">
        <f t="shared" si="7"/>
        <v>1.019803902718557</v>
      </c>
      <c r="PO7" s="9">
        <f t="shared" si="7"/>
        <v>1.019803902718557</v>
      </c>
      <c r="PP7" s="9">
        <f t="shared" si="7"/>
        <v>1.019803902718557</v>
      </c>
      <c r="PQ7" s="9">
        <f t="shared" si="7"/>
        <v>1.019803902718557</v>
      </c>
      <c r="PR7" s="9">
        <f t="shared" si="7"/>
        <v>1.019803902718557</v>
      </c>
      <c r="PS7" s="9">
        <f t="shared" si="7"/>
        <v>1.019803902718557</v>
      </c>
      <c r="PT7" s="9">
        <f t="shared" si="7"/>
        <v>1.019803902718557</v>
      </c>
      <c r="PU7" s="9">
        <f t="shared" si="7"/>
        <v>1.019803902718557</v>
      </c>
      <c r="PV7" s="9">
        <f t="shared" si="7"/>
        <v>1.019803902718557</v>
      </c>
      <c r="PW7" s="9">
        <f t="shared" si="7"/>
        <v>1.019803902718557</v>
      </c>
      <c r="PX7" s="9">
        <f t="shared" si="7"/>
        <v>1.019803902718557</v>
      </c>
      <c r="PY7" s="9">
        <f t="shared" si="7"/>
        <v>1.019803902718557</v>
      </c>
      <c r="PZ7" s="9">
        <f t="shared" si="7"/>
        <v>1.019803902718557</v>
      </c>
      <c r="QA7" s="9">
        <f t="shared" si="7"/>
        <v>1.019803902718557</v>
      </c>
      <c r="QB7" s="9">
        <f t="shared" si="7"/>
        <v>1.019803902718557</v>
      </c>
      <c r="QC7" s="9">
        <f t="shared" si="7"/>
        <v>1.019803902718557</v>
      </c>
      <c r="QD7" s="9">
        <f t="shared" si="7"/>
        <v>1.019803902718557</v>
      </c>
      <c r="QE7" s="9">
        <f t="shared" si="7"/>
        <v>1.019803902718557</v>
      </c>
      <c r="QF7" s="9">
        <f t="shared" si="7"/>
        <v>1.019803902718557</v>
      </c>
      <c r="QG7" s="9">
        <f t="shared" si="7"/>
        <v>1.019803902718557</v>
      </c>
      <c r="QH7" s="9">
        <f t="shared" si="7"/>
        <v>1.019803902718557</v>
      </c>
      <c r="QI7" s="9">
        <f t="shared" si="7"/>
        <v>1.019803902718557</v>
      </c>
      <c r="QJ7" s="9">
        <f t="shared" si="7"/>
        <v>1.019803902718557</v>
      </c>
      <c r="QK7" s="9">
        <f t="shared" si="7"/>
        <v>1.019803902718557</v>
      </c>
      <c r="QL7" s="9">
        <f t="shared" si="7"/>
        <v>1.019803902718557</v>
      </c>
      <c r="QM7" s="9">
        <f t="shared" si="7"/>
        <v>1.019803902718557</v>
      </c>
      <c r="QN7" s="9">
        <f t="shared" si="7"/>
        <v>1.019803902718557</v>
      </c>
      <c r="QO7" s="9">
        <f t="shared" si="7"/>
        <v>1.019803902718557</v>
      </c>
      <c r="QP7" s="9">
        <f t="shared" ref="QP7:TA7" si="8">1/((1+$F$6) ^(QP3-$F$7))</f>
        <v>1.019803902718557</v>
      </c>
      <c r="QQ7" s="9">
        <f t="shared" si="8"/>
        <v>1.019803902718557</v>
      </c>
      <c r="QR7" s="9">
        <f t="shared" si="8"/>
        <v>1.019803902718557</v>
      </c>
      <c r="QS7" s="9">
        <f t="shared" si="8"/>
        <v>1.019803902718557</v>
      </c>
      <c r="QT7" s="9">
        <f t="shared" si="8"/>
        <v>1.019803902718557</v>
      </c>
      <c r="QU7" s="9">
        <f t="shared" si="8"/>
        <v>1.019803902718557</v>
      </c>
      <c r="QV7" s="9">
        <f t="shared" si="8"/>
        <v>1.019803902718557</v>
      </c>
      <c r="QW7" s="9">
        <f t="shared" si="8"/>
        <v>1.019803902718557</v>
      </c>
      <c r="QX7" s="9">
        <f t="shared" si="8"/>
        <v>1.019803902718557</v>
      </c>
      <c r="QY7" s="9">
        <f t="shared" si="8"/>
        <v>1.019803902718557</v>
      </c>
      <c r="QZ7" s="9">
        <f t="shared" si="8"/>
        <v>1.019803902718557</v>
      </c>
      <c r="RA7" s="9">
        <f t="shared" si="8"/>
        <v>1.019803902718557</v>
      </c>
      <c r="RB7" s="9">
        <f t="shared" si="8"/>
        <v>1.019803902718557</v>
      </c>
      <c r="RC7" s="9">
        <f t="shared" si="8"/>
        <v>1.019803902718557</v>
      </c>
      <c r="RD7" s="9">
        <f t="shared" si="8"/>
        <v>1.019803902718557</v>
      </c>
      <c r="RE7" s="9">
        <f t="shared" si="8"/>
        <v>1.019803902718557</v>
      </c>
      <c r="RF7" s="9">
        <f t="shared" si="8"/>
        <v>1.019803902718557</v>
      </c>
      <c r="RG7" s="9">
        <f t="shared" si="8"/>
        <v>1.019803902718557</v>
      </c>
      <c r="RH7" s="9">
        <f t="shared" si="8"/>
        <v>1.019803902718557</v>
      </c>
      <c r="RI7" s="9">
        <f t="shared" si="8"/>
        <v>1.019803902718557</v>
      </c>
      <c r="RJ7" s="9">
        <f t="shared" si="8"/>
        <v>1.019803902718557</v>
      </c>
      <c r="RK7" s="9">
        <f t="shared" si="8"/>
        <v>1.019803902718557</v>
      </c>
      <c r="RL7" s="9">
        <f t="shared" si="8"/>
        <v>1.019803902718557</v>
      </c>
      <c r="RM7" s="9">
        <f t="shared" si="8"/>
        <v>1.019803902718557</v>
      </c>
      <c r="RN7" s="9">
        <f t="shared" si="8"/>
        <v>1.019803902718557</v>
      </c>
      <c r="RO7" s="9">
        <f t="shared" si="8"/>
        <v>1.019803902718557</v>
      </c>
      <c r="RP7" s="9">
        <f t="shared" si="8"/>
        <v>1.019803902718557</v>
      </c>
      <c r="RQ7" s="9">
        <f t="shared" si="8"/>
        <v>1.019803902718557</v>
      </c>
      <c r="RR7" s="9">
        <f t="shared" si="8"/>
        <v>1.019803902718557</v>
      </c>
      <c r="RS7" s="9">
        <f t="shared" si="8"/>
        <v>1.019803902718557</v>
      </c>
      <c r="RT7" s="9">
        <f t="shared" si="8"/>
        <v>1.019803902718557</v>
      </c>
      <c r="RU7" s="9">
        <f t="shared" si="8"/>
        <v>1.019803902718557</v>
      </c>
      <c r="RV7" s="9">
        <f t="shared" si="8"/>
        <v>1.019803902718557</v>
      </c>
      <c r="RW7" s="9">
        <f t="shared" si="8"/>
        <v>1.019803902718557</v>
      </c>
      <c r="RX7" s="9">
        <f t="shared" si="8"/>
        <v>1.019803902718557</v>
      </c>
      <c r="RY7" s="9">
        <f t="shared" si="8"/>
        <v>1.019803902718557</v>
      </c>
      <c r="RZ7" s="9">
        <f t="shared" si="8"/>
        <v>1.019803902718557</v>
      </c>
      <c r="SA7" s="9">
        <f t="shared" si="8"/>
        <v>1.019803902718557</v>
      </c>
      <c r="SB7" s="9">
        <f t="shared" si="8"/>
        <v>1.019803902718557</v>
      </c>
      <c r="SC7" s="9">
        <f t="shared" si="8"/>
        <v>1.019803902718557</v>
      </c>
      <c r="SD7" s="9">
        <f t="shared" si="8"/>
        <v>1.019803902718557</v>
      </c>
      <c r="SE7" s="9">
        <f t="shared" si="8"/>
        <v>1.019803902718557</v>
      </c>
      <c r="SF7" s="9">
        <f t="shared" si="8"/>
        <v>1.019803902718557</v>
      </c>
      <c r="SG7" s="9">
        <f t="shared" si="8"/>
        <v>1.019803902718557</v>
      </c>
      <c r="SH7" s="9">
        <f t="shared" si="8"/>
        <v>1.019803902718557</v>
      </c>
      <c r="SI7" s="9">
        <f t="shared" si="8"/>
        <v>1.019803902718557</v>
      </c>
      <c r="SJ7" s="9">
        <f t="shared" si="8"/>
        <v>1.019803902718557</v>
      </c>
      <c r="SK7" s="9">
        <f t="shared" si="8"/>
        <v>1.019803902718557</v>
      </c>
      <c r="SL7" s="9">
        <f t="shared" si="8"/>
        <v>1.019803902718557</v>
      </c>
      <c r="SM7" s="9">
        <f t="shared" si="8"/>
        <v>1.019803902718557</v>
      </c>
      <c r="SN7" s="9">
        <f t="shared" si="8"/>
        <v>1.019803902718557</v>
      </c>
      <c r="SO7" s="9">
        <f t="shared" si="8"/>
        <v>1.019803902718557</v>
      </c>
      <c r="SP7" s="9">
        <f t="shared" si="8"/>
        <v>1.019803902718557</v>
      </c>
      <c r="SQ7" s="9">
        <f t="shared" si="8"/>
        <v>1.019803902718557</v>
      </c>
      <c r="SR7" s="9">
        <f t="shared" si="8"/>
        <v>1.019803902718557</v>
      </c>
      <c r="SS7" s="9">
        <f t="shared" si="8"/>
        <v>1.019803902718557</v>
      </c>
      <c r="ST7" s="9">
        <f t="shared" si="8"/>
        <v>1.019803902718557</v>
      </c>
      <c r="SU7" s="9">
        <f t="shared" si="8"/>
        <v>1.019803902718557</v>
      </c>
      <c r="SV7" s="9">
        <f t="shared" si="8"/>
        <v>1.019803902718557</v>
      </c>
      <c r="SW7" s="9">
        <f t="shared" si="8"/>
        <v>1.019803902718557</v>
      </c>
      <c r="SX7" s="9">
        <f t="shared" si="8"/>
        <v>1.019803902718557</v>
      </c>
      <c r="SY7" s="9">
        <f t="shared" si="8"/>
        <v>1.019803902718557</v>
      </c>
      <c r="SZ7" s="9">
        <f t="shared" si="8"/>
        <v>1.019803902718557</v>
      </c>
      <c r="TA7" s="9">
        <f t="shared" si="8"/>
        <v>1.019803902718557</v>
      </c>
      <c r="TB7" s="9">
        <f t="shared" ref="TB7:VM7" si="9">1/((1+$F$6) ^(TB3-$F$7))</f>
        <v>1.019803902718557</v>
      </c>
      <c r="TC7" s="9">
        <f t="shared" si="9"/>
        <v>1.019803902718557</v>
      </c>
      <c r="TD7" s="9">
        <f t="shared" si="9"/>
        <v>1.019803902718557</v>
      </c>
      <c r="TE7" s="9">
        <f t="shared" si="9"/>
        <v>1.019803902718557</v>
      </c>
      <c r="TF7" s="9">
        <f t="shared" si="9"/>
        <v>1.019803902718557</v>
      </c>
      <c r="TG7" s="9">
        <f t="shared" si="9"/>
        <v>1.019803902718557</v>
      </c>
      <c r="TH7" s="9">
        <f t="shared" si="9"/>
        <v>1.019803902718557</v>
      </c>
      <c r="TI7" s="9">
        <f t="shared" si="9"/>
        <v>1.019803902718557</v>
      </c>
      <c r="TJ7" s="9">
        <f t="shared" si="9"/>
        <v>1.019803902718557</v>
      </c>
      <c r="TK7" s="9">
        <f t="shared" si="9"/>
        <v>1.019803902718557</v>
      </c>
      <c r="TL7" s="9">
        <f t="shared" si="9"/>
        <v>1.019803902718557</v>
      </c>
      <c r="TM7" s="9">
        <f t="shared" si="9"/>
        <v>1.019803902718557</v>
      </c>
      <c r="TN7" s="9">
        <f t="shared" si="9"/>
        <v>1.019803902718557</v>
      </c>
      <c r="TO7" s="9">
        <f t="shared" si="9"/>
        <v>1.019803902718557</v>
      </c>
      <c r="TP7" s="9">
        <f t="shared" si="9"/>
        <v>1.019803902718557</v>
      </c>
      <c r="TQ7" s="9">
        <f t="shared" si="9"/>
        <v>1.019803902718557</v>
      </c>
      <c r="TR7" s="9">
        <f t="shared" si="9"/>
        <v>1.019803902718557</v>
      </c>
      <c r="TS7" s="9">
        <f t="shared" si="9"/>
        <v>1.019803902718557</v>
      </c>
      <c r="TT7" s="9">
        <f t="shared" si="9"/>
        <v>1.019803902718557</v>
      </c>
      <c r="TU7" s="9">
        <f t="shared" si="9"/>
        <v>1.019803902718557</v>
      </c>
      <c r="TV7" s="9">
        <f t="shared" si="9"/>
        <v>1.019803902718557</v>
      </c>
      <c r="TW7" s="9">
        <f t="shared" si="9"/>
        <v>1.019803902718557</v>
      </c>
      <c r="TX7" s="9">
        <f t="shared" si="9"/>
        <v>1.019803902718557</v>
      </c>
      <c r="TY7" s="9">
        <f t="shared" si="9"/>
        <v>1.019803902718557</v>
      </c>
      <c r="TZ7" s="9">
        <f t="shared" si="9"/>
        <v>1.019803902718557</v>
      </c>
      <c r="UA7" s="9">
        <f t="shared" si="9"/>
        <v>1.019803902718557</v>
      </c>
      <c r="UB7" s="9">
        <f t="shared" si="9"/>
        <v>1.019803902718557</v>
      </c>
      <c r="UC7" s="9">
        <f t="shared" si="9"/>
        <v>1.019803902718557</v>
      </c>
      <c r="UD7" s="9">
        <f t="shared" si="9"/>
        <v>1.019803902718557</v>
      </c>
      <c r="UE7" s="9">
        <f t="shared" si="9"/>
        <v>1.019803902718557</v>
      </c>
      <c r="UF7" s="9">
        <f t="shared" si="9"/>
        <v>1.019803902718557</v>
      </c>
      <c r="UG7" s="9">
        <f t="shared" si="9"/>
        <v>1.019803902718557</v>
      </c>
      <c r="UH7" s="9">
        <f t="shared" si="9"/>
        <v>1.019803902718557</v>
      </c>
      <c r="UI7" s="9">
        <f t="shared" si="9"/>
        <v>1.019803902718557</v>
      </c>
      <c r="UJ7" s="9">
        <f t="shared" si="9"/>
        <v>1.019803902718557</v>
      </c>
      <c r="UK7" s="9">
        <f t="shared" si="9"/>
        <v>1.019803902718557</v>
      </c>
      <c r="UL7" s="9">
        <f t="shared" si="9"/>
        <v>1.019803902718557</v>
      </c>
      <c r="UM7" s="9">
        <f t="shared" si="9"/>
        <v>1.019803902718557</v>
      </c>
      <c r="UN7" s="9">
        <f t="shared" si="9"/>
        <v>1.019803902718557</v>
      </c>
      <c r="UO7" s="9">
        <f t="shared" si="9"/>
        <v>1.019803902718557</v>
      </c>
      <c r="UP7" s="9">
        <f t="shared" si="9"/>
        <v>1.019803902718557</v>
      </c>
      <c r="UQ7" s="9">
        <f t="shared" si="9"/>
        <v>1.019803902718557</v>
      </c>
      <c r="UR7" s="9">
        <f t="shared" si="9"/>
        <v>1.019803902718557</v>
      </c>
      <c r="US7" s="9">
        <f t="shared" si="9"/>
        <v>1.019803902718557</v>
      </c>
      <c r="UT7" s="9">
        <f t="shared" si="9"/>
        <v>1.019803902718557</v>
      </c>
      <c r="UU7" s="9">
        <f t="shared" si="9"/>
        <v>1.019803902718557</v>
      </c>
      <c r="UV7" s="9">
        <f t="shared" si="9"/>
        <v>1.019803902718557</v>
      </c>
      <c r="UW7" s="9">
        <f t="shared" si="9"/>
        <v>1.019803902718557</v>
      </c>
      <c r="UX7" s="9">
        <f t="shared" si="9"/>
        <v>1.019803902718557</v>
      </c>
      <c r="UY7" s="9">
        <f t="shared" si="9"/>
        <v>1.019803902718557</v>
      </c>
      <c r="UZ7" s="9">
        <f t="shared" si="9"/>
        <v>1.019803902718557</v>
      </c>
      <c r="VA7" s="9">
        <f t="shared" si="9"/>
        <v>1.019803902718557</v>
      </c>
      <c r="VB7" s="9">
        <f t="shared" si="9"/>
        <v>1.019803902718557</v>
      </c>
      <c r="VC7" s="9">
        <f t="shared" si="9"/>
        <v>1.019803902718557</v>
      </c>
      <c r="VD7" s="9">
        <f t="shared" si="9"/>
        <v>1.019803902718557</v>
      </c>
      <c r="VE7" s="9">
        <f t="shared" si="9"/>
        <v>1.019803902718557</v>
      </c>
      <c r="VF7" s="9">
        <f t="shared" si="9"/>
        <v>1.019803902718557</v>
      </c>
      <c r="VG7" s="9">
        <f t="shared" si="9"/>
        <v>1.019803902718557</v>
      </c>
      <c r="VH7" s="9">
        <f t="shared" si="9"/>
        <v>1.019803902718557</v>
      </c>
      <c r="VI7" s="9">
        <f t="shared" si="9"/>
        <v>1.019803902718557</v>
      </c>
      <c r="VJ7" s="9">
        <f t="shared" si="9"/>
        <v>1.019803902718557</v>
      </c>
      <c r="VK7" s="9">
        <f t="shared" si="9"/>
        <v>1.019803902718557</v>
      </c>
      <c r="VL7" s="9">
        <f t="shared" si="9"/>
        <v>1.019803902718557</v>
      </c>
      <c r="VM7" s="9">
        <f t="shared" si="9"/>
        <v>1.019803902718557</v>
      </c>
      <c r="VN7" s="9">
        <f t="shared" ref="VN7:XY7" si="10">1/((1+$F$6) ^(VN3-$F$7))</f>
        <v>1.019803902718557</v>
      </c>
      <c r="VO7" s="9">
        <f t="shared" si="10"/>
        <v>1.019803902718557</v>
      </c>
      <c r="VP7" s="9">
        <f t="shared" si="10"/>
        <v>1.019803902718557</v>
      </c>
      <c r="VQ7" s="9">
        <f t="shared" si="10"/>
        <v>1.019803902718557</v>
      </c>
      <c r="VR7" s="9">
        <f t="shared" si="10"/>
        <v>1.019803902718557</v>
      </c>
      <c r="VS7" s="9">
        <f t="shared" si="10"/>
        <v>1.019803902718557</v>
      </c>
      <c r="VT7" s="9">
        <f t="shared" si="10"/>
        <v>1.019803902718557</v>
      </c>
      <c r="VU7" s="9">
        <f t="shared" si="10"/>
        <v>1.019803902718557</v>
      </c>
      <c r="VV7" s="9">
        <f t="shared" si="10"/>
        <v>1.019803902718557</v>
      </c>
      <c r="VW7" s="9">
        <f t="shared" si="10"/>
        <v>1.019803902718557</v>
      </c>
      <c r="VX7" s="9">
        <f t="shared" si="10"/>
        <v>1.019803902718557</v>
      </c>
      <c r="VY7" s="9">
        <f t="shared" si="10"/>
        <v>1.019803902718557</v>
      </c>
      <c r="VZ7" s="9">
        <f t="shared" si="10"/>
        <v>1.019803902718557</v>
      </c>
      <c r="WA7" s="9">
        <f t="shared" si="10"/>
        <v>1.019803902718557</v>
      </c>
      <c r="WB7" s="9">
        <f t="shared" si="10"/>
        <v>1.019803902718557</v>
      </c>
      <c r="WC7" s="9">
        <f t="shared" si="10"/>
        <v>1.019803902718557</v>
      </c>
      <c r="WD7" s="9">
        <f t="shared" si="10"/>
        <v>1.019803902718557</v>
      </c>
      <c r="WE7" s="9">
        <f t="shared" si="10"/>
        <v>1.019803902718557</v>
      </c>
      <c r="WF7" s="9">
        <f t="shared" si="10"/>
        <v>1.019803902718557</v>
      </c>
      <c r="WG7" s="9">
        <f t="shared" si="10"/>
        <v>1.019803902718557</v>
      </c>
      <c r="WH7" s="9">
        <f t="shared" si="10"/>
        <v>1.019803902718557</v>
      </c>
      <c r="WI7" s="9">
        <f t="shared" si="10"/>
        <v>1.019803902718557</v>
      </c>
      <c r="WJ7" s="9">
        <f t="shared" si="10"/>
        <v>1.019803902718557</v>
      </c>
      <c r="WK7" s="9">
        <f t="shared" si="10"/>
        <v>1.019803902718557</v>
      </c>
      <c r="WL7" s="9">
        <f t="shared" si="10"/>
        <v>1.019803902718557</v>
      </c>
      <c r="WM7" s="9">
        <f t="shared" si="10"/>
        <v>1.019803902718557</v>
      </c>
      <c r="WN7" s="9">
        <f t="shared" si="10"/>
        <v>1.019803902718557</v>
      </c>
      <c r="WO7" s="9">
        <f t="shared" si="10"/>
        <v>1.019803902718557</v>
      </c>
      <c r="WP7" s="9">
        <f t="shared" si="10"/>
        <v>1.019803902718557</v>
      </c>
      <c r="WQ7" s="9">
        <f t="shared" si="10"/>
        <v>1.019803902718557</v>
      </c>
      <c r="WR7" s="9">
        <f t="shared" si="10"/>
        <v>1.019803902718557</v>
      </c>
      <c r="WS7" s="9">
        <f t="shared" si="10"/>
        <v>1.019803902718557</v>
      </c>
      <c r="WT7" s="9">
        <f t="shared" si="10"/>
        <v>1.019803902718557</v>
      </c>
      <c r="WU7" s="9">
        <f t="shared" si="10"/>
        <v>1.019803902718557</v>
      </c>
      <c r="WV7" s="9">
        <f t="shared" si="10"/>
        <v>1.019803902718557</v>
      </c>
      <c r="WW7" s="9">
        <f t="shared" si="10"/>
        <v>1.019803902718557</v>
      </c>
      <c r="WX7" s="9">
        <f t="shared" si="10"/>
        <v>1.019803902718557</v>
      </c>
      <c r="WY7" s="9">
        <f t="shared" si="10"/>
        <v>1.019803902718557</v>
      </c>
      <c r="WZ7" s="9">
        <f t="shared" si="10"/>
        <v>1.019803902718557</v>
      </c>
      <c r="XA7" s="9">
        <f t="shared" si="10"/>
        <v>1.019803902718557</v>
      </c>
      <c r="XB7" s="9">
        <f t="shared" si="10"/>
        <v>1.019803902718557</v>
      </c>
      <c r="XC7" s="9">
        <f t="shared" si="10"/>
        <v>1.019803902718557</v>
      </c>
      <c r="XD7" s="9">
        <f t="shared" si="10"/>
        <v>1.019803902718557</v>
      </c>
      <c r="XE7" s="9">
        <f t="shared" si="10"/>
        <v>1.019803902718557</v>
      </c>
      <c r="XF7" s="9">
        <f t="shared" si="10"/>
        <v>1.019803902718557</v>
      </c>
      <c r="XG7" s="9">
        <f t="shared" si="10"/>
        <v>1.019803902718557</v>
      </c>
      <c r="XH7" s="9">
        <f t="shared" si="10"/>
        <v>1.019803902718557</v>
      </c>
      <c r="XI7" s="9">
        <f t="shared" si="10"/>
        <v>1.019803902718557</v>
      </c>
      <c r="XJ7" s="9">
        <f t="shared" si="10"/>
        <v>1.019803902718557</v>
      </c>
      <c r="XK7" s="9">
        <f t="shared" si="10"/>
        <v>1.019803902718557</v>
      </c>
      <c r="XL7" s="9">
        <f t="shared" si="10"/>
        <v>1.019803902718557</v>
      </c>
      <c r="XM7" s="9">
        <f t="shared" si="10"/>
        <v>1.019803902718557</v>
      </c>
      <c r="XN7" s="9">
        <f t="shared" si="10"/>
        <v>1.019803902718557</v>
      </c>
      <c r="XO7" s="9">
        <f t="shared" si="10"/>
        <v>1.019803902718557</v>
      </c>
      <c r="XP7" s="9">
        <f t="shared" si="10"/>
        <v>1.019803902718557</v>
      </c>
      <c r="XQ7" s="9">
        <f t="shared" si="10"/>
        <v>1.019803902718557</v>
      </c>
      <c r="XR7" s="9">
        <f t="shared" si="10"/>
        <v>1.019803902718557</v>
      </c>
      <c r="XS7" s="9">
        <f t="shared" si="10"/>
        <v>1.019803902718557</v>
      </c>
      <c r="XT7" s="9">
        <f t="shared" si="10"/>
        <v>1.019803902718557</v>
      </c>
      <c r="XU7" s="9">
        <f t="shared" si="10"/>
        <v>1.019803902718557</v>
      </c>
      <c r="XV7" s="9">
        <f t="shared" si="10"/>
        <v>1.019803902718557</v>
      </c>
      <c r="XW7" s="9">
        <f t="shared" si="10"/>
        <v>1.019803902718557</v>
      </c>
      <c r="XX7" s="9">
        <f t="shared" si="10"/>
        <v>1.019803902718557</v>
      </c>
      <c r="XY7" s="9">
        <f t="shared" si="10"/>
        <v>1.019803902718557</v>
      </c>
      <c r="XZ7" s="9">
        <f t="shared" ref="XZ7:AAK7" si="11">1/((1+$F$6) ^(XZ3-$F$7))</f>
        <v>1.019803902718557</v>
      </c>
      <c r="YA7" s="9">
        <f t="shared" si="11"/>
        <v>1.019803902718557</v>
      </c>
      <c r="YB7" s="9">
        <f t="shared" si="11"/>
        <v>1.019803902718557</v>
      </c>
      <c r="YC7" s="9">
        <f t="shared" si="11"/>
        <v>1.019803902718557</v>
      </c>
      <c r="YD7" s="9">
        <f t="shared" si="11"/>
        <v>1.019803902718557</v>
      </c>
      <c r="YE7" s="9">
        <f t="shared" si="11"/>
        <v>1.019803902718557</v>
      </c>
      <c r="YF7" s="9">
        <f t="shared" si="11"/>
        <v>1.019803902718557</v>
      </c>
      <c r="YG7" s="9">
        <f t="shared" si="11"/>
        <v>1.019803902718557</v>
      </c>
      <c r="YH7" s="9">
        <f t="shared" si="11"/>
        <v>1.019803902718557</v>
      </c>
      <c r="YI7" s="9">
        <f t="shared" si="11"/>
        <v>1.019803902718557</v>
      </c>
      <c r="YJ7" s="9">
        <f t="shared" si="11"/>
        <v>1.019803902718557</v>
      </c>
      <c r="YK7" s="9">
        <f t="shared" si="11"/>
        <v>1.019803902718557</v>
      </c>
      <c r="YL7" s="9">
        <f t="shared" si="11"/>
        <v>1.019803902718557</v>
      </c>
      <c r="YM7" s="9">
        <f t="shared" si="11"/>
        <v>1.019803902718557</v>
      </c>
      <c r="YN7" s="9">
        <f t="shared" si="11"/>
        <v>1.019803902718557</v>
      </c>
      <c r="YO7" s="9">
        <f t="shared" si="11"/>
        <v>1.019803902718557</v>
      </c>
      <c r="YP7" s="9">
        <f t="shared" si="11"/>
        <v>1.019803902718557</v>
      </c>
      <c r="YQ7" s="9">
        <f t="shared" si="11"/>
        <v>1.019803902718557</v>
      </c>
      <c r="YR7" s="9">
        <f t="shared" si="11"/>
        <v>1.019803902718557</v>
      </c>
      <c r="YS7" s="9">
        <f t="shared" si="11"/>
        <v>1.019803902718557</v>
      </c>
      <c r="YT7" s="9">
        <f t="shared" si="11"/>
        <v>1.019803902718557</v>
      </c>
      <c r="YU7" s="9">
        <f t="shared" si="11"/>
        <v>1.019803902718557</v>
      </c>
      <c r="YV7" s="9">
        <f t="shared" si="11"/>
        <v>1.019803902718557</v>
      </c>
      <c r="YW7" s="9">
        <f t="shared" si="11"/>
        <v>1.019803902718557</v>
      </c>
      <c r="YX7" s="9">
        <f t="shared" si="11"/>
        <v>1.019803902718557</v>
      </c>
      <c r="YY7" s="9">
        <f t="shared" si="11"/>
        <v>1.019803902718557</v>
      </c>
      <c r="YZ7" s="9">
        <f t="shared" si="11"/>
        <v>1.019803902718557</v>
      </c>
      <c r="ZA7" s="9">
        <f t="shared" si="11"/>
        <v>1.019803902718557</v>
      </c>
      <c r="ZB7" s="9">
        <f t="shared" si="11"/>
        <v>1.019803902718557</v>
      </c>
      <c r="ZC7" s="9">
        <f t="shared" si="11"/>
        <v>1.019803902718557</v>
      </c>
      <c r="ZD7" s="9">
        <f t="shared" si="11"/>
        <v>1.019803902718557</v>
      </c>
      <c r="ZE7" s="9">
        <f t="shared" si="11"/>
        <v>1.019803902718557</v>
      </c>
      <c r="ZF7" s="9">
        <f t="shared" si="11"/>
        <v>1.019803902718557</v>
      </c>
      <c r="ZG7" s="9">
        <f t="shared" si="11"/>
        <v>1.019803902718557</v>
      </c>
      <c r="ZH7" s="9">
        <f t="shared" si="11"/>
        <v>1.019803902718557</v>
      </c>
      <c r="ZI7" s="9">
        <f t="shared" si="11"/>
        <v>1.019803902718557</v>
      </c>
      <c r="ZJ7" s="9">
        <f t="shared" si="11"/>
        <v>1.019803902718557</v>
      </c>
      <c r="ZK7" s="9">
        <f t="shared" si="11"/>
        <v>1.019803902718557</v>
      </c>
      <c r="ZL7" s="9">
        <f t="shared" si="11"/>
        <v>1.019803902718557</v>
      </c>
      <c r="ZM7" s="9">
        <f t="shared" si="11"/>
        <v>1.019803902718557</v>
      </c>
      <c r="ZN7" s="9">
        <f t="shared" si="11"/>
        <v>1.019803902718557</v>
      </c>
      <c r="ZO7" s="9">
        <f t="shared" si="11"/>
        <v>1.019803902718557</v>
      </c>
      <c r="ZP7" s="9">
        <f t="shared" si="11"/>
        <v>1.019803902718557</v>
      </c>
      <c r="ZQ7" s="9">
        <f t="shared" si="11"/>
        <v>1.019803902718557</v>
      </c>
      <c r="ZR7" s="9">
        <f t="shared" si="11"/>
        <v>1.019803902718557</v>
      </c>
      <c r="ZS7" s="9">
        <f t="shared" si="11"/>
        <v>1.019803902718557</v>
      </c>
      <c r="ZT7" s="9">
        <f t="shared" si="11"/>
        <v>1.019803902718557</v>
      </c>
      <c r="ZU7" s="9">
        <f t="shared" si="11"/>
        <v>1.019803902718557</v>
      </c>
      <c r="ZV7" s="9">
        <f t="shared" si="11"/>
        <v>1.019803902718557</v>
      </c>
      <c r="ZW7" s="9">
        <f t="shared" si="11"/>
        <v>1.019803902718557</v>
      </c>
      <c r="ZX7" s="9">
        <f t="shared" si="11"/>
        <v>1.019803902718557</v>
      </c>
      <c r="ZY7" s="9">
        <f t="shared" si="11"/>
        <v>1.019803902718557</v>
      </c>
      <c r="ZZ7" s="9">
        <f t="shared" si="11"/>
        <v>1.019803902718557</v>
      </c>
      <c r="AAA7" s="9">
        <f t="shared" si="11"/>
        <v>1.019803902718557</v>
      </c>
      <c r="AAB7" s="9">
        <f t="shared" si="11"/>
        <v>1.019803902718557</v>
      </c>
      <c r="AAC7" s="9">
        <f t="shared" si="11"/>
        <v>1.019803902718557</v>
      </c>
      <c r="AAD7" s="9">
        <f t="shared" si="11"/>
        <v>1.019803902718557</v>
      </c>
      <c r="AAE7" s="9">
        <f t="shared" si="11"/>
        <v>1.019803902718557</v>
      </c>
      <c r="AAF7" s="9">
        <f t="shared" si="11"/>
        <v>1.019803902718557</v>
      </c>
      <c r="AAG7" s="9">
        <f t="shared" si="11"/>
        <v>1.019803902718557</v>
      </c>
      <c r="AAH7" s="9">
        <f t="shared" si="11"/>
        <v>1.019803902718557</v>
      </c>
      <c r="AAI7" s="9">
        <f t="shared" si="11"/>
        <v>1.019803902718557</v>
      </c>
      <c r="AAJ7" s="9">
        <f t="shared" si="11"/>
        <v>1.019803902718557</v>
      </c>
      <c r="AAK7" s="9">
        <f t="shared" si="11"/>
        <v>1.019803902718557</v>
      </c>
      <c r="AAL7" s="9">
        <f t="shared" ref="AAL7:ACW7" si="12">1/((1+$F$6) ^(AAL3-$F$7))</f>
        <v>1.019803902718557</v>
      </c>
      <c r="AAM7" s="9">
        <f t="shared" si="12"/>
        <v>1.019803902718557</v>
      </c>
      <c r="AAN7" s="9">
        <f t="shared" si="12"/>
        <v>1.019803902718557</v>
      </c>
      <c r="AAO7" s="9">
        <f t="shared" si="12"/>
        <v>1.019803902718557</v>
      </c>
      <c r="AAP7" s="9">
        <f t="shared" si="12"/>
        <v>1.019803902718557</v>
      </c>
      <c r="AAQ7" s="9">
        <f t="shared" si="12"/>
        <v>1.019803902718557</v>
      </c>
      <c r="AAR7" s="9">
        <f t="shared" si="12"/>
        <v>1.019803902718557</v>
      </c>
      <c r="AAS7" s="9">
        <f t="shared" si="12"/>
        <v>1.019803902718557</v>
      </c>
      <c r="AAT7" s="9">
        <f t="shared" si="12"/>
        <v>1.019803902718557</v>
      </c>
      <c r="AAU7" s="9">
        <f t="shared" si="12"/>
        <v>1.019803902718557</v>
      </c>
      <c r="AAV7" s="9">
        <f t="shared" si="12"/>
        <v>1.019803902718557</v>
      </c>
      <c r="AAW7" s="9">
        <f t="shared" si="12"/>
        <v>1.019803902718557</v>
      </c>
      <c r="AAX7" s="9">
        <f t="shared" si="12"/>
        <v>1.019803902718557</v>
      </c>
      <c r="AAY7" s="9">
        <f t="shared" si="12"/>
        <v>1.019803902718557</v>
      </c>
      <c r="AAZ7" s="9">
        <f t="shared" si="12"/>
        <v>1.019803902718557</v>
      </c>
      <c r="ABA7" s="9">
        <f t="shared" si="12"/>
        <v>1.019803902718557</v>
      </c>
      <c r="ABB7" s="9">
        <f t="shared" si="12"/>
        <v>1.019803902718557</v>
      </c>
      <c r="ABC7" s="9">
        <f t="shared" si="12"/>
        <v>1.019803902718557</v>
      </c>
      <c r="ABD7" s="9">
        <f t="shared" si="12"/>
        <v>1.019803902718557</v>
      </c>
      <c r="ABE7" s="9">
        <f t="shared" si="12"/>
        <v>1.019803902718557</v>
      </c>
      <c r="ABF7" s="9">
        <f t="shared" si="12"/>
        <v>1.019803902718557</v>
      </c>
      <c r="ABG7" s="9">
        <f t="shared" si="12"/>
        <v>1.019803902718557</v>
      </c>
      <c r="ABH7" s="9">
        <f t="shared" si="12"/>
        <v>1.019803902718557</v>
      </c>
      <c r="ABI7" s="9">
        <f t="shared" si="12"/>
        <v>1.019803902718557</v>
      </c>
      <c r="ABJ7" s="9">
        <f t="shared" si="12"/>
        <v>1.019803902718557</v>
      </c>
      <c r="ABK7" s="9">
        <f t="shared" si="12"/>
        <v>1.019803902718557</v>
      </c>
      <c r="ABL7" s="9">
        <f t="shared" si="12"/>
        <v>1.019803902718557</v>
      </c>
      <c r="ABM7" s="9">
        <f t="shared" si="12"/>
        <v>1.019803902718557</v>
      </c>
      <c r="ABN7" s="9">
        <f t="shared" si="12"/>
        <v>1.019803902718557</v>
      </c>
      <c r="ABO7" s="9">
        <f t="shared" si="12"/>
        <v>1.019803902718557</v>
      </c>
      <c r="ABP7" s="9">
        <f t="shared" si="12"/>
        <v>1.019803902718557</v>
      </c>
      <c r="ABQ7" s="9">
        <f t="shared" si="12"/>
        <v>1.019803902718557</v>
      </c>
      <c r="ABR7" s="9">
        <f t="shared" si="12"/>
        <v>1.019803902718557</v>
      </c>
      <c r="ABS7" s="9">
        <f t="shared" si="12"/>
        <v>1.019803902718557</v>
      </c>
      <c r="ABT7" s="9">
        <f t="shared" si="12"/>
        <v>1.019803902718557</v>
      </c>
      <c r="ABU7" s="9">
        <f t="shared" si="12"/>
        <v>1.019803902718557</v>
      </c>
      <c r="ABV7" s="9">
        <f t="shared" si="12"/>
        <v>1.019803902718557</v>
      </c>
      <c r="ABW7" s="9">
        <f t="shared" si="12"/>
        <v>1.019803902718557</v>
      </c>
      <c r="ABX7" s="9">
        <f t="shared" si="12"/>
        <v>1.019803902718557</v>
      </c>
      <c r="ABY7" s="9">
        <f t="shared" si="12"/>
        <v>1.019803902718557</v>
      </c>
      <c r="ABZ7" s="9">
        <f t="shared" si="12"/>
        <v>1.019803902718557</v>
      </c>
      <c r="ACA7" s="9">
        <f t="shared" si="12"/>
        <v>1.019803902718557</v>
      </c>
      <c r="ACB7" s="9">
        <f t="shared" si="12"/>
        <v>1.019803902718557</v>
      </c>
      <c r="ACC7" s="9">
        <f t="shared" si="12"/>
        <v>1.019803902718557</v>
      </c>
      <c r="ACD7" s="9">
        <f t="shared" si="12"/>
        <v>1.019803902718557</v>
      </c>
      <c r="ACE7" s="9">
        <f t="shared" si="12"/>
        <v>1.019803902718557</v>
      </c>
      <c r="ACF7" s="9">
        <f t="shared" si="12"/>
        <v>1.019803902718557</v>
      </c>
      <c r="ACG7" s="9">
        <f t="shared" si="12"/>
        <v>1.019803902718557</v>
      </c>
      <c r="ACH7" s="9">
        <f t="shared" si="12"/>
        <v>1.019803902718557</v>
      </c>
      <c r="ACI7" s="9">
        <f t="shared" si="12"/>
        <v>1.019803902718557</v>
      </c>
      <c r="ACJ7" s="9">
        <f t="shared" si="12"/>
        <v>1.019803902718557</v>
      </c>
      <c r="ACK7" s="9">
        <f t="shared" si="12"/>
        <v>1.019803902718557</v>
      </c>
      <c r="ACL7" s="9">
        <f t="shared" si="12"/>
        <v>1.019803902718557</v>
      </c>
      <c r="ACM7" s="9">
        <f t="shared" si="12"/>
        <v>1.019803902718557</v>
      </c>
      <c r="ACN7" s="9">
        <f t="shared" si="12"/>
        <v>1.019803902718557</v>
      </c>
      <c r="ACO7" s="9">
        <f t="shared" si="12"/>
        <v>1.019803902718557</v>
      </c>
      <c r="ACP7" s="9">
        <f t="shared" si="12"/>
        <v>1.019803902718557</v>
      </c>
      <c r="ACQ7" s="9">
        <f t="shared" si="12"/>
        <v>1.019803902718557</v>
      </c>
      <c r="ACR7" s="9">
        <f t="shared" si="12"/>
        <v>1.019803902718557</v>
      </c>
      <c r="ACS7" s="9">
        <f t="shared" si="12"/>
        <v>1.019803902718557</v>
      </c>
      <c r="ACT7" s="9">
        <f t="shared" si="12"/>
        <v>1.019803902718557</v>
      </c>
      <c r="ACU7" s="9">
        <f t="shared" si="12"/>
        <v>1.019803902718557</v>
      </c>
      <c r="ACV7" s="9">
        <f t="shared" si="12"/>
        <v>1.019803902718557</v>
      </c>
      <c r="ACW7" s="9">
        <f t="shared" si="12"/>
        <v>1.019803902718557</v>
      </c>
      <c r="ACX7" s="9">
        <f t="shared" ref="ACX7:AFI7" si="13">1/((1+$F$6) ^(ACX3-$F$7))</f>
        <v>1.019803902718557</v>
      </c>
      <c r="ACY7" s="9">
        <f t="shared" si="13"/>
        <v>1.019803902718557</v>
      </c>
      <c r="ACZ7" s="9">
        <f t="shared" si="13"/>
        <v>1.019803902718557</v>
      </c>
      <c r="ADA7" s="9">
        <f t="shared" si="13"/>
        <v>1.019803902718557</v>
      </c>
      <c r="ADB7" s="9">
        <f t="shared" si="13"/>
        <v>1.019803902718557</v>
      </c>
      <c r="ADC7" s="9">
        <f t="shared" si="13"/>
        <v>1.019803902718557</v>
      </c>
      <c r="ADD7" s="9">
        <f t="shared" si="13"/>
        <v>1.019803902718557</v>
      </c>
      <c r="ADE7" s="9">
        <f t="shared" si="13"/>
        <v>1.019803902718557</v>
      </c>
      <c r="ADF7" s="9">
        <f t="shared" si="13"/>
        <v>1.019803902718557</v>
      </c>
      <c r="ADG7" s="9">
        <f t="shared" si="13"/>
        <v>1.019803902718557</v>
      </c>
      <c r="ADH7" s="9">
        <f t="shared" si="13"/>
        <v>1.019803902718557</v>
      </c>
      <c r="ADI7" s="9">
        <f t="shared" si="13"/>
        <v>1.019803902718557</v>
      </c>
      <c r="ADJ7" s="9">
        <f t="shared" si="13"/>
        <v>1.019803902718557</v>
      </c>
      <c r="ADK7" s="9">
        <f t="shared" si="13"/>
        <v>1.019803902718557</v>
      </c>
      <c r="ADL7" s="9">
        <f t="shared" si="13"/>
        <v>1.019803902718557</v>
      </c>
      <c r="ADM7" s="9">
        <f t="shared" si="13"/>
        <v>1.019803902718557</v>
      </c>
      <c r="ADN7" s="9">
        <f t="shared" si="13"/>
        <v>1.019803902718557</v>
      </c>
      <c r="ADO7" s="9">
        <f t="shared" si="13"/>
        <v>1.019803902718557</v>
      </c>
      <c r="ADP7" s="9">
        <f t="shared" si="13"/>
        <v>1.019803902718557</v>
      </c>
      <c r="ADQ7" s="9">
        <f t="shared" si="13"/>
        <v>1.019803902718557</v>
      </c>
      <c r="ADR7" s="9">
        <f t="shared" si="13"/>
        <v>1.019803902718557</v>
      </c>
      <c r="ADS7" s="9">
        <f t="shared" si="13"/>
        <v>1.019803902718557</v>
      </c>
      <c r="ADT7" s="9">
        <f t="shared" si="13"/>
        <v>1.019803902718557</v>
      </c>
      <c r="ADU7" s="9">
        <f t="shared" si="13"/>
        <v>1.019803902718557</v>
      </c>
      <c r="ADV7" s="9">
        <f t="shared" si="13"/>
        <v>1.019803902718557</v>
      </c>
      <c r="ADW7" s="9">
        <f t="shared" si="13"/>
        <v>1.019803902718557</v>
      </c>
      <c r="ADX7" s="9">
        <f t="shared" si="13"/>
        <v>1.019803902718557</v>
      </c>
      <c r="ADY7" s="9">
        <f t="shared" si="13"/>
        <v>1.019803902718557</v>
      </c>
      <c r="ADZ7" s="9">
        <f t="shared" si="13"/>
        <v>1.019803902718557</v>
      </c>
      <c r="AEA7" s="9">
        <f t="shared" si="13"/>
        <v>1.019803902718557</v>
      </c>
      <c r="AEB7" s="9">
        <f t="shared" si="13"/>
        <v>1.019803902718557</v>
      </c>
      <c r="AEC7" s="9">
        <f t="shared" si="13"/>
        <v>1.019803902718557</v>
      </c>
      <c r="AED7" s="9">
        <f t="shared" si="13"/>
        <v>1.019803902718557</v>
      </c>
      <c r="AEE7" s="9">
        <f t="shared" si="13"/>
        <v>1.019803902718557</v>
      </c>
      <c r="AEF7" s="9">
        <f t="shared" si="13"/>
        <v>1.019803902718557</v>
      </c>
      <c r="AEG7" s="9">
        <f t="shared" si="13"/>
        <v>1.019803902718557</v>
      </c>
      <c r="AEH7" s="9">
        <f t="shared" si="13"/>
        <v>1.019803902718557</v>
      </c>
      <c r="AEI7" s="9">
        <f t="shared" si="13"/>
        <v>1.019803902718557</v>
      </c>
      <c r="AEJ7" s="9">
        <f t="shared" si="13"/>
        <v>1.019803902718557</v>
      </c>
      <c r="AEK7" s="9">
        <f t="shared" si="13"/>
        <v>1.019803902718557</v>
      </c>
      <c r="AEL7" s="9">
        <f t="shared" si="13"/>
        <v>1.019803902718557</v>
      </c>
      <c r="AEM7" s="9">
        <f t="shared" si="13"/>
        <v>1.019803902718557</v>
      </c>
      <c r="AEN7" s="9">
        <f t="shared" si="13"/>
        <v>1.019803902718557</v>
      </c>
      <c r="AEO7" s="9">
        <f t="shared" si="13"/>
        <v>1.019803902718557</v>
      </c>
      <c r="AEP7" s="9">
        <f t="shared" si="13"/>
        <v>1.019803902718557</v>
      </c>
      <c r="AEQ7" s="9">
        <f t="shared" si="13"/>
        <v>1.019803902718557</v>
      </c>
      <c r="AER7" s="9">
        <f t="shared" si="13"/>
        <v>1.019803902718557</v>
      </c>
      <c r="AES7" s="9">
        <f t="shared" si="13"/>
        <v>1.019803902718557</v>
      </c>
      <c r="AET7" s="9">
        <f t="shared" si="13"/>
        <v>1.019803902718557</v>
      </c>
      <c r="AEU7" s="9">
        <f t="shared" si="13"/>
        <v>1.019803902718557</v>
      </c>
      <c r="AEV7" s="9">
        <f t="shared" si="13"/>
        <v>1.019803902718557</v>
      </c>
      <c r="AEW7" s="9">
        <f t="shared" si="13"/>
        <v>1.019803902718557</v>
      </c>
      <c r="AEX7" s="9">
        <f t="shared" si="13"/>
        <v>1.019803902718557</v>
      </c>
      <c r="AEY7" s="9">
        <f t="shared" si="13"/>
        <v>1.019803902718557</v>
      </c>
      <c r="AEZ7" s="9">
        <f t="shared" si="13"/>
        <v>1.019803902718557</v>
      </c>
      <c r="AFA7" s="9">
        <f t="shared" si="13"/>
        <v>1.019803902718557</v>
      </c>
      <c r="AFB7" s="9">
        <f t="shared" si="13"/>
        <v>1.019803902718557</v>
      </c>
      <c r="AFC7" s="9">
        <f t="shared" si="13"/>
        <v>1.019803902718557</v>
      </c>
      <c r="AFD7" s="9">
        <f t="shared" si="13"/>
        <v>1.019803902718557</v>
      </c>
      <c r="AFE7" s="9">
        <f t="shared" si="13"/>
        <v>1.019803902718557</v>
      </c>
      <c r="AFF7" s="9">
        <f t="shared" si="13"/>
        <v>1.019803902718557</v>
      </c>
      <c r="AFG7" s="9">
        <f t="shared" si="13"/>
        <v>1.019803902718557</v>
      </c>
      <c r="AFH7" s="9">
        <f t="shared" si="13"/>
        <v>1.019803902718557</v>
      </c>
      <c r="AFI7" s="9">
        <f t="shared" si="13"/>
        <v>1.019803902718557</v>
      </c>
      <c r="AFJ7" s="9">
        <f t="shared" ref="AFJ7:AHU7" si="14">1/((1+$F$6) ^(AFJ3-$F$7))</f>
        <v>1.019803902718557</v>
      </c>
      <c r="AFK7" s="9">
        <f t="shared" si="14"/>
        <v>1.019803902718557</v>
      </c>
      <c r="AFL7" s="9">
        <f t="shared" si="14"/>
        <v>1.019803902718557</v>
      </c>
      <c r="AFM7" s="9">
        <f t="shared" si="14"/>
        <v>1.019803902718557</v>
      </c>
      <c r="AFN7" s="9">
        <f t="shared" si="14"/>
        <v>1.019803902718557</v>
      </c>
      <c r="AFO7" s="9">
        <f t="shared" si="14"/>
        <v>1.019803902718557</v>
      </c>
      <c r="AFP7" s="9">
        <f t="shared" si="14"/>
        <v>1.019803902718557</v>
      </c>
      <c r="AFQ7" s="9">
        <f t="shared" si="14"/>
        <v>1.019803902718557</v>
      </c>
      <c r="AFR7" s="9">
        <f t="shared" si="14"/>
        <v>1.019803902718557</v>
      </c>
      <c r="AFS7" s="9">
        <f t="shared" si="14"/>
        <v>1.019803902718557</v>
      </c>
      <c r="AFT7" s="9">
        <f t="shared" si="14"/>
        <v>1.019803902718557</v>
      </c>
      <c r="AFU7" s="9">
        <f t="shared" si="14"/>
        <v>1.019803902718557</v>
      </c>
      <c r="AFV7" s="9">
        <f t="shared" si="14"/>
        <v>1.019803902718557</v>
      </c>
      <c r="AFW7" s="9">
        <f t="shared" si="14"/>
        <v>1.019803902718557</v>
      </c>
      <c r="AFX7" s="9">
        <f t="shared" si="14"/>
        <v>1.019803902718557</v>
      </c>
      <c r="AFY7" s="9">
        <f t="shared" si="14"/>
        <v>1.019803902718557</v>
      </c>
      <c r="AFZ7" s="9">
        <f t="shared" si="14"/>
        <v>1.019803902718557</v>
      </c>
      <c r="AGA7" s="9">
        <f t="shared" si="14"/>
        <v>1.019803902718557</v>
      </c>
      <c r="AGB7" s="9">
        <f t="shared" si="14"/>
        <v>1.019803902718557</v>
      </c>
      <c r="AGC7" s="9">
        <f t="shared" si="14"/>
        <v>1.019803902718557</v>
      </c>
      <c r="AGD7" s="9">
        <f t="shared" si="14"/>
        <v>1.019803902718557</v>
      </c>
      <c r="AGE7" s="9">
        <f t="shared" si="14"/>
        <v>1.019803902718557</v>
      </c>
      <c r="AGF7" s="9">
        <f t="shared" si="14"/>
        <v>1.019803902718557</v>
      </c>
      <c r="AGG7" s="9">
        <f t="shared" si="14"/>
        <v>1.019803902718557</v>
      </c>
      <c r="AGH7" s="9">
        <f t="shared" si="14"/>
        <v>1.019803902718557</v>
      </c>
      <c r="AGI7" s="9">
        <f t="shared" si="14"/>
        <v>1.019803902718557</v>
      </c>
      <c r="AGJ7" s="9">
        <f t="shared" si="14"/>
        <v>1.019803902718557</v>
      </c>
      <c r="AGK7" s="9">
        <f t="shared" si="14"/>
        <v>1.019803902718557</v>
      </c>
      <c r="AGL7" s="9">
        <f t="shared" si="14"/>
        <v>1.019803902718557</v>
      </c>
      <c r="AGM7" s="9">
        <f t="shared" si="14"/>
        <v>1.019803902718557</v>
      </c>
      <c r="AGN7" s="9">
        <f t="shared" si="14"/>
        <v>1.019803902718557</v>
      </c>
      <c r="AGO7" s="9">
        <f t="shared" si="14"/>
        <v>1.019803902718557</v>
      </c>
      <c r="AGP7" s="9">
        <f t="shared" si="14"/>
        <v>1.019803902718557</v>
      </c>
      <c r="AGQ7" s="9">
        <f t="shared" si="14"/>
        <v>1.019803902718557</v>
      </c>
      <c r="AGR7" s="9">
        <f t="shared" si="14"/>
        <v>1.019803902718557</v>
      </c>
      <c r="AGS7" s="9">
        <f t="shared" si="14"/>
        <v>1.019803902718557</v>
      </c>
      <c r="AGT7" s="9">
        <f t="shared" si="14"/>
        <v>1.019803902718557</v>
      </c>
      <c r="AGU7" s="9">
        <f t="shared" si="14"/>
        <v>1.019803902718557</v>
      </c>
      <c r="AGV7" s="9">
        <f t="shared" si="14"/>
        <v>1.019803902718557</v>
      </c>
      <c r="AGW7" s="9">
        <f t="shared" si="14"/>
        <v>1.019803902718557</v>
      </c>
      <c r="AGX7" s="9">
        <f t="shared" si="14"/>
        <v>1.019803902718557</v>
      </c>
      <c r="AGY7" s="9">
        <f t="shared" si="14"/>
        <v>1.019803902718557</v>
      </c>
      <c r="AGZ7" s="9">
        <f t="shared" si="14"/>
        <v>1.019803902718557</v>
      </c>
      <c r="AHA7" s="9">
        <f t="shared" si="14"/>
        <v>1.019803902718557</v>
      </c>
      <c r="AHB7" s="9">
        <f t="shared" si="14"/>
        <v>1.019803902718557</v>
      </c>
      <c r="AHC7" s="9">
        <f t="shared" si="14"/>
        <v>1.019803902718557</v>
      </c>
      <c r="AHD7" s="9">
        <f t="shared" si="14"/>
        <v>1.019803902718557</v>
      </c>
      <c r="AHE7" s="9">
        <f t="shared" si="14"/>
        <v>1.019803902718557</v>
      </c>
      <c r="AHF7" s="9">
        <f t="shared" si="14"/>
        <v>1.019803902718557</v>
      </c>
      <c r="AHG7" s="9">
        <f t="shared" si="14"/>
        <v>1.019803902718557</v>
      </c>
      <c r="AHH7" s="9">
        <f t="shared" si="14"/>
        <v>1.019803902718557</v>
      </c>
      <c r="AHI7" s="9">
        <f t="shared" si="14"/>
        <v>1.019803902718557</v>
      </c>
      <c r="AHJ7" s="9">
        <f t="shared" si="14"/>
        <v>1.019803902718557</v>
      </c>
      <c r="AHK7" s="9">
        <f t="shared" si="14"/>
        <v>1.019803902718557</v>
      </c>
      <c r="AHL7" s="9">
        <f t="shared" si="14"/>
        <v>1.019803902718557</v>
      </c>
      <c r="AHM7" s="9">
        <f t="shared" si="14"/>
        <v>1.019803902718557</v>
      </c>
      <c r="AHN7" s="9">
        <f t="shared" si="14"/>
        <v>1.019803902718557</v>
      </c>
      <c r="AHO7" s="9">
        <f t="shared" si="14"/>
        <v>1.019803902718557</v>
      </c>
      <c r="AHP7" s="9">
        <f t="shared" si="14"/>
        <v>1.019803902718557</v>
      </c>
      <c r="AHQ7" s="9">
        <f t="shared" si="14"/>
        <v>1.019803902718557</v>
      </c>
      <c r="AHR7" s="9">
        <f t="shared" si="14"/>
        <v>1.019803902718557</v>
      </c>
      <c r="AHS7" s="9">
        <f t="shared" si="14"/>
        <v>1.019803902718557</v>
      </c>
      <c r="AHT7" s="9">
        <f t="shared" si="14"/>
        <v>1.019803902718557</v>
      </c>
      <c r="AHU7" s="9">
        <f t="shared" si="14"/>
        <v>1.019803902718557</v>
      </c>
      <c r="AHV7" s="9">
        <f t="shared" ref="AHV7:AKG7" si="15">1/((1+$F$6) ^(AHV3-$F$7))</f>
        <v>1.019803902718557</v>
      </c>
      <c r="AHW7" s="9">
        <f t="shared" si="15"/>
        <v>1.019803902718557</v>
      </c>
      <c r="AHX7" s="9">
        <f t="shared" si="15"/>
        <v>1.019803902718557</v>
      </c>
      <c r="AHY7" s="9">
        <f t="shared" si="15"/>
        <v>1.019803902718557</v>
      </c>
      <c r="AHZ7" s="9">
        <f t="shared" si="15"/>
        <v>1.019803902718557</v>
      </c>
      <c r="AIA7" s="9">
        <f t="shared" si="15"/>
        <v>1.019803902718557</v>
      </c>
      <c r="AIB7" s="9">
        <f t="shared" si="15"/>
        <v>1.019803902718557</v>
      </c>
      <c r="AIC7" s="9">
        <f t="shared" si="15"/>
        <v>1.019803902718557</v>
      </c>
      <c r="AID7" s="9">
        <f t="shared" si="15"/>
        <v>1.019803902718557</v>
      </c>
      <c r="AIE7" s="9">
        <f t="shared" si="15"/>
        <v>1.019803902718557</v>
      </c>
      <c r="AIF7" s="9">
        <f t="shared" si="15"/>
        <v>1.019803902718557</v>
      </c>
      <c r="AIG7" s="9">
        <f t="shared" si="15"/>
        <v>1.019803902718557</v>
      </c>
      <c r="AIH7" s="9">
        <f t="shared" si="15"/>
        <v>1.019803902718557</v>
      </c>
      <c r="AII7" s="9">
        <f t="shared" si="15"/>
        <v>1.019803902718557</v>
      </c>
      <c r="AIJ7" s="9">
        <f t="shared" si="15"/>
        <v>1.019803902718557</v>
      </c>
      <c r="AIK7" s="9">
        <f t="shared" si="15"/>
        <v>1.019803902718557</v>
      </c>
      <c r="AIL7" s="9">
        <f t="shared" si="15"/>
        <v>1.019803902718557</v>
      </c>
      <c r="AIM7" s="9">
        <f t="shared" si="15"/>
        <v>1.019803902718557</v>
      </c>
      <c r="AIN7" s="9">
        <f t="shared" si="15"/>
        <v>1.019803902718557</v>
      </c>
      <c r="AIO7" s="9">
        <f t="shared" si="15"/>
        <v>1.019803902718557</v>
      </c>
      <c r="AIP7" s="9">
        <f t="shared" si="15"/>
        <v>1.019803902718557</v>
      </c>
      <c r="AIQ7" s="9">
        <f t="shared" si="15"/>
        <v>1.019803902718557</v>
      </c>
      <c r="AIR7" s="9">
        <f t="shared" si="15"/>
        <v>1.019803902718557</v>
      </c>
      <c r="AIS7" s="9">
        <f t="shared" si="15"/>
        <v>1.019803902718557</v>
      </c>
      <c r="AIT7" s="9">
        <f t="shared" si="15"/>
        <v>1.019803902718557</v>
      </c>
      <c r="AIU7" s="9">
        <f t="shared" si="15"/>
        <v>1.019803902718557</v>
      </c>
      <c r="AIV7" s="9">
        <f t="shared" si="15"/>
        <v>1.019803902718557</v>
      </c>
      <c r="AIW7" s="9">
        <f t="shared" si="15"/>
        <v>1.019803902718557</v>
      </c>
      <c r="AIX7" s="9">
        <f t="shared" si="15"/>
        <v>1.019803902718557</v>
      </c>
      <c r="AIY7" s="9">
        <f t="shared" si="15"/>
        <v>1.019803902718557</v>
      </c>
      <c r="AIZ7" s="9">
        <f t="shared" si="15"/>
        <v>1.019803902718557</v>
      </c>
      <c r="AJA7" s="9">
        <f t="shared" si="15"/>
        <v>1.019803902718557</v>
      </c>
      <c r="AJB7" s="9">
        <f t="shared" si="15"/>
        <v>1.019803902718557</v>
      </c>
      <c r="AJC7" s="9">
        <f t="shared" si="15"/>
        <v>1.019803902718557</v>
      </c>
      <c r="AJD7" s="9">
        <f t="shared" si="15"/>
        <v>1.019803902718557</v>
      </c>
      <c r="AJE7" s="9">
        <f t="shared" si="15"/>
        <v>1.019803902718557</v>
      </c>
      <c r="AJF7" s="9">
        <f t="shared" si="15"/>
        <v>1.019803902718557</v>
      </c>
      <c r="AJG7" s="9">
        <f t="shared" si="15"/>
        <v>1.019803902718557</v>
      </c>
      <c r="AJH7" s="9">
        <f t="shared" si="15"/>
        <v>1.019803902718557</v>
      </c>
      <c r="AJI7" s="9">
        <f t="shared" si="15"/>
        <v>1.019803902718557</v>
      </c>
      <c r="AJJ7" s="9">
        <f t="shared" si="15"/>
        <v>1.019803902718557</v>
      </c>
      <c r="AJK7" s="9">
        <f t="shared" si="15"/>
        <v>1.019803902718557</v>
      </c>
      <c r="AJL7" s="9">
        <f t="shared" si="15"/>
        <v>1.019803902718557</v>
      </c>
      <c r="AJM7" s="9">
        <f t="shared" si="15"/>
        <v>1.019803902718557</v>
      </c>
      <c r="AJN7" s="9">
        <f t="shared" si="15"/>
        <v>1.019803902718557</v>
      </c>
      <c r="AJO7" s="9">
        <f t="shared" si="15"/>
        <v>1.019803902718557</v>
      </c>
      <c r="AJP7" s="9">
        <f t="shared" si="15"/>
        <v>1.019803902718557</v>
      </c>
      <c r="AJQ7" s="9">
        <f t="shared" si="15"/>
        <v>1.019803902718557</v>
      </c>
      <c r="AJR7" s="9">
        <f t="shared" si="15"/>
        <v>1.019803902718557</v>
      </c>
      <c r="AJS7" s="9">
        <f t="shared" si="15"/>
        <v>1.019803902718557</v>
      </c>
      <c r="AJT7" s="9">
        <f t="shared" si="15"/>
        <v>1.019803902718557</v>
      </c>
      <c r="AJU7" s="9">
        <f t="shared" si="15"/>
        <v>1.019803902718557</v>
      </c>
      <c r="AJV7" s="9">
        <f t="shared" si="15"/>
        <v>1.019803902718557</v>
      </c>
      <c r="AJW7" s="9">
        <f t="shared" si="15"/>
        <v>1.019803902718557</v>
      </c>
      <c r="AJX7" s="9">
        <f t="shared" si="15"/>
        <v>1.019803902718557</v>
      </c>
      <c r="AJY7" s="9">
        <f t="shared" si="15"/>
        <v>1.019803902718557</v>
      </c>
      <c r="AJZ7" s="9">
        <f t="shared" si="15"/>
        <v>1.019803902718557</v>
      </c>
      <c r="AKA7" s="9">
        <f t="shared" si="15"/>
        <v>1.019803902718557</v>
      </c>
      <c r="AKB7" s="9">
        <f t="shared" si="15"/>
        <v>1.019803902718557</v>
      </c>
      <c r="AKC7" s="9">
        <f t="shared" si="15"/>
        <v>1.019803902718557</v>
      </c>
      <c r="AKD7" s="9">
        <f t="shared" si="15"/>
        <v>1.019803902718557</v>
      </c>
      <c r="AKE7" s="9">
        <f t="shared" si="15"/>
        <v>1.019803902718557</v>
      </c>
      <c r="AKF7" s="9">
        <f t="shared" si="15"/>
        <v>1.019803902718557</v>
      </c>
      <c r="AKG7" s="9">
        <f t="shared" si="15"/>
        <v>1.019803902718557</v>
      </c>
      <c r="AKH7" s="9">
        <f t="shared" ref="AKH7:AMS7" si="16">1/((1+$F$6) ^(AKH3-$F$7))</f>
        <v>1.019803902718557</v>
      </c>
      <c r="AKI7" s="9">
        <f t="shared" si="16"/>
        <v>1.019803902718557</v>
      </c>
      <c r="AKJ7" s="9">
        <f t="shared" si="16"/>
        <v>1.019803902718557</v>
      </c>
      <c r="AKK7" s="9">
        <f t="shared" si="16"/>
        <v>1.019803902718557</v>
      </c>
      <c r="AKL7" s="9">
        <f t="shared" si="16"/>
        <v>1.019803902718557</v>
      </c>
      <c r="AKM7" s="9">
        <f t="shared" si="16"/>
        <v>1.019803902718557</v>
      </c>
      <c r="AKN7" s="9">
        <f t="shared" si="16"/>
        <v>1.019803902718557</v>
      </c>
      <c r="AKO7" s="9">
        <f t="shared" si="16"/>
        <v>1.019803902718557</v>
      </c>
      <c r="AKP7" s="9">
        <f t="shared" si="16"/>
        <v>1.019803902718557</v>
      </c>
      <c r="AKQ7" s="9">
        <f t="shared" si="16"/>
        <v>1.019803902718557</v>
      </c>
      <c r="AKR7" s="9">
        <f t="shared" si="16"/>
        <v>1.019803902718557</v>
      </c>
      <c r="AKS7" s="9">
        <f t="shared" si="16"/>
        <v>1.019803902718557</v>
      </c>
      <c r="AKT7" s="9">
        <f t="shared" si="16"/>
        <v>1.019803902718557</v>
      </c>
      <c r="AKU7" s="9">
        <f t="shared" si="16"/>
        <v>1.019803902718557</v>
      </c>
      <c r="AKV7" s="9">
        <f t="shared" si="16"/>
        <v>1.019803902718557</v>
      </c>
      <c r="AKW7" s="9">
        <f t="shared" si="16"/>
        <v>1.019803902718557</v>
      </c>
      <c r="AKX7" s="9">
        <f t="shared" si="16"/>
        <v>1.019803902718557</v>
      </c>
      <c r="AKY7" s="9">
        <f t="shared" si="16"/>
        <v>1.019803902718557</v>
      </c>
      <c r="AKZ7" s="9">
        <f t="shared" si="16"/>
        <v>1.019803902718557</v>
      </c>
      <c r="ALA7" s="9">
        <f t="shared" si="16"/>
        <v>1.019803902718557</v>
      </c>
      <c r="ALB7" s="9">
        <f t="shared" si="16"/>
        <v>1.019803902718557</v>
      </c>
      <c r="ALC7" s="9">
        <f t="shared" si="16"/>
        <v>1.019803902718557</v>
      </c>
      <c r="ALD7" s="9">
        <f t="shared" si="16"/>
        <v>1.019803902718557</v>
      </c>
      <c r="ALE7" s="9">
        <f t="shared" si="16"/>
        <v>1.019803902718557</v>
      </c>
      <c r="ALF7" s="9">
        <f t="shared" si="16"/>
        <v>1.019803902718557</v>
      </c>
      <c r="ALG7" s="9">
        <f t="shared" si="16"/>
        <v>1.019803902718557</v>
      </c>
      <c r="ALH7" s="9">
        <f t="shared" si="16"/>
        <v>1.019803902718557</v>
      </c>
      <c r="ALI7" s="9">
        <f t="shared" si="16"/>
        <v>1.019803902718557</v>
      </c>
      <c r="ALJ7" s="9">
        <f t="shared" si="16"/>
        <v>1.019803902718557</v>
      </c>
      <c r="ALK7" s="9">
        <f t="shared" si="16"/>
        <v>1.019803902718557</v>
      </c>
      <c r="ALL7" s="9">
        <f t="shared" si="16"/>
        <v>1.019803902718557</v>
      </c>
      <c r="ALM7" s="9">
        <f t="shared" si="16"/>
        <v>1.019803902718557</v>
      </c>
      <c r="ALN7" s="9">
        <f t="shared" si="16"/>
        <v>1.019803902718557</v>
      </c>
      <c r="ALO7" s="9">
        <f t="shared" si="16"/>
        <v>1.019803902718557</v>
      </c>
      <c r="ALP7" s="9">
        <f t="shared" si="16"/>
        <v>1.019803902718557</v>
      </c>
      <c r="ALQ7" s="9">
        <f t="shared" si="16"/>
        <v>1.019803902718557</v>
      </c>
      <c r="ALR7" s="9">
        <f t="shared" si="16"/>
        <v>1.019803902718557</v>
      </c>
      <c r="ALS7" s="9">
        <f t="shared" si="16"/>
        <v>1.019803902718557</v>
      </c>
      <c r="ALT7" s="9">
        <f t="shared" si="16"/>
        <v>1.019803902718557</v>
      </c>
      <c r="ALU7" s="9">
        <f t="shared" si="16"/>
        <v>1.019803902718557</v>
      </c>
      <c r="ALV7" s="9">
        <f t="shared" si="16"/>
        <v>1.019803902718557</v>
      </c>
      <c r="ALW7" s="9">
        <f t="shared" si="16"/>
        <v>1.019803902718557</v>
      </c>
      <c r="ALX7" s="9">
        <f t="shared" si="16"/>
        <v>1.019803902718557</v>
      </c>
      <c r="ALY7" s="9">
        <f t="shared" si="16"/>
        <v>1.019803902718557</v>
      </c>
      <c r="ALZ7" s="9">
        <f t="shared" si="16"/>
        <v>1.019803902718557</v>
      </c>
      <c r="AMA7" s="9">
        <f t="shared" si="16"/>
        <v>1.019803902718557</v>
      </c>
      <c r="AMB7" s="9">
        <f t="shared" si="16"/>
        <v>1.019803902718557</v>
      </c>
      <c r="AMC7" s="9">
        <f t="shared" si="16"/>
        <v>1.019803902718557</v>
      </c>
      <c r="AMD7" s="9">
        <f t="shared" si="16"/>
        <v>1.019803902718557</v>
      </c>
      <c r="AME7" s="9">
        <f t="shared" si="16"/>
        <v>1.019803902718557</v>
      </c>
      <c r="AMF7" s="9">
        <f t="shared" si="16"/>
        <v>1.019803902718557</v>
      </c>
      <c r="AMG7" s="9">
        <f t="shared" si="16"/>
        <v>1.019803902718557</v>
      </c>
      <c r="AMH7" s="9">
        <f t="shared" si="16"/>
        <v>1.019803902718557</v>
      </c>
      <c r="AMI7" s="9">
        <f t="shared" si="16"/>
        <v>1.019803902718557</v>
      </c>
      <c r="AMJ7" s="9">
        <f t="shared" si="16"/>
        <v>1.019803902718557</v>
      </c>
      <c r="AMK7" s="9">
        <f t="shared" si="16"/>
        <v>1.019803902718557</v>
      </c>
      <c r="AML7" s="9">
        <f t="shared" si="16"/>
        <v>1.019803902718557</v>
      </c>
      <c r="AMM7" s="9">
        <f t="shared" si="16"/>
        <v>1.019803902718557</v>
      </c>
      <c r="AMN7" s="9">
        <f t="shared" si="16"/>
        <v>1.019803902718557</v>
      </c>
      <c r="AMO7" s="9">
        <f t="shared" si="16"/>
        <v>1.019803902718557</v>
      </c>
      <c r="AMP7" s="9">
        <f t="shared" si="16"/>
        <v>1.019803902718557</v>
      </c>
      <c r="AMQ7" s="9">
        <f t="shared" si="16"/>
        <v>1.019803902718557</v>
      </c>
      <c r="AMR7" s="9">
        <f t="shared" si="16"/>
        <v>1.019803902718557</v>
      </c>
      <c r="AMS7" s="9">
        <f t="shared" si="16"/>
        <v>1.019803902718557</v>
      </c>
      <c r="AMT7" s="9">
        <f t="shared" ref="AMT7:APE7" si="17">1/((1+$F$6) ^(AMT3-$F$7))</f>
        <v>1.019803902718557</v>
      </c>
      <c r="AMU7" s="9">
        <f t="shared" si="17"/>
        <v>1.019803902718557</v>
      </c>
      <c r="AMV7" s="9">
        <f t="shared" si="17"/>
        <v>1.019803902718557</v>
      </c>
      <c r="AMW7" s="9">
        <f t="shared" si="17"/>
        <v>1.019803902718557</v>
      </c>
      <c r="AMX7" s="9">
        <f t="shared" si="17"/>
        <v>1.019803902718557</v>
      </c>
      <c r="AMY7" s="9">
        <f t="shared" si="17"/>
        <v>1.019803902718557</v>
      </c>
      <c r="AMZ7" s="9">
        <f t="shared" si="17"/>
        <v>1.019803902718557</v>
      </c>
      <c r="ANA7" s="9">
        <f t="shared" si="17"/>
        <v>1.019803902718557</v>
      </c>
      <c r="ANB7" s="9">
        <f t="shared" si="17"/>
        <v>1.019803902718557</v>
      </c>
      <c r="ANC7" s="9">
        <f t="shared" si="17"/>
        <v>1.019803902718557</v>
      </c>
      <c r="AND7" s="9">
        <f t="shared" si="17"/>
        <v>1.019803902718557</v>
      </c>
      <c r="ANE7" s="9">
        <f t="shared" si="17"/>
        <v>1.019803902718557</v>
      </c>
      <c r="ANF7" s="9">
        <f t="shared" si="17"/>
        <v>1.019803902718557</v>
      </c>
      <c r="ANG7" s="9">
        <f t="shared" si="17"/>
        <v>1.019803902718557</v>
      </c>
      <c r="ANH7" s="9">
        <f t="shared" si="17"/>
        <v>1.019803902718557</v>
      </c>
      <c r="ANI7" s="9">
        <f t="shared" si="17"/>
        <v>1.019803902718557</v>
      </c>
      <c r="ANJ7" s="9">
        <f t="shared" si="17"/>
        <v>1.019803902718557</v>
      </c>
      <c r="ANK7" s="9">
        <f t="shared" si="17"/>
        <v>1.019803902718557</v>
      </c>
      <c r="ANL7" s="9">
        <f t="shared" si="17"/>
        <v>1.019803902718557</v>
      </c>
      <c r="ANM7" s="9">
        <f t="shared" si="17"/>
        <v>1.019803902718557</v>
      </c>
      <c r="ANN7" s="9">
        <f t="shared" si="17"/>
        <v>1.019803902718557</v>
      </c>
      <c r="ANO7" s="9">
        <f t="shared" si="17"/>
        <v>1.019803902718557</v>
      </c>
      <c r="ANP7" s="9">
        <f t="shared" si="17"/>
        <v>1.019803902718557</v>
      </c>
      <c r="ANQ7" s="9">
        <f t="shared" si="17"/>
        <v>1.019803902718557</v>
      </c>
      <c r="ANR7" s="9">
        <f t="shared" si="17"/>
        <v>1.019803902718557</v>
      </c>
      <c r="ANS7" s="9">
        <f t="shared" si="17"/>
        <v>1.019803902718557</v>
      </c>
      <c r="ANT7" s="9">
        <f t="shared" si="17"/>
        <v>1.019803902718557</v>
      </c>
      <c r="ANU7" s="9">
        <f t="shared" si="17"/>
        <v>1.019803902718557</v>
      </c>
      <c r="ANV7" s="9">
        <f t="shared" si="17"/>
        <v>1.019803902718557</v>
      </c>
      <c r="ANW7" s="9">
        <f t="shared" si="17"/>
        <v>1.019803902718557</v>
      </c>
      <c r="ANX7" s="9">
        <f t="shared" si="17"/>
        <v>1.019803902718557</v>
      </c>
      <c r="ANY7" s="9">
        <f t="shared" si="17"/>
        <v>1.019803902718557</v>
      </c>
      <c r="ANZ7" s="9">
        <f t="shared" si="17"/>
        <v>1.019803902718557</v>
      </c>
      <c r="AOA7" s="9">
        <f t="shared" si="17"/>
        <v>1.019803902718557</v>
      </c>
      <c r="AOB7" s="9">
        <f t="shared" si="17"/>
        <v>1.019803902718557</v>
      </c>
      <c r="AOC7" s="9">
        <f t="shared" si="17"/>
        <v>1.019803902718557</v>
      </c>
      <c r="AOD7" s="9">
        <f t="shared" si="17"/>
        <v>1.019803902718557</v>
      </c>
      <c r="AOE7" s="9">
        <f t="shared" si="17"/>
        <v>1.019803902718557</v>
      </c>
      <c r="AOF7" s="9">
        <f t="shared" si="17"/>
        <v>1.019803902718557</v>
      </c>
      <c r="AOG7" s="9">
        <f t="shared" si="17"/>
        <v>1.019803902718557</v>
      </c>
      <c r="AOH7" s="9">
        <f t="shared" si="17"/>
        <v>1.019803902718557</v>
      </c>
      <c r="AOI7" s="9">
        <f t="shared" si="17"/>
        <v>1.019803902718557</v>
      </c>
      <c r="AOJ7" s="9">
        <f t="shared" si="17"/>
        <v>1.019803902718557</v>
      </c>
      <c r="AOK7" s="9">
        <f t="shared" si="17"/>
        <v>1.019803902718557</v>
      </c>
      <c r="AOL7" s="9">
        <f t="shared" si="17"/>
        <v>1.019803902718557</v>
      </c>
      <c r="AOM7" s="9">
        <f t="shared" si="17"/>
        <v>1.019803902718557</v>
      </c>
      <c r="AON7" s="9">
        <f t="shared" si="17"/>
        <v>1.019803902718557</v>
      </c>
      <c r="AOO7" s="9">
        <f t="shared" si="17"/>
        <v>1.019803902718557</v>
      </c>
      <c r="AOP7" s="9">
        <f t="shared" si="17"/>
        <v>1.019803902718557</v>
      </c>
      <c r="AOQ7" s="9">
        <f t="shared" si="17"/>
        <v>1.019803902718557</v>
      </c>
      <c r="AOR7" s="9">
        <f t="shared" si="17"/>
        <v>1.019803902718557</v>
      </c>
      <c r="AOS7" s="9">
        <f t="shared" si="17"/>
        <v>1.019803902718557</v>
      </c>
      <c r="AOT7" s="9">
        <f t="shared" si="17"/>
        <v>1.019803902718557</v>
      </c>
      <c r="AOU7" s="9">
        <f t="shared" si="17"/>
        <v>1.019803902718557</v>
      </c>
      <c r="AOV7" s="9">
        <f t="shared" si="17"/>
        <v>1.019803902718557</v>
      </c>
      <c r="AOW7" s="9">
        <f t="shared" si="17"/>
        <v>1.019803902718557</v>
      </c>
      <c r="AOX7" s="9">
        <f t="shared" si="17"/>
        <v>1.019803902718557</v>
      </c>
      <c r="AOY7" s="9">
        <f t="shared" si="17"/>
        <v>1.019803902718557</v>
      </c>
      <c r="AOZ7" s="9">
        <f t="shared" si="17"/>
        <v>1.019803902718557</v>
      </c>
      <c r="APA7" s="9">
        <f t="shared" si="17"/>
        <v>1.019803902718557</v>
      </c>
      <c r="APB7" s="9">
        <f t="shared" si="17"/>
        <v>1.019803902718557</v>
      </c>
      <c r="APC7" s="9">
        <f t="shared" si="17"/>
        <v>1.019803902718557</v>
      </c>
      <c r="APD7" s="9">
        <f t="shared" si="17"/>
        <v>1.019803902718557</v>
      </c>
      <c r="APE7" s="9">
        <f t="shared" si="17"/>
        <v>1.019803902718557</v>
      </c>
      <c r="APF7" s="9">
        <f t="shared" ref="APF7:ARQ7" si="18">1/((1+$F$6) ^(APF3-$F$7))</f>
        <v>1.019803902718557</v>
      </c>
      <c r="APG7" s="9">
        <f t="shared" si="18"/>
        <v>1.019803902718557</v>
      </c>
      <c r="APH7" s="9">
        <f t="shared" si="18"/>
        <v>1.019803902718557</v>
      </c>
      <c r="API7" s="9">
        <f t="shared" si="18"/>
        <v>1.019803902718557</v>
      </c>
      <c r="APJ7" s="9">
        <f t="shared" si="18"/>
        <v>1.019803902718557</v>
      </c>
      <c r="APK7" s="9">
        <f t="shared" si="18"/>
        <v>1.019803902718557</v>
      </c>
      <c r="APL7" s="9">
        <f t="shared" si="18"/>
        <v>1.019803902718557</v>
      </c>
      <c r="APM7" s="9">
        <f t="shared" si="18"/>
        <v>1.019803902718557</v>
      </c>
      <c r="APN7" s="9">
        <f t="shared" si="18"/>
        <v>1.019803902718557</v>
      </c>
      <c r="APO7" s="9">
        <f t="shared" si="18"/>
        <v>1.019803902718557</v>
      </c>
      <c r="APP7" s="9">
        <f t="shared" si="18"/>
        <v>1.019803902718557</v>
      </c>
      <c r="APQ7" s="9">
        <f t="shared" si="18"/>
        <v>1.019803902718557</v>
      </c>
      <c r="APR7" s="9">
        <f t="shared" si="18"/>
        <v>1.019803902718557</v>
      </c>
      <c r="APS7" s="9">
        <f t="shared" si="18"/>
        <v>1.019803902718557</v>
      </c>
      <c r="APT7" s="9">
        <f t="shared" si="18"/>
        <v>1.019803902718557</v>
      </c>
      <c r="APU7" s="9">
        <f t="shared" si="18"/>
        <v>1.019803902718557</v>
      </c>
      <c r="APV7" s="9">
        <f t="shared" si="18"/>
        <v>1.019803902718557</v>
      </c>
      <c r="APW7" s="9">
        <f t="shared" si="18"/>
        <v>1.019803902718557</v>
      </c>
      <c r="APX7" s="9">
        <f t="shared" si="18"/>
        <v>1.019803902718557</v>
      </c>
      <c r="APY7" s="9">
        <f t="shared" si="18"/>
        <v>1.019803902718557</v>
      </c>
      <c r="APZ7" s="9">
        <f t="shared" si="18"/>
        <v>1.019803902718557</v>
      </c>
      <c r="AQA7" s="9">
        <f t="shared" si="18"/>
        <v>1.019803902718557</v>
      </c>
      <c r="AQB7" s="9">
        <f t="shared" si="18"/>
        <v>1.019803902718557</v>
      </c>
      <c r="AQC7" s="9">
        <f t="shared" si="18"/>
        <v>1.019803902718557</v>
      </c>
      <c r="AQD7" s="9">
        <f t="shared" si="18"/>
        <v>1.019803902718557</v>
      </c>
      <c r="AQE7" s="9">
        <f t="shared" si="18"/>
        <v>1.019803902718557</v>
      </c>
      <c r="AQF7" s="9">
        <f t="shared" si="18"/>
        <v>1.019803902718557</v>
      </c>
      <c r="AQG7" s="9">
        <f t="shared" si="18"/>
        <v>1.019803902718557</v>
      </c>
      <c r="AQH7" s="9">
        <f t="shared" si="18"/>
        <v>1.019803902718557</v>
      </c>
      <c r="AQI7" s="9">
        <f t="shared" si="18"/>
        <v>1.019803902718557</v>
      </c>
      <c r="AQJ7" s="9">
        <f t="shared" si="18"/>
        <v>1.019803902718557</v>
      </c>
      <c r="AQK7" s="9">
        <f t="shared" si="18"/>
        <v>1.019803902718557</v>
      </c>
      <c r="AQL7" s="9">
        <f t="shared" si="18"/>
        <v>1.019803902718557</v>
      </c>
      <c r="AQM7" s="9">
        <f t="shared" si="18"/>
        <v>1.019803902718557</v>
      </c>
      <c r="AQN7" s="9">
        <f t="shared" si="18"/>
        <v>1.019803902718557</v>
      </c>
      <c r="AQO7" s="9">
        <f t="shared" si="18"/>
        <v>1.019803902718557</v>
      </c>
      <c r="AQP7" s="9">
        <f t="shared" si="18"/>
        <v>1.019803902718557</v>
      </c>
      <c r="AQQ7" s="9">
        <f t="shared" si="18"/>
        <v>1.019803902718557</v>
      </c>
      <c r="AQR7" s="9">
        <f t="shared" si="18"/>
        <v>1.019803902718557</v>
      </c>
      <c r="AQS7" s="9">
        <f t="shared" si="18"/>
        <v>1.019803902718557</v>
      </c>
      <c r="AQT7" s="9">
        <f t="shared" si="18"/>
        <v>1.019803902718557</v>
      </c>
      <c r="AQU7" s="9">
        <f t="shared" si="18"/>
        <v>1.019803902718557</v>
      </c>
      <c r="AQV7" s="9">
        <f t="shared" si="18"/>
        <v>1.019803902718557</v>
      </c>
      <c r="AQW7" s="9">
        <f t="shared" si="18"/>
        <v>1.019803902718557</v>
      </c>
      <c r="AQX7" s="9">
        <f t="shared" si="18"/>
        <v>1.019803902718557</v>
      </c>
      <c r="AQY7" s="9">
        <f t="shared" si="18"/>
        <v>1.019803902718557</v>
      </c>
      <c r="AQZ7" s="9">
        <f t="shared" si="18"/>
        <v>1.019803902718557</v>
      </c>
      <c r="ARA7" s="9">
        <f t="shared" si="18"/>
        <v>1.019803902718557</v>
      </c>
      <c r="ARB7" s="9">
        <f t="shared" si="18"/>
        <v>1.019803902718557</v>
      </c>
      <c r="ARC7" s="9">
        <f t="shared" si="18"/>
        <v>1.019803902718557</v>
      </c>
      <c r="ARD7" s="9">
        <f t="shared" si="18"/>
        <v>1.019803902718557</v>
      </c>
      <c r="ARE7" s="9">
        <f t="shared" si="18"/>
        <v>1.019803902718557</v>
      </c>
      <c r="ARF7" s="9">
        <f t="shared" si="18"/>
        <v>1.019803902718557</v>
      </c>
      <c r="ARG7" s="9">
        <f t="shared" si="18"/>
        <v>1.019803902718557</v>
      </c>
      <c r="ARH7" s="9">
        <f t="shared" si="18"/>
        <v>1.019803902718557</v>
      </c>
      <c r="ARI7" s="9">
        <f t="shared" si="18"/>
        <v>1.019803902718557</v>
      </c>
      <c r="ARJ7" s="9">
        <f t="shared" si="18"/>
        <v>1.019803902718557</v>
      </c>
      <c r="ARK7" s="9">
        <f t="shared" si="18"/>
        <v>1.019803902718557</v>
      </c>
      <c r="ARL7" s="9">
        <f t="shared" si="18"/>
        <v>1.019803902718557</v>
      </c>
      <c r="ARM7" s="9">
        <f t="shared" si="18"/>
        <v>1.019803902718557</v>
      </c>
      <c r="ARN7" s="9">
        <f t="shared" si="18"/>
        <v>1.019803902718557</v>
      </c>
      <c r="ARO7" s="9">
        <f t="shared" si="18"/>
        <v>1.019803902718557</v>
      </c>
      <c r="ARP7" s="9">
        <f t="shared" si="18"/>
        <v>1.019803902718557</v>
      </c>
      <c r="ARQ7" s="9">
        <f t="shared" si="18"/>
        <v>1.019803902718557</v>
      </c>
      <c r="ARR7" s="9">
        <f t="shared" ref="ARR7:AUC7" si="19">1/((1+$F$6) ^(ARR3-$F$7))</f>
        <v>1.019803902718557</v>
      </c>
      <c r="ARS7" s="9">
        <f t="shared" si="19"/>
        <v>1.019803902718557</v>
      </c>
      <c r="ART7" s="9">
        <f t="shared" si="19"/>
        <v>1.019803902718557</v>
      </c>
      <c r="ARU7" s="9">
        <f t="shared" si="19"/>
        <v>1.019803902718557</v>
      </c>
      <c r="ARV7" s="9">
        <f t="shared" si="19"/>
        <v>1.019803902718557</v>
      </c>
      <c r="ARW7" s="9">
        <f t="shared" si="19"/>
        <v>1.019803902718557</v>
      </c>
      <c r="ARX7" s="9">
        <f t="shared" si="19"/>
        <v>1.019803902718557</v>
      </c>
      <c r="ARY7" s="9">
        <f t="shared" si="19"/>
        <v>1.019803902718557</v>
      </c>
      <c r="ARZ7" s="9">
        <f t="shared" si="19"/>
        <v>1.019803902718557</v>
      </c>
      <c r="ASA7" s="9">
        <f t="shared" si="19"/>
        <v>1.019803902718557</v>
      </c>
      <c r="ASB7" s="9">
        <f t="shared" si="19"/>
        <v>1.019803902718557</v>
      </c>
      <c r="ASC7" s="9">
        <f t="shared" si="19"/>
        <v>1.019803902718557</v>
      </c>
      <c r="ASD7" s="9">
        <f t="shared" si="19"/>
        <v>1.019803902718557</v>
      </c>
      <c r="ASE7" s="9">
        <f t="shared" si="19"/>
        <v>1.019803902718557</v>
      </c>
      <c r="ASF7" s="9">
        <f t="shared" si="19"/>
        <v>1.019803902718557</v>
      </c>
      <c r="ASG7" s="9">
        <f t="shared" si="19"/>
        <v>1.019803902718557</v>
      </c>
      <c r="ASH7" s="9">
        <f t="shared" si="19"/>
        <v>1.019803902718557</v>
      </c>
      <c r="ASI7" s="9">
        <f t="shared" si="19"/>
        <v>1.019803902718557</v>
      </c>
      <c r="ASJ7" s="9">
        <f t="shared" si="19"/>
        <v>1.019803902718557</v>
      </c>
      <c r="ASK7" s="9">
        <f t="shared" si="19"/>
        <v>1.019803902718557</v>
      </c>
      <c r="ASL7" s="9">
        <f t="shared" si="19"/>
        <v>1.019803902718557</v>
      </c>
      <c r="ASM7" s="9">
        <f t="shared" si="19"/>
        <v>1.019803902718557</v>
      </c>
      <c r="ASN7" s="9">
        <f t="shared" si="19"/>
        <v>1.019803902718557</v>
      </c>
      <c r="ASO7" s="9">
        <f t="shared" si="19"/>
        <v>1.019803902718557</v>
      </c>
      <c r="ASP7" s="9">
        <f t="shared" si="19"/>
        <v>1.019803902718557</v>
      </c>
      <c r="ASQ7" s="9">
        <f t="shared" si="19"/>
        <v>1.019803902718557</v>
      </c>
      <c r="ASR7" s="9">
        <f t="shared" si="19"/>
        <v>1.019803902718557</v>
      </c>
      <c r="ASS7" s="9">
        <f t="shared" si="19"/>
        <v>1.019803902718557</v>
      </c>
      <c r="AST7" s="9">
        <f t="shared" si="19"/>
        <v>1.019803902718557</v>
      </c>
      <c r="ASU7" s="9">
        <f t="shared" si="19"/>
        <v>1.019803902718557</v>
      </c>
      <c r="ASV7" s="9">
        <f t="shared" si="19"/>
        <v>1.019803902718557</v>
      </c>
      <c r="ASW7" s="9">
        <f t="shared" si="19"/>
        <v>1.019803902718557</v>
      </c>
      <c r="ASX7" s="9">
        <f t="shared" si="19"/>
        <v>1.019803902718557</v>
      </c>
      <c r="ASY7" s="9">
        <f t="shared" si="19"/>
        <v>1.019803902718557</v>
      </c>
      <c r="ASZ7" s="9">
        <f t="shared" si="19"/>
        <v>1.019803902718557</v>
      </c>
      <c r="ATA7" s="9">
        <f t="shared" si="19"/>
        <v>1.019803902718557</v>
      </c>
      <c r="ATB7" s="9">
        <f t="shared" si="19"/>
        <v>1.019803902718557</v>
      </c>
      <c r="ATC7" s="9">
        <f t="shared" si="19"/>
        <v>1.019803902718557</v>
      </c>
      <c r="ATD7" s="9">
        <f t="shared" si="19"/>
        <v>1.019803902718557</v>
      </c>
      <c r="ATE7" s="9">
        <f t="shared" si="19"/>
        <v>1.019803902718557</v>
      </c>
      <c r="ATF7" s="9">
        <f t="shared" si="19"/>
        <v>1.019803902718557</v>
      </c>
      <c r="ATG7" s="9">
        <f t="shared" si="19"/>
        <v>1.019803902718557</v>
      </c>
      <c r="ATH7" s="9">
        <f t="shared" si="19"/>
        <v>1.019803902718557</v>
      </c>
      <c r="ATI7" s="9">
        <f t="shared" si="19"/>
        <v>1.019803902718557</v>
      </c>
      <c r="ATJ7" s="9">
        <f t="shared" si="19"/>
        <v>1.019803902718557</v>
      </c>
      <c r="ATK7" s="9">
        <f t="shared" si="19"/>
        <v>1.019803902718557</v>
      </c>
      <c r="ATL7" s="9">
        <f t="shared" si="19"/>
        <v>1.019803902718557</v>
      </c>
      <c r="ATM7" s="9">
        <f t="shared" si="19"/>
        <v>1.019803902718557</v>
      </c>
      <c r="ATN7" s="9">
        <f t="shared" si="19"/>
        <v>1.019803902718557</v>
      </c>
      <c r="ATO7" s="9">
        <f t="shared" si="19"/>
        <v>1.019803902718557</v>
      </c>
      <c r="ATP7" s="9">
        <f t="shared" si="19"/>
        <v>1.019803902718557</v>
      </c>
      <c r="ATQ7" s="9">
        <f t="shared" si="19"/>
        <v>1.019803902718557</v>
      </c>
      <c r="ATR7" s="9">
        <f t="shared" si="19"/>
        <v>1.019803902718557</v>
      </c>
      <c r="ATS7" s="9">
        <f t="shared" si="19"/>
        <v>1.019803902718557</v>
      </c>
      <c r="ATT7" s="9">
        <f t="shared" si="19"/>
        <v>1.019803902718557</v>
      </c>
      <c r="ATU7" s="9">
        <f t="shared" si="19"/>
        <v>1.019803902718557</v>
      </c>
      <c r="ATV7" s="9">
        <f t="shared" si="19"/>
        <v>1.019803902718557</v>
      </c>
      <c r="ATW7" s="9">
        <f t="shared" si="19"/>
        <v>1.019803902718557</v>
      </c>
      <c r="ATX7" s="9">
        <f t="shared" si="19"/>
        <v>1.019803902718557</v>
      </c>
      <c r="ATY7" s="9">
        <f t="shared" si="19"/>
        <v>1.019803902718557</v>
      </c>
      <c r="ATZ7" s="9">
        <f t="shared" si="19"/>
        <v>1.019803902718557</v>
      </c>
      <c r="AUA7" s="9">
        <f t="shared" si="19"/>
        <v>1.019803902718557</v>
      </c>
      <c r="AUB7" s="9">
        <f t="shared" si="19"/>
        <v>1.019803902718557</v>
      </c>
      <c r="AUC7" s="9">
        <f t="shared" si="19"/>
        <v>1.019803902718557</v>
      </c>
      <c r="AUD7" s="9">
        <f t="shared" ref="AUD7:AWO7" si="20">1/((1+$F$6) ^(AUD3-$F$7))</f>
        <v>1.019803902718557</v>
      </c>
      <c r="AUE7" s="9">
        <f t="shared" si="20"/>
        <v>1.019803902718557</v>
      </c>
      <c r="AUF7" s="9">
        <f t="shared" si="20"/>
        <v>1.019803902718557</v>
      </c>
      <c r="AUG7" s="9">
        <f t="shared" si="20"/>
        <v>1.019803902718557</v>
      </c>
      <c r="AUH7" s="9">
        <f t="shared" si="20"/>
        <v>1.019803902718557</v>
      </c>
      <c r="AUI7" s="9">
        <f t="shared" si="20"/>
        <v>1.019803902718557</v>
      </c>
      <c r="AUJ7" s="9">
        <f t="shared" si="20"/>
        <v>1.019803902718557</v>
      </c>
      <c r="AUK7" s="9">
        <f t="shared" si="20"/>
        <v>1.019803902718557</v>
      </c>
      <c r="AUL7" s="9">
        <f t="shared" si="20"/>
        <v>1.019803902718557</v>
      </c>
      <c r="AUM7" s="9">
        <f t="shared" si="20"/>
        <v>1.019803902718557</v>
      </c>
      <c r="AUN7" s="9">
        <f t="shared" si="20"/>
        <v>1.019803902718557</v>
      </c>
      <c r="AUO7" s="9">
        <f t="shared" si="20"/>
        <v>1.019803902718557</v>
      </c>
      <c r="AUP7" s="9">
        <f t="shared" si="20"/>
        <v>1.019803902718557</v>
      </c>
      <c r="AUQ7" s="9">
        <f t="shared" si="20"/>
        <v>1.019803902718557</v>
      </c>
      <c r="AUR7" s="9">
        <f t="shared" si="20"/>
        <v>1.019803902718557</v>
      </c>
      <c r="AUS7" s="9">
        <f t="shared" si="20"/>
        <v>1.019803902718557</v>
      </c>
      <c r="AUT7" s="9">
        <f t="shared" si="20"/>
        <v>1.019803902718557</v>
      </c>
      <c r="AUU7" s="9">
        <f t="shared" si="20"/>
        <v>1.019803902718557</v>
      </c>
      <c r="AUV7" s="9">
        <f t="shared" si="20"/>
        <v>1.019803902718557</v>
      </c>
      <c r="AUW7" s="9">
        <f t="shared" si="20"/>
        <v>1.019803902718557</v>
      </c>
      <c r="AUX7" s="9">
        <f t="shared" si="20"/>
        <v>1.019803902718557</v>
      </c>
      <c r="AUY7" s="9">
        <f t="shared" si="20"/>
        <v>1.019803902718557</v>
      </c>
      <c r="AUZ7" s="9">
        <f t="shared" si="20"/>
        <v>1.019803902718557</v>
      </c>
      <c r="AVA7" s="9">
        <f t="shared" si="20"/>
        <v>1.019803902718557</v>
      </c>
      <c r="AVB7" s="9">
        <f t="shared" si="20"/>
        <v>1.019803902718557</v>
      </c>
      <c r="AVC7" s="9">
        <f t="shared" si="20"/>
        <v>1.019803902718557</v>
      </c>
      <c r="AVD7" s="9">
        <f t="shared" si="20"/>
        <v>1.019803902718557</v>
      </c>
      <c r="AVE7" s="9">
        <f t="shared" si="20"/>
        <v>1.019803902718557</v>
      </c>
      <c r="AVF7" s="9">
        <f t="shared" si="20"/>
        <v>1.019803902718557</v>
      </c>
      <c r="AVG7" s="9">
        <f t="shared" si="20"/>
        <v>1.019803902718557</v>
      </c>
      <c r="AVH7" s="9">
        <f t="shared" si="20"/>
        <v>1.019803902718557</v>
      </c>
      <c r="AVI7" s="9">
        <f t="shared" si="20"/>
        <v>1.019803902718557</v>
      </c>
      <c r="AVJ7" s="9">
        <f t="shared" si="20"/>
        <v>1.019803902718557</v>
      </c>
      <c r="AVK7" s="9">
        <f t="shared" si="20"/>
        <v>1.019803902718557</v>
      </c>
      <c r="AVL7" s="9">
        <f t="shared" si="20"/>
        <v>1.019803902718557</v>
      </c>
      <c r="AVM7" s="9">
        <f t="shared" si="20"/>
        <v>1.019803902718557</v>
      </c>
      <c r="AVN7" s="9">
        <f t="shared" si="20"/>
        <v>1.019803902718557</v>
      </c>
      <c r="AVO7" s="9">
        <f t="shared" si="20"/>
        <v>1.019803902718557</v>
      </c>
      <c r="AVP7" s="9">
        <f t="shared" si="20"/>
        <v>1.019803902718557</v>
      </c>
      <c r="AVQ7" s="9">
        <f t="shared" si="20"/>
        <v>1.019803902718557</v>
      </c>
      <c r="AVR7" s="9">
        <f t="shared" si="20"/>
        <v>1.019803902718557</v>
      </c>
      <c r="AVS7" s="9">
        <f t="shared" si="20"/>
        <v>1.019803902718557</v>
      </c>
      <c r="AVT7" s="9">
        <f t="shared" si="20"/>
        <v>1.019803902718557</v>
      </c>
      <c r="AVU7" s="9">
        <f t="shared" si="20"/>
        <v>1.019803902718557</v>
      </c>
      <c r="AVV7" s="9">
        <f t="shared" si="20"/>
        <v>1.019803902718557</v>
      </c>
      <c r="AVW7" s="9">
        <f t="shared" si="20"/>
        <v>1.019803902718557</v>
      </c>
      <c r="AVX7" s="9">
        <f t="shared" si="20"/>
        <v>1.019803902718557</v>
      </c>
      <c r="AVY7" s="9">
        <f t="shared" si="20"/>
        <v>1.019803902718557</v>
      </c>
      <c r="AVZ7" s="9">
        <f t="shared" si="20"/>
        <v>1.019803902718557</v>
      </c>
      <c r="AWA7" s="9">
        <f t="shared" si="20"/>
        <v>1.019803902718557</v>
      </c>
      <c r="AWB7" s="9">
        <f t="shared" si="20"/>
        <v>1.019803902718557</v>
      </c>
      <c r="AWC7" s="9">
        <f t="shared" si="20"/>
        <v>1.019803902718557</v>
      </c>
      <c r="AWD7" s="9">
        <f t="shared" si="20"/>
        <v>1.019803902718557</v>
      </c>
      <c r="AWE7" s="9">
        <f t="shared" si="20"/>
        <v>1.019803902718557</v>
      </c>
      <c r="AWF7" s="9">
        <f t="shared" si="20"/>
        <v>1.019803902718557</v>
      </c>
      <c r="AWG7" s="9">
        <f t="shared" si="20"/>
        <v>1.019803902718557</v>
      </c>
      <c r="AWH7" s="9">
        <f t="shared" si="20"/>
        <v>1.019803902718557</v>
      </c>
      <c r="AWI7" s="9">
        <f t="shared" si="20"/>
        <v>1.019803902718557</v>
      </c>
      <c r="AWJ7" s="9">
        <f t="shared" si="20"/>
        <v>1.019803902718557</v>
      </c>
      <c r="AWK7" s="9">
        <f t="shared" si="20"/>
        <v>1.019803902718557</v>
      </c>
      <c r="AWL7" s="9">
        <f t="shared" si="20"/>
        <v>1.019803902718557</v>
      </c>
      <c r="AWM7" s="9">
        <f t="shared" si="20"/>
        <v>1.019803902718557</v>
      </c>
      <c r="AWN7" s="9">
        <f t="shared" si="20"/>
        <v>1.019803902718557</v>
      </c>
      <c r="AWO7" s="9">
        <f t="shared" si="20"/>
        <v>1.019803902718557</v>
      </c>
      <c r="AWP7" s="9">
        <f t="shared" ref="AWP7:AZA7" si="21">1/((1+$F$6) ^(AWP3-$F$7))</f>
        <v>1.019803902718557</v>
      </c>
      <c r="AWQ7" s="9">
        <f t="shared" si="21"/>
        <v>1.019803902718557</v>
      </c>
      <c r="AWR7" s="9">
        <f t="shared" si="21"/>
        <v>1.019803902718557</v>
      </c>
      <c r="AWS7" s="9">
        <f t="shared" si="21"/>
        <v>1.019803902718557</v>
      </c>
      <c r="AWT7" s="9">
        <f t="shared" si="21"/>
        <v>1.019803902718557</v>
      </c>
      <c r="AWU7" s="9">
        <f t="shared" si="21"/>
        <v>1.019803902718557</v>
      </c>
      <c r="AWV7" s="9">
        <f t="shared" si="21"/>
        <v>1.019803902718557</v>
      </c>
      <c r="AWW7" s="9">
        <f t="shared" si="21"/>
        <v>1.019803902718557</v>
      </c>
      <c r="AWX7" s="9">
        <f t="shared" si="21"/>
        <v>1.019803902718557</v>
      </c>
      <c r="AWY7" s="9">
        <f t="shared" si="21"/>
        <v>1.019803902718557</v>
      </c>
      <c r="AWZ7" s="9">
        <f t="shared" si="21"/>
        <v>1.019803902718557</v>
      </c>
      <c r="AXA7" s="9">
        <f t="shared" si="21"/>
        <v>1.019803902718557</v>
      </c>
      <c r="AXB7" s="9">
        <f t="shared" si="21"/>
        <v>1.019803902718557</v>
      </c>
      <c r="AXC7" s="9">
        <f t="shared" si="21"/>
        <v>1.019803902718557</v>
      </c>
      <c r="AXD7" s="9">
        <f t="shared" si="21"/>
        <v>1.019803902718557</v>
      </c>
      <c r="AXE7" s="9">
        <f t="shared" si="21"/>
        <v>1.019803902718557</v>
      </c>
      <c r="AXF7" s="9">
        <f t="shared" si="21"/>
        <v>1.019803902718557</v>
      </c>
      <c r="AXG7" s="9">
        <f t="shared" si="21"/>
        <v>1.019803902718557</v>
      </c>
      <c r="AXH7" s="9">
        <f t="shared" si="21"/>
        <v>1.019803902718557</v>
      </c>
      <c r="AXI7" s="9">
        <f t="shared" si="21"/>
        <v>1.019803902718557</v>
      </c>
      <c r="AXJ7" s="9">
        <f t="shared" si="21"/>
        <v>1.019803902718557</v>
      </c>
      <c r="AXK7" s="9">
        <f t="shared" si="21"/>
        <v>1.019803902718557</v>
      </c>
      <c r="AXL7" s="9">
        <f t="shared" si="21"/>
        <v>1.019803902718557</v>
      </c>
      <c r="AXM7" s="9">
        <f t="shared" si="21"/>
        <v>1.019803902718557</v>
      </c>
      <c r="AXN7" s="9">
        <f t="shared" si="21"/>
        <v>1.019803902718557</v>
      </c>
      <c r="AXO7" s="9">
        <f t="shared" si="21"/>
        <v>1.019803902718557</v>
      </c>
      <c r="AXP7" s="9">
        <f t="shared" si="21"/>
        <v>1.019803902718557</v>
      </c>
      <c r="AXQ7" s="9">
        <f t="shared" si="21"/>
        <v>1.019803902718557</v>
      </c>
      <c r="AXR7" s="9">
        <f t="shared" si="21"/>
        <v>1.019803902718557</v>
      </c>
      <c r="AXS7" s="9">
        <f t="shared" si="21"/>
        <v>1.019803902718557</v>
      </c>
      <c r="AXT7" s="9">
        <f t="shared" si="21"/>
        <v>1.019803902718557</v>
      </c>
      <c r="AXU7" s="9">
        <f t="shared" si="21"/>
        <v>1.019803902718557</v>
      </c>
      <c r="AXV7" s="9">
        <f t="shared" si="21"/>
        <v>1.019803902718557</v>
      </c>
      <c r="AXW7" s="9">
        <f t="shared" si="21"/>
        <v>1.019803902718557</v>
      </c>
      <c r="AXX7" s="9">
        <f t="shared" si="21"/>
        <v>1.019803902718557</v>
      </c>
      <c r="AXY7" s="9">
        <f t="shared" si="21"/>
        <v>1.019803902718557</v>
      </c>
      <c r="AXZ7" s="9">
        <f t="shared" si="21"/>
        <v>1.019803902718557</v>
      </c>
      <c r="AYA7" s="9">
        <f t="shared" si="21"/>
        <v>1.019803902718557</v>
      </c>
      <c r="AYB7" s="9">
        <f t="shared" si="21"/>
        <v>1.019803902718557</v>
      </c>
      <c r="AYC7" s="9">
        <f t="shared" si="21"/>
        <v>1.019803902718557</v>
      </c>
      <c r="AYD7" s="9">
        <f t="shared" si="21"/>
        <v>1.019803902718557</v>
      </c>
      <c r="AYE7" s="9">
        <f t="shared" si="21"/>
        <v>1.019803902718557</v>
      </c>
      <c r="AYF7" s="9">
        <f t="shared" si="21"/>
        <v>1.019803902718557</v>
      </c>
      <c r="AYG7" s="9">
        <f t="shared" si="21"/>
        <v>1.019803902718557</v>
      </c>
      <c r="AYH7" s="9">
        <f t="shared" si="21"/>
        <v>1.019803902718557</v>
      </c>
      <c r="AYI7" s="9">
        <f t="shared" si="21"/>
        <v>1.019803902718557</v>
      </c>
      <c r="AYJ7" s="9">
        <f t="shared" si="21"/>
        <v>1.019803902718557</v>
      </c>
      <c r="AYK7" s="9">
        <f t="shared" si="21"/>
        <v>1.019803902718557</v>
      </c>
      <c r="AYL7" s="9">
        <f t="shared" si="21"/>
        <v>1.019803902718557</v>
      </c>
      <c r="AYM7" s="9">
        <f t="shared" si="21"/>
        <v>1.019803902718557</v>
      </c>
      <c r="AYN7" s="9">
        <f t="shared" si="21"/>
        <v>1.019803902718557</v>
      </c>
      <c r="AYO7" s="9">
        <f t="shared" si="21"/>
        <v>1.019803902718557</v>
      </c>
      <c r="AYP7" s="9">
        <f t="shared" si="21"/>
        <v>1.019803902718557</v>
      </c>
      <c r="AYQ7" s="9">
        <f t="shared" si="21"/>
        <v>1.019803902718557</v>
      </c>
      <c r="AYR7" s="9">
        <f t="shared" si="21"/>
        <v>1.019803902718557</v>
      </c>
      <c r="AYS7" s="9">
        <f t="shared" si="21"/>
        <v>1.019803902718557</v>
      </c>
      <c r="AYT7" s="9">
        <f t="shared" si="21"/>
        <v>1.019803902718557</v>
      </c>
      <c r="AYU7" s="9">
        <f t="shared" si="21"/>
        <v>1.019803902718557</v>
      </c>
      <c r="AYV7" s="9">
        <f t="shared" si="21"/>
        <v>1.019803902718557</v>
      </c>
      <c r="AYW7" s="9">
        <f t="shared" si="21"/>
        <v>1.019803902718557</v>
      </c>
      <c r="AYX7" s="9">
        <f t="shared" si="21"/>
        <v>1.019803902718557</v>
      </c>
      <c r="AYY7" s="9">
        <f t="shared" si="21"/>
        <v>1.019803902718557</v>
      </c>
      <c r="AYZ7" s="9">
        <f t="shared" si="21"/>
        <v>1.019803902718557</v>
      </c>
      <c r="AZA7" s="9">
        <f t="shared" si="21"/>
        <v>1.019803902718557</v>
      </c>
      <c r="AZB7" s="9">
        <f t="shared" ref="AZB7:BBM7" si="22">1/((1+$F$6) ^(AZB3-$F$7))</f>
        <v>1.019803902718557</v>
      </c>
      <c r="AZC7" s="9">
        <f t="shared" si="22"/>
        <v>1.019803902718557</v>
      </c>
      <c r="AZD7" s="9">
        <f t="shared" si="22"/>
        <v>1.019803902718557</v>
      </c>
      <c r="AZE7" s="9">
        <f t="shared" si="22"/>
        <v>1.019803902718557</v>
      </c>
      <c r="AZF7" s="9">
        <f t="shared" si="22"/>
        <v>1.019803902718557</v>
      </c>
      <c r="AZG7" s="9">
        <f t="shared" si="22"/>
        <v>1.019803902718557</v>
      </c>
      <c r="AZH7" s="9">
        <f t="shared" si="22"/>
        <v>1.019803902718557</v>
      </c>
      <c r="AZI7" s="9">
        <f t="shared" si="22"/>
        <v>1.019803902718557</v>
      </c>
      <c r="AZJ7" s="9">
        <f t="shared" si="22"/>
        <v>1.019803902718557</v>
      </c>
      <c r="AZK7" s="9">
        <f t="shared" si="22"/>
        <v>1.019803902718557</v>
      </c>
      <c r="AZL7" s="9">
        <f t="shared" si="22"/>
        <v>1.019803902718557</v>
      </c>
      <c r="AZM7" s="9">
        <f t="shared" si="22"/>
        <v>1.019803902718557</v>
      </c>
      <c r="AZN7" s="9">
        <f t="shared" si="22"/>
        <v>1.019803902718557</v>
      </c>
      <c r="AZO7" s="9">
        <f t="shared" si="22"/>
        <v>1.019803902718557</v>
      </c>
      <c r="AZP7" s="9">
        <f t="shared" si="22"/>
        <v>1.019803902718557</v>
      </c>
      <c r="AZQ7" s="9">
        <f t="shared" si="22"/>
        <v>1.019803902718557</v>
      </c>
      <c r="AZR7" s="9">
        <f t="shared" si="22"/>
        <v>1.019803902718557</v>
      </c>
      <c r="AZS7" s="9">
        <f t="shared" si="22"/>
        <v>1.019803902718557</v>
      </c>
      <c r="AZT7" s="9">
        <f t="shared" si="22"/>
        <v>1.019803902718557</v>
      </c>
      <c r="AZU7" s="9">
        <f t="shared" si="22"/>
        <v>1.019803902718557</v>
      </c>
      <c r="AZV7" s="9">
        <f t="shared" si="22"/>
        <v>1.019803902718557</v>
      </c>
      <c r="AZW7" s="9">
        <f t="shared" si="22"/>
        <v>1.019803902718557</v>
      </c>
      <c r="AZX7" s="9">
        <f t="shared" si="22"/>
        <v>1.019803902718557</v>
      </c>
      <c r="AZY7" s="9">
        <f t="shared" si="22"/>
        <v>1.019803902718557</v>
      </c>
      <c r="AZZ7" s="9">
        <f t="shared" si="22"/>
        <v>1.019803902718557</v>
      </c>
      <c r="BAA7" s="9">
        <f t="shared" si="22"/>
        <v>1.019803902718557</v>
      </c>
      <c r="BAB7" s="9">
        <f t="shared" si="22"/>
        <v>1.019803902718557</v>
      </c>
      <c r="BAC7" s="9">
        <f t="shared" si="22"/>
        <v>1.019803902718557</v>
      </c>
      <c r="BAD7" s="9">
        <f t="shared" si="22"/>
        <v>1.019803902718557</v>
      </c>
      <c r="BAE7" s="9">
        <f t="shared" si="22"/>
        <v>1.019803902718557</v>
      </c>
      <c r="BAF7" s="9">
        <f t="shared" si="22"/>
        <v>1.019803902718557</v>
      </c>
      <c r="BAG7" s="9">
        <f t="shared" si="22"/>
        <v>1.019803902718557</v>
      </c>
      <c r="BAH7" s="9">
        <f t="shared" si="22"/>
        <v>1.019803902718557</v>
      </c>
      <c r="BAI7" s="9">
        <f t="shared" si="22"/>
        <v>1.019803902718557</v>
      </c>
      <c r="BAJ7" s="9">
        <f t="shared" si="22"/>
        <v>1.019803902718557</v>
      </c>
      <c r="BAK7" s="9">
        <f t="shared" si="22"/>
        <v>1.019803902718557</v>
      </c>
      <c r="BAL7" s="9">
        <f t="shared" si="22"/>
        <v>1.019803902718557</v>
      </c>
      <c r="BAM7" s="9">
        <f t="shared" si="22"/>
        <v>1.019803902718557</v>
      </c>
      <c r="BAN7" s="9">
        <f t="shared" si="22"/>
        <v>1.019803902718557</v>
      </c>
      <c r="BAO7" s="9">
        <f t="shared" si="22"/>
        <v>1.019803902718557</v>
      </c>
      <c r="BAP7" s="9">
        <f t="shared" si="22"/>
        <v>1.019803902718557</v>
      </c>
      <c r="BAQ7" s="9">
        <f t="shared" si="22"/>
        <v>1.019803902718557</v>
      </c>
      <c r="BAR7" s="9">
        <f t="shared" si="22"/>
        <v>1.019803902718557</v>
      </c>
      <c r="BAS7" s="9">
        <f t="shared" si="22"/>
        <v>1.019803902718557</v>
      </c>
      <c r="BAT7" s="9">
        <f t="shared" si="22"/>
        <v>1.019803902718557</v>
      </c>
      <c r="BAU7" s="9">
        <f t="shared" si="22"/>
        <v>1.019803902718557</v>
      </c>
      <c r="BAV7" s="9">
        <f t="shared" si="22"/>
        <v>1.019803902718557</v>
      </c>
      <c r="BAW7" s="9">
        <f t="shared" si="22"/>
        <v>1.019803902718557</v>
      </c>
      <c r="BAX7" s="9">
        <f t="shared" si="22"/>
        <v>1.019803902718557</v>
      </c>
      <c r="BAY7" s="9">
        <f t="shared" si="22"/>
        <v>1.019803902718557</v>
      </c>
      <c r="BAZ7" s="9">
        <f t="shared" si="22"/>
        <v>1.019803902718557</v>
      </c>
      <c r="BBA7" s="9">
        <f t="shared" si="22"/>
        <v>1.019803902718557</v>
      </c>
      <c r="BBB7" s="9">
        <f t="shared" si="22"/>
        <v>1.019803902718557</v>
      </c>
      <c r="BBC7" s="9">
        <f t="shared" si="22"/>
        <v>1.019803902718557</v>
      </c>
      <c r="BBD7" s="9">
        <f t="shared" si="22"/>
        <v>1.019803902718557</v>
      </c>
      <c r="BBE7" s="9">
        <f t="shared" si="22"/>
        <v>1.019803902718557</v>
      </c>
      <c r="BBF7" s="9">
        <f t="shared" si="22"/>
        <v>1.019803902718557</v>
      </c>
      <c r="BBG7" s="9">
        <f t="shared" si="22"/>
        <v>1.019803902718557</v>
      </c>
      <c r="BBH7" s="9">
        <f t="shared" si="22"/>
        <v>1.019803902718557</v>
      </c>
      <c r="BBI7" s="9">
        <f t="shared" si="22"/>
        <v>1.019803902718557</v>
      </c>
      <c r="BBJ7" s="9">
        <f t="shared" si="22"/>
        <v>1.019803902718557</v>
      </c>
      <c r="BBK7" s="9">
        <f t="shared" si="22"/>
        <v>1.019803902718557</v>
      </c>
      <c r="BBL7" s="9">
        <f t="shared" si="22"/>
        <v>1.019803902718557</v>
      </c>
      <c r="BBM7" s="9">
        <f t="shared" si="22"/>
        <v>1.019803902718557</v>
      </c>
      <c r="BBN7" s="9">
        <f t="shared" ref="BBN7:BDY7" si="23">1/((1+$F$6) ^(BBN3-$F$7))</f>
        <v>1.019803902718557</v>
      </c>
      <c r="BBO7" s="9">
        <f t="shared" si="23"/>
        <v>1.019803902718557</v>
      </c>
      <c r="BBP7" s="9">
        <f t="shared" si="23"/>
        <v>1.019803902718557</v>
      </c>
      <c r="BBQ7" s="9">
        <f t="shared" si="23"/>
        <v>1.019803902718557</v>
      </c>
      <c r="BBR7" s="9">
        <f t="shared" si="23"/>
        <v>1.019803902718557</v>
      </c>
      <c r="BBS7" s="9">
        <f t="shared" si="23"/>
        <v>1.019803902718557</v>
      </c>
      <c r="BBT7" s="9">
        <f t="shared" si="23"/>
        <v>1.019803902718557</v>
      </c>
      <c r="BBU7" s="9">
        <f t="shared" si="23"/>
        <v>1.019803902718557</v>
      </c>
      <c r="BBV7" s="9">
        <f t="shared" si="23"/>
        <v>1.019803902718557</v>
      </c>
      <c r="BBW7" s="9">
        <f t="shared" si="23"/>
        <v>1.019803902718557</v>
      </c>
      <c r="BBX7" s="9">
        <f t="shared" si="23"/>
        <v>1.019803902718557</v>
      </c>
      <c r="BBY7" s="9">
        <f t="shared" si="23"/>
        <v>1.019803902718557</v>
      </c>
      <c r="BBZ7" s="9">
        <f t="shared" si="23"/>
        <v>1.019803902718557</v>
      </c>
      <c r="BCA7" s="9">
        <f t="shared" si="23"/>
        <v>1.019803902718557</v>
      </c>
      <c r="BCB7" s="9">
        <f t="shared" si="23"/>
        <v>1.019803902718557</v>
      </c>
      <c r="BCC7" s="9">
        <f t="shared" si="23"/>
        <v>1.019803902718557</v>
      </c>
      <c r="BCD7" s="9">
        <f t="shared" si="23"/>
        <v>1.019803902718557</v>
      </c>
      <c r="BCE7" s="9">
        <f t="shared" si="23"/>
        <v>1.019803902718557</v>
      </c>
      <c r="BCF7" s="9">
        <f t="shared" si="23"/>
        <v>1.019803902718557</v>
      </c>
      <c r="BCG7" s="9">
        <f t="shared" si="23"/>
        <v>1.019803902718557</v>
      </c>
      <c r="BCH7" s="9">
        <f t="shared" si="23"/>
        <v>1.019803902718557</v>
      </c>
      <c r="BCI7" s="9">
        <f t="shared" si="23"/>
        <v>1.019803902718557</v>
      </c>
      <c r="BCJ7" s="9">
        <f t="shared" si="23"/>
        <v>1.019803902718557</v>
      </c>
      <c r="BCK7" s="9">
        <f t="shared" si="23"/>
        <v>1.019803902718557</v>
      </c>
      <c r="BCL7" s="9">
        <f t="shared" si="23"/>
        <v>1.019803902718557</v>
      </c>
      <c r="BCM7" s="9">
        <f t="shared" si="23"/>
        <v>1.019803902718557</v>
      </c>
      <c r="BCN7" s="9">
        <f t="shared" si="23"/>
        <v>1.019803902718557</v>
      </c>
      <c r="BCO7" s="9">
        <f t="shared" si="23"/>
        <v>1.019803902718557</v>
      </c>
      <c r="BCP7" s="9">
        <f t="shared" si="23"/>
        <v>1.019803902718557</v>
      </c>
      <c r="BCQ7" s="9">
        <f t="shared" si="23"/>
        <v>1.019803902718557</v>
      </c>
      <c r="BCR7" s="9">
        <f t="shared" si="23"/>
        <v>1.019803902718557</v>
      </c>
      <c r="BCS7" s="9">
        <f t="shared" si="23"/>
        <v>1.019803902718557</v>
      </c>
      <c r="BCT7" s="9">
        <f t="shared" si="23"/>
        <v>1.019803902718557</v>
      </c>
      <c r="BCU7" s="9">
        <f t="shared" si="23"/>
        <v>1.019803902718557</v>
      </c>
      <c r="BCV7" s="9">
        <f t="shared" si="23"/>
        <v>1.019803902718557</v>
      </c>
      <c r="BCW7" s="9">
        <f t="shared" si="23"/>
        <v>1.019803902718557</v>
      </c>
      <c r="BCX7" s="9">
        <f t="shared" si="23"/>
        <v>1.019803902718557</v>
      </c>
      <c r="BCY7" s="9">
        <f t="shared" si="23"/>
        <v>1.019803902718557</v>
      </c>
      <c r="BCZ7" s="9">
        <f t="shared" si="23"/>
        <v>1.019803902718557</v>
      </c>
      <c r="BDA7" s="9">
        <f t="shared" si="23"/>
        <v>1.019803902718557</v>
      </c>
      <c r="BDB7" s="9">
        <f t="shared" si="23"/>
        <v>1.019803902718557</v>
      </c>
      <c r="BDC7" s="9">
        <f t="shared" si="23"/>
        <v>1.019803902718557</v>
      </c>
      <c r="BDD7" s="9">
        <f t="shared" si="23"/>
        <v>1.019803902718557</v>
      </c>
      <c r="BDE7" s="9">
        <f t="shared" si="23"/>
        <v>1.019803902718557</v>
      </c>
      <c r="BDF7" s="9">
        <f t="shared" si="23"/>
        <v>1.019803902718557</v>
      </c>
      <c r="BDG7" s="9">
        <f t="shared" si="23"/>
        <v>1.019803902718557</v>
      </c>
      <c r="BDH7" s="9">
        <f t="shared" si="23"/>
        <v>1.019803902718557</v>
      </c>
      <c r="BDI7" s="9">
        <f t="shared" si="23"/>
        <v>1.019803902718557</v>
      </c>
      <c r="BDJ7" s="9">
        <f t="shared" si="23"/>
        <v>1.019803902718557</v>
      </c>
      <c r="BDK7" s="9">
        <f t="shared" si="23"/>
        <v>1.019803902718557</v>
      </c>
      <c r="BDL7" s="9">
        <f t="shared" si="23"/>
        <v>1.019803902718557</v>
      </c>
      <c r="BDM7" s="9">
        <f t="shared" si="23"/>
        <v>1.019803902718557</v>
      </c>
      <c r="BDN7" s="9">
        <f t="shared" si="23"/>
        <v>1.019803902718557</v>
      </c>
      <c r="BDO7" s="9">
        <f t="shared" si="23"/>
        <v>1.019803902718557</v>
      </c>
      <c r="BDP7" s="9">
        <f t="shared" si="23"/>
        <v>1.019803902718557</v>
      </c>
      <c r="BDQ7" s="9">
        <f t="shared" si="23"/>
        <v>1.019803902718557</v>
      </c>
      <c r="BDR7" s="9">
        <f t="shared" si="23"/>
        <v>1.019803902718557</v>
      </c>
      <c r="BDS7" s="9">
        <f t="shared" si="23"/>
        <v>1.019803902718557</v>
      </c>
      <c r="BDT7" s="9">
        <f t="shared" si="23"/>
        <v>1.019803902718557</v>
      </c>
      <c r="BDU7" s="9">
        <f t="shared" si="23"/>
        <v>1.019803902718557</v>
      </c>
      <c r="BDV7" s="9">
        <f t="shared" si="23"/>
        <v>1.019803902718557</v>
      </c>
      <c r="BDW7" s="9">
        <f t="shared" si="23"/>
        <v>1.019803902718557</v>
      </c>
      <c r="BDX7" s="9">
        <f t="shared" si="23"/>
        <v>1.019803902718557</v>
      </c>
      <c r="BDY7" s="9">
        <f t="shared" si="23"/>
        <v>1.019803902718557</v>
      </c>
      <c r="BDZ7" s="9">
        <f t="shared" ref="BDZ7:BGK7" si="24">1/((1+$F$6) ^(BDZ3-$F$7))</f>
        <v>1.019803902718557</v>
      </c>
      <c r="BEA7" s="9">
        <f t="shared" si="24"/>
        <v>1.019803902718557</v>
      </c>
      <c r="BEB7" s="9">
        <f t="shared" si="24"/>
        <v>1.019803902718557</v>
      </c>
      <c r="BEC7" s="9">
        <f t="shared" si="24"/>
        <v>1.019803902718557</v>
      </c>
      <c r="BED7" s="9">
        <f t="shared" si="24"/>
        <v>1.019803902718557</v>
      </c>
      <c r="BEE7" s="9">
        <f t="shared" si="24"/>
        <v>1.019803902718557</v>
      </c>
      <c r="BEF7" s="9">
        <f t="shared" si="24"/>
        <v>1.019803902718557</v>
      </c>
      <c r="BEG7" s="9">
        <f t="shared" si="24"/>
        <v>1.019803902718557</v>
      </c>
      <c r="BEH7" s="9">
        <f t="shared" si="24"/>
        <v>1.019803902718557</v>
      </c>
      <c r="BEI7" s="9">
        <f t="shared" si="24"/>
        <v>1.019803902718557</v>
      </c>
      <c r="BEJ7" s="9">
        <f t="shared" si="24"/>
        <v>1.019803902718557</v>
      </c>
      <c r="BEK7" s="9">
        <f t="shared" si="24"/>
        <v>1.019803902718557</v>
      </c>
      <c r="BEL7" s="9">
        <f t="shared" si="24"/>
        <v>1.019803902718557</v>
      </c>
      <c r="BEM7" s="9">
        <f t="shared" si="24"/>
        <v>1.019803902718557</v>
      </c>
      <c r="BEN7" s="9">
        <f t="shared" si="24"/>
        <v>1.019803902718557</v>
      </c>
      <c r="BEO7" s="9">
        <f t="shared" si="24"/>
        <v>1.019803902718557</v>
      </c>
      <c r="BEP7" s="9">
        <f t="shared" si="24"/>
        <v>1.019803902718557</v>
      </c>
      <c r="BEQ7" s="9">
        <f t="shared" si="24"/>
        <v>1.019803902718557</v>
      </c>
      <c r="BER7" s="9">
        <f t="shared" si="24"/>
        <v>1.019803902718557</v>
      </c>
      <c r="BES7" s="9">
        <f t="shared" si="24"/>
        <v>1.019803902718557</v>
      </c>
      <c r="BET7" s="9">
        <f t="shared" si="24"/>
        <v>1.019803902718557</v>
      </c>
      <c r="BEU7" s="9">
        <f t="shared" si="24"/>
        <v>1.019803902718557</v>
      </c>
      <c r="BEV7" s="9">
        <f t="shared" si="24"/>
        <v>1.019803902718557</v>
      </c>
      <c r="BEW7" s="9">
        <f t="shared" si="24"/>
        <v>1.019803902718557</v>
      </c>
      <c r="BEX7" s="9">
        <f t="shared" si="24"/>
        <v>1.019803902718557</v>
      </c>
      <c r="BEY7" s="9">
        <f t="shared" si="24"/>
        <v>1.019803902718557</v>
      </c>
      <c r="BEZ7" s="9">
        <f t="shared" si="24"/>
        <v>1.019803902718557</v>
      </c>
      <c r="BFA7" s="9">
        <f t="shared" si="24"/>
        <v>1.019803902718557</v>
      </c>
      <c r="BFB7" s="9">
        <f t="shared" si="24"/>
        <v>1.019803902718557</v>
      </c>
      <c r="BFC7" s="9">
        <f t="shared" si="24"/>
        <v>1.019803902718557</v>
      </c>
      <c r="BFD7" s="9">
        <f t="shared" si="24"/>
        <v>1.019803902718557</v>
      </c>
      <c r="BFE7" s="9">
        <f t="shared" si="24"/>
        <v>1.019803902718557</v>
      </c>
      <c r="BFF7" s="9">
        <f t="shared" si="24"/>
        <v>1.019803902718557</v>
      </c>
      <c r="BFG7" s="9">
        <f t="shared" si="24"/>
        <v>1.019803902718557</v>
      </c>
      <c r="BFH7" s="9">
        <f t="shared" si="24"/>
        <v>1.019803902718557</v>
      </c>
      <c r="BFI7" s="9">
        <f t="shared" si="24"/>
        <v>1.019803902718557</v>
      </c>
      <c r="BFJ7" s="9">
        <f t="shared" si="24"/>
        <v>1.019803902718557</v>
      </c>
      <c r="BFK7" s="9">
        <f t="shared" si="24"/>
        <v>1.019803902718557</v>
      </c>
      <c r="BFL7" s="9">
        <f t="shared" si="24"/>
        <v>1.019803902718557</v>
      </c>
      <c r="BFM7" s="9">
        <f t="shared" si="24"/>
        <v>1.019803902718557</v>
      </c>
      <c r="BFN7" s="9">
        <f t="shared" si="24"/>
        <v>1.019803902718557</v>
      </c>
      <c r="BFO7" s="9">
        <f t="shared" si="24"/>
        <v>1.019803902718557</v>
      </c>
      <c r="BFP7" s="9">
        <f t="shared" si="24"/>
        <v>1.019803902718557</v>
      </c>
      <c r="BFQ7" s="9">
        <f t="shared" si="24"/>
        <v>1.019803902718557</v>
      </c>
      <c r="BFR7" s="9">
        <f t="shared" si="24"/>
        <v>1.019803902718557</v>
      </c>
      <c r="BFS7" s="9">
        <f t="shared" si="24"/>
        <v>1.019803902718557</v>
      </c>
      <c r="BFT7" s="9">
        <f t="shared" si="24"/>
        <v>1.019803902718557</v>
      </c>
      <c r="BFU7" s="9">
        <f t="shared" si="24"/>
        <v>1.019803902718557</v>
      </c>
      <c r="BFV7" s="9">
        <f t="shared" si="24"/>
        <v>1.019803902718557</v>
      </c>
      <c r="BFW7" s="9">
        <f t="shared" si="24"/>
        <v>1.019803902718557</v>
      </c>
      <c r="BFX7" s="9">
        <f t="shared" si="24"/>
        <v>1.019803902718557</v>
      </c>
      <c r="BFY7" s="9">
        <f t="shared" si="24"/>
        <v>1.019803902718557</v>
      </c>
      <c r="BFZ7" s="9">
        <f t="shared" si="24"/>
        <v>1.019803902718557</v>
      </c>
      <c r="BGA7" s="9">
        <f t="shared" si="24"/>
        <v>1.019803902718557</v>
      </c>
      <c r="BGB7" s="9">
        <f t="shared" si="24"/>
        <v>1.019803902718557</v>
      </c>
      <c r="BGC7" s="9">
        <f t="shared" si="24"/>
        <v>1.019803902718557</v>
      </c>
      <c r="BGD7" s="9">
        <f t="shared" si="24"/>
        <v>1.019803902718557</v>
      </c>
      <c r="BGE7" s="9">
        <f t="shared" si="24"/>
        <v>1.019803902718557</v>
      </c>
      <c r="BGF7" s="9">
        <f t="shared" si="24"/>
        <v>1.019803902718557</v>
      </c>
      <c r="BGG7" s="9">
        <f t="shared" si="24"/>
        <v>1.019803902718557</v>
      </c>
      <c r="BGH7" s="9">
        <f t="shared" si="24"/>
        <v>1.019803902718557</v>
      </c>
      <c r="BGI7" s="9">
        <f t="shared" si="24"/>
        <v>1.019803902718557</v>
      </c>
      <c r="BGJ7" s="9">
        <f t="shared" si="24"/>
        <v>1.019803902718557</v>
      </c>
      <c r="BGK7" s="9">
        <f t="shared" si="24"/>
        <v>1.019803902718557</v>
      </c>
      <c r="BGL7" s="9">
        <f t="shared" ref="BGL7:BIW7" si="25">1/((1+$F$6) ^(BGL3-$F$7))</f>
        <v>1.019803902718557</v>
      </c>
      <c r="BGM7" s="9">
        <f t="shared" si="25"/>
        <v>1.019803902718557</v>
      </c>
      <c r="BGN7" s="9">
        <f t="shared" si="25"/>
        <v>1.019803902718557</v>
      </c>
      <c r="BGO7" s="9">
        <f t="shared" si="25"/>
        <v>1.019803902718557</v>
      </c>
      <c r="BGP7" s="9">
        <f t="shared" si="25"/>
        <v>1.019803902718557</v>
      </c>
      <c r="BGQ7" s="9">
        <f t="shared" si="25"/>
        <v>1.019803902718557</v>
      </c>
      <c r="BGR7" s="9">
        <f t="shared" si="25"/>
        <v>1.019803902718557</v>
      </c>
      <c r="BGS7" s="9">
        <f t="shared" si="25"/>
        <v>1.019803902718557</v>
      </c>
      <c r="BGT7" s="9">
        <f t="shared" si="25"/>
        <v>1.019803902718557</v>
      </c>
      <c r="BGU7" s="9">
        <f t="shared" si="25"/>
        <v>1.019803902718557</v>
      </c>
      <c r="BGV7" s="9">
        <f t="shared" si="25"/>
        <v>1.019803902718557</v>
      </c>
      <c r="BGW7" s="9">
        <f t="shared" si="25"/>
        <v>1.019803902718557</v>
      </c>
      <c r="BGX7" s="9">
        <f t="shared" si="25"/>
        <v>1.019803902718557</v>
      </c>
      <c r="BGY7" s="9">
        <f t="shared" si="25"/>
        <v>1.019803902718557</v>
      </c>
      <c r="BGZ7" s="9">
        <f t="shared" si="25"/>
        <v>1.019803902718557</v>
      </c>
      <c r="BHA7" s="9">
        <f t="shared" si="25"/>
        <v>1.019803902718557</v>
      </c>
      <c r="BHB7" s="9">
        <f t="shared" si="25"/>
        <v>1.019803902718557</v>
      </c>
      <c r="BHC7" s="9">
        <f t="shared" si="25"/>
        <v>1.019803902718557</v>
      </c>
      <c r="BHD7" s="9">
        <f t="shared" si="25"/>
        <v>1.019803902718557</v>
      </c>
      <c r="BHE7" s="9">
        <f t="shared" si="25"/>
        <v>1.019803902718557</v>
      </c>
      <c r="BHF7" s="9">
        <f t="shared" si="25"/>
        <v>1.019803902718557</v>
      </c>
      <c r="BHG7" s="9">
        <f t="shared" si="25"/>
        <v>1.019803902718557</v>
      </c>
      <c r="BHH7" s="9">
        <f t="shared" si="25"/>
        <v>1.019803902718557</v>
      </c>
      <c r="BHI7" s="9">
        <f t="shared" si="25"/>
        <v>1.019803902718557</v>
      </c>
      <c r="BHJ7" s="9">
        <f t="shared" si="25"/>
        <v>1.019803902718557</v>
      </c>
      <c r="BHK7" s="9">
        <f t="shared" si="25"/>
        <v>1.019803902718557</v>
      </c>
      <c r="BHL7" s="9">
        <f t="shared" si="25"/>
        <v>1.019803902718557</v>
      </c>
      <c r="BHM7" s="9">
        <f t="shared" si="25"/>
        <v>1.019803902718557</v>
      </c>
      <c r="BHN7" s="9">
        <f t="shared" si="25"/>
        <v>1.019803902718557</v>
      </c>
      <c r="BHO7" s="9">
        <f t="shared" si="25"/>
        <v>1.019803902718557</v>
      </c>
      <c r="BHP7" s="9">
        <f t="shared" si="25"/>
        <v>1.019803902718557</v>
      </c>
      <c r="BHQ7" s="9">
        <f t="shared" si="25"/>
        <v>1.019803902718557</v>
      </c>
      <c r="BHR7" s="9">
        <f t="shared" si="25"/>
        <v>1.019803902718557</v>
      </c>
      <c r="BHS7" s="9">
        <f t="shared" si="25"/>
        <v>1.019803902718557</v>
      </c>
      <c r="BHT7" s="9">
        <f t="shared" si="25"/>
        <v>1.019803902718557</v>
      </c>
      <c r="BHU7" s="9">
        <f t="shared" si="25"/>
        <v>1.019803902718557</v>
      </c>
      <c r="BHV7" s="9">
        <f t="shared" si="25"/>
        <v>1.019803902718557</v>
      </c>
      <c r="BHW7" s="9">
        <f t="shared" si="25"/>
        <v>1.019803902718557</v>
      </c>
      <c r="BHX7" s="9">
        <f t="shared" si="25"/>
        <v>1.019803902718557</v>
      </c>
      <c r="BHY7" s="9">
        <f t="shared" si="25"/>
        <v>1.019803902718557</v>
      </c>
      <c r="BHZ7" s="9">
        <f t="shared" si="25"/>
        <v>1.019803902718557</v>
      </c>
      <c r="BIA7" s="9">
        <f t="shared" si="25"/>
        <v>1.019803902718557</v>
      </c>
      <c r="BIB7" s="9">
        <f t="shared" si="25"/>
        <v>1.019803902718557</v>
      </c>
      <c r="BIC7" s="9">
        <f t="shared" si="25"/>
        <v>1.019803902718557</v>
      </c>
      <c r="BID7" s="9">
        <f t="shared" si="25"/>
        <v>1.019803902718557</v>
      </c>
      <c r="BIE7" s="9">
        <f t="shared" si="25"/>
        <v>1.019803902718557</v>
      </c>
      <c r="BIF7" s="9">
        <f t="shared" si="25"/>
        <v>1.019803902718557</v>
      </c>
      <c r="BIG7" s="9">
        <f t="shared" si="25"/>
        <v>1.019803902718557</v>
      </c>
      <c r="BIH7" s="9">
        <f t="shared" si="25"/>
        <v>1.019803902718557</v>
      </c>
      <c r="BII7" s="9">
        <f t="shared" si="25"/>
        <v>1.019803902718557</v>
      </c>
      <c r="BIJ7" s="9">
        <f t="shared" si="25"/>
        <v>1.019803902718557</v>
      </c>
      <c r="BIK7" s="9">
        <f t="shared" si="25"/>
        <v>1.019803902718557</v>
      </c>
      <c r="BIL7" s="9">
        <f t="shared" si="25"/>
        <v>1.019803902718557</v>
      </c>
      <c r="BIM7" s="9">
        <f t="shared" si="25"/>
        <v>1.019803902718557</v>
      </c>
      <c r="BIN7" s="9">
        <f t="shared" si="25"/>
        <v>1.019803902718557</v>
      </c>
      <c r="BIO7" s="9">
        <f t="shared" si="25"/>
        <v>1.019803902718557</v>
      </c>
      <c r="BIP7" s="9">
        <f t="shared" si="25"/>
        <v>1.019803902718557</v>
      </c>
      <c r="BIQ7" s="9">
        <f t="shared" si="25"/>
        <v>1.019803902718557</v>
      </c>
      <c r="BIR7" s="9">
        <f t="shared" si="25"/>
        <v>1.019803902718557</v>
      </c>
      <c r="BIS7" s="9">
        <f t="shared" si="25"/>
        <v>1.019803902718557</v>
      </c>
      <c r="BIT7" s="9">
        <f t="shared" si="25"/>
        <v>1.019803902718557</v>
      </c>
      <c r="BIU7" s="9">
        <f t="shared" si="25"/>
        <v>1.019803902718557</v>
      </c>
      <c r="BIV7" s="9">
        <f t="shared" si="25"/>
        <v>1.019803902718557</v>
      </c>
      <c r="BIW7" s="9">
        <f t="shared" si="25"/>
        <v>1.019803902718557</v>
      </c>
      <c r="BIX7" s="9">
        <f t="shared" ref="BIX7:BLI7" si="26">1/((1+$F$6) ^(BIX3-$F$7))</f>
        <v>1.019803902718557</v>
      </c>
      <c r="BIY7" s="9">
        <f t="shared" si="26"/>
        <v>1.019803902718557</v>
      </c>
      <c r="BIZ7" s="9">
        <f t="shared" si="26"/>
        <v>1.019803902718557</v>
      </c>
      <c r="BJA7" s="9">
        <f t="shared" si="26"/>
        <v>1.019803902718557</v>
      </c>
      <c r="BJB7" s="9">
        <f t="shared" si="26"/>
        <v>1.019803902718557</v>
      </c>
      <c r="BJC7" s="9">
        <f t="shared" si="26"/>
        <v>1.019803902718557</v>
      </c>
      <c r="BJD7" s="9">
        <f t="shared" si="26"/>
        <v>1.019803902718557</v>
      </c>
      <c r="BJE7" s="9">
        <f t="shared" si="26"/>
        <v>1.019803902718557</v>
      </c>
      <c r="BJF7" s="9">
        <f t="shared" si="26"/>
        <v>1.019803902718557</v>
      </c>
      <c r="BJG7" s="9">
        <f t="shared" si="26"/>
        <v>1.019803902718557</v>
      </c>
      <c r="BJH7" s="9">
        <f t="shared" si="26"/>
        <v>1.019803902718557</v>
      </c>
      <c r="BJI7" s="9">
        <f t="shared" si="26"/>
        <v>1.019803902718557</v>
      </c>
      <c r="BJJ7" s="9">
        <f t="shared" si="26"/>
        <v>1.019803902718557</v>
      </c>
      <c r="BJK7" s="9">
        <f t="shared" si="26"/>
        <v>1.019803902718557</v>
      </c>
      <c r="BJL7" s="9">
        <f t="shared" si="26"/>
        <v>1.019803902718557</v>
      </c>
      <c r="BJM7" s="9">
        <f t="shared" si="26"/>
        <v>1.019803902718557</v>
      </c>
      <c r="BJN7" s="9">
        <f t="shared" si="26"/>
        <v>1.019803902718557</v>
      </c>
      <c r="BJO7" s="9">
        <f t="shared" si="26"/>
        <v>1.019803902718557</v>
      </c>
      <c r="BJP7" s="9">
        <f t="shared" si="26"/>
        <v>1.019803902718557</v>
      </c>
      <c r="BJQ7" s="9">
        <f t="shared" si="26"/>
        <v>1.019803902718557</v>
      </c>
      <c r="BJR7" s="9">
        <f t="shared" si="26"/>
        <v>1.019803902718557</v>
      </c>
      <c r="BJS7" s="9">
        <f t="shared" si="26"/>
        <v>1.019803902718557</v>
      </c>
      <c r="BJT7" s="9">
        <f t="shared" si="26"/>
        <v>1.019803902718557</v>
      </c>
      <c r="BJU7" s="9">
        <f t="shared" si="26"/>
        <v>1.019803902718557</v>
      </c>
      <c r="BJV7" s="9">
        <f t="shared" si="26"/>
        <v>1.019803902718557</v>
      </c>
      <c r="BJW7" s="9">
        <f t="shared" si="26"/>
        <v>1.019803902718557</v>
      </c>
      <c r="BJX7" s="9">
        <f t="shared" si="26"/>
        <v>1.019803902718557</v>
      </c>
      <c r="BJY7" s="9">
        <f t="shared" si="26"/>
        <v>1.019803902718557</v>
      </c>
      <c r="BJZ7" s="9">
        <f t="shared" si="26"/>
        <v>1.019803902718557</v>
      </c>
      <c r="BKA7" s="9">
        <f t="shared" si="26"/>
        <v>1.019803902718557</v>
      </c>
      <c r="BKB7" s="9">
        <f t="shared" si="26"/>
        <v>1.019803902718557</v>
      </c>
      <c r="BKC7" s="9">
        <f t="shared" si="26"/>
        <v>1.019803902718557</v>
      </c>
      <c r="BKD7" s="9">
        <f t="shared" si="26"/>
        <v>1.019803902718557</v>
      </c>
      <c r="BKE7" s="9">
        <f t="shared" si="26"/>
        <v>1.019803902718557</v>
      </c>
      <c r="BKF7" s="9">
        <f t="shared" si="26"/>
        <v>1.019803902718557</v>
      </c>
      <c r="BKG7" s="9">
        <f t="shared" si="26"/>
        <v>1.019803902718557</v>
      </c>
      <c r="BKH7" s="9">
        <f t="shared" si="26"/>
        <v>1.019803902718557</v>
      </c>
      <c r="BKI7" s="9">
        <f t="shared" si="26"/>
        <v>1.019803902718557</v>
      </c>
      <c r="BKJ7" s="9">
        <f t="shared" si="26"/>
        <v>1.019803902718557</v>
      </c>
      <c r="BKK7" s="9">
        <f t="shared" si="26"/>
        <v>1.019803902718557</v>
      </c>
      <c r="BKL7" s="9">
        <f t="shared" si="26"/>
        <v>1.019803902718557</v>
      </c>
      <c r="BKM7" s="9">
        <f t="shared" si="26"/>
        <v>1.019803902718557</v>
      </c>
      <c r="BKN7" s="9">
        <f t="shared" si="26"/>
        <v>1.019803902718557</v>
      </c>
      <c r="BKO7" s="9">
        <f t="shared" si="26"/>
        <v>1.019803902718557</v>
      </c>
      <c r="BKP7" s="9">
        <f t="shared" si="26"/>
        <v>1.019803902718557</v>
      </c>
      <c r="BKQ7" s="9">
        <f t="shared" si="26"/>
        <v>1.019803902718557</v>
      </c>
      <c r="BKR7" s="9">
        <f t="shared" si="26"/>
        <v>1.019803902718557</v>
      </c>
      <c r="BKS7" s="9">
        <f t="shared" si="26"/>
        <v>1.019803902718557</v>
      </c>
      <c r="BKT7" s="9">
        <f t="shared" si="26"/>
        <v>1.019803902718557</v>
      </c>
      <c r="BKU7" s="9">
        <f t="shared" si="26"/>
        <v>1.019803902718557</v>
      </c>
      <c r="BKV7" s="9">
        <f t="shared" si="26"/>
        <v>1.019803902718557</v>
      </c>
      <c r="BKW7" s="9">
        <f t="shared" si="26"/>
        <v>1.019803902718557</v>
      </c>
      <c r="BKX7" s="9">
        <f t="shared" si="26"/>
        <v>1.019803902718557</v>
      </c>
      <c r="BKY7" s="9">
        <f t="shared" si="26"/>
        <v>1.019803902718557</v>
      </c>
      <c r="BKZ7" s="9">
        <f t="shared" si="26"/>
        <v>1.019803902718557</v>
      </c>
      <c r="BLA7" s="9">
        <f t="shared" si="26"/>
        <v>1.019803902718557</v>
      </c>
      <c r="BLB7" s="9">
        <f t="shared" si="26"/>
        <v>1.019803902718557</v>
      </c>
      <c r="BLC7" s="9">
        <f t="shared" si="26"/>
        <v>1.019803902718557</v>
      </c>
      <c r="BLD7" s="9">
        <f t="shared" si="26"/>
        <v>1.019803902718557</v>
      </c>
      <c r="BLE7" s="9">
        <f t="shared" si="26"/>
        <v>1.019803902718557</v>
      </c>
      <c r="BLF7" s="9">
        <f t="shared" si="26"/>
        <v>1.019803902718557</v>
      </c>
      <c r="BLG7" s="9">
        <f t="shared" si="26"/>
        <v>1.019803902718557</v>
      </c>
      <c r="BLH7" s="9">
        <f t="shared" si="26"/>
        <v>1.019803902718557</v>
      </c>
      <c r="BLI7" s="9">
        <f t="shared" si="26"/>
        <v>1.019803902718557</v>
      </c>
      <c r="BLJ7" s="9">
        <f t="shared" ref="BLJ7:BNU7" si="27">1/((1+$F$6) ^(BLJ3-$F$7))</f>
        <v>1.019803902718557</v>
      </c>
      <c r="BLK7" s="9">
        <f t="shared" si="27"/>
        <v>1.019803902718557</v>
      </c>
      <c r="BLL7" s="9">
        <f t="shared" si="27"/>
        <v>1.019803902718557</v>
      </c>
      <c r="BLM7" s="9">
        <f t="shared" si="27"/>
        <v>1.019803902718557</v>
      </c>
      <c r="BLN7" s="9">
        <f t="shared" si="27"/>
        <v>1.019803902718557</v>
      </c>
      <c r="BLO7" s="9">
        <f t="shared" si="27"/>
        <v>1.019803902718557</v>
      </c>
      <c r="BLP7" s="9">
        <f t="shared" si="27"/>
        <v>1.019803902718557</v>
      </c>
      <c r="BLQ7" s="9">
        <f t="shared" si="27"/>
        <v>1.019803902718557</v>
      </c>
      <c r="BLR7" s="9">
        <f t="shared" si="27"/>
        <v>1.019803902718557</v>
      </c>
      <c r="BLS7" s="9">
        <f t="shared" si="27"/>
        <v>1.019803902718557</v>
      </c>
      <c r="BLT7" s="9">
        <f t="shared" si="27"/>
        <v>1.019803902718557</v>
      </c>
      <c r="BLU7" s="9">
        <f t="shared" si="27"/>
        <v>1.019803902718557</v>
      </c>
      <c r="BLV7" s="9">
        <f t="shared" si="27"/>
        <v>1.019803902718557</v>
      </c>
      <c r="BLW7" s="9">
        <f t="shared" si="27"/>
        <v>1.019803902718557</v>
      </c>
      <c r="BLX7" s="9">
        <f t="shared" si="27"/>
        <v>1.019803902718557</v>
      </c>
      <c r="BLY7" s="9">
        <f t="shared" si="27"/>
        <v>1.019803902718557</v>
      </c>
      <c r="BLZ7" s="9">
        <f t="shared" si="27"/>
        <v>1.019803902718557</v>
      </c>
      <c r="BMA7" s="9">
        <f t="shared" si="27"/>
        <v>1.019803902718557</v>
      </c>
      <c r="BMB7" s="9">
        <f t="shared" si="27"/>
        <v>1.019803902718557</v>
      </c>
      <c r="BMC7" s="9">
        <f t="shared" si="27"/>
        <v>1.019803902718557</v>
      </c>
      <c r="BMD7" s="9">
        <f t="shared" si="27"/>
        <v>1.019803902718557</v>
      </c>
      <c r="BME7" s="9">
        <f t="shared" si="27"/>
        <v>1.019803902718557</v>
      </c>
      <c r="BMF7" s="9">
        <f t="shared" si="27"/>
        <v>1.019803902718557</v>
      </c>
      <c r="BMG7" s="9">
        <f t="shared" si="27"/>
        <v>1.019803902718557</v>
      </c>
      <c r="BMH7" s="9">
        <f t="shared" si="27"/>
        <v>1.019803902718557</v>
      </c>
      <c r="BMI7" s="9">
        <f t="shared" si="27"/>
        <v>1.019803902718557</v>
      </c>
      <c r="BMJ7" s="9">
        <f t="shared" si="27"/>
        <v>1.019803902718557</v>
      </c>
      <c r="BMK7" s="9">
        <f t="shared" si="27"/>
        <v>1.019803902718557</v>
      </c>
      <c r="BML7" s="9">
        <f t="shared" si="27"/>
        <v>1.019803902718557</v>
      </c>
      <c r="BMM7" s="9">
        <f t="shared" si="27"/>
        <v>1.019803902718557</v>
      </c>
      <c r="BMN7" s="9">
        <f t="shared" si="27"/>
        <v>1.019803902718557</v>
      </c>
      <c r="BMO7" s="9">
        <f t="shared" si="27"/>
        <v>1.019803902718557</v>
      </c>
      <c r="BMP7" s="9">
        <f t="shared" si="27"/>
        <v>1.019803902718557</v>
      </c>
      <c r="BMQ7" s="9">
        <f t="shared" si="27"/>
        <v>1.019803902718557</v>
      </c>
      <c r="BMR7" s="9">
        <f t="shared" si="27"/>
        <v>1.019803902718557</v>
      </c>
      <c r="BMS7" s="9">
        <f t="shared" si="27"/>
        <v>1.019803902718557</v>
      </c>
      <c r="BMT7" s="9">
        <f t="shared" si="27"/>
        <v>1.019803902718557</v>
      </c>
      <c r="BMU7" s="9">
        <f t="shared" si="27"/>
        <v>1.019803902718557</v>
      </c>
      <c r="BMV7" s="9">
        <f t="shared" si="27"/>
        <v>1.019803902718557</v>
      </c>
      <c r="BMW7" s="9">
        <f t="shared" si="27"/>
        <v>1.019803902718557</v>
      </c>
      <c r="BMX7" s="9">
        <f t="shared" si="27"/>
        <v>1.019803902718557</v>
      </c>
      <c r="BMY7" s="9">
        <f t="shared" si="27"/>
        <v>1.019803902718557</v>
      </c>
      <c r="BMZ7" s="9">
        <f t="shared" si="27"/>
        <v>1.019803902718557</v>
      </c>
      <c r="BNA7" s="9">
        <f t="shared" si="27"/>
        <v>1.019803902718557</v>
      </c>
      <c r="BNB7" s="9">
        <f t="shared" si="27"/>
        <v>1.019803902718557</v>
      </c>
      <c r="BNC7" s="9">
        <f t="shared" si="27"/>
        <v>1.019803902718557</v>
      </c>
      <c r="BND7" s="9">
        <f t="shared" si="27"/>
        <v>1.019803902718557</v>
      </c>
      <c r="BNE7" s="9">
        <f t="shared" si="27"/>
        <v>1.019803902718557</v>
      </c>
      <c r="BNF7" s="9">
        <f t="shared" si="27"/>
        <v>1.019803902718557</v>
      </c>
      <c r="BNG7" s="9">
        <f t="shared" si="27"/>
        <v>1.019803902718557</v>
      </c>
      <c r="BNH7" s="9">
        <f t="shared" si="27"/>
        <v>1.019803902718557</v>
      </c>
      <c r="BNI7" s="9">
        <f t="shared" si="27"/>
        <v>1.019803902718557</v>
      </c>
      <c r="BNJ7" s="9">
        <f t="shared" si="27"/>
        <v>1.019803902718557</v>
      </c>
      <c r="BNK7" s="9">
        <f t="shared" si="27"/>
        <v>1.019803902718557</v>
      </c>
      <c r="BNL7" s="9">
        <f t="shared" si="27"/>
        <v>1.019803902718557</v>
      </c>
      <c r="BNM7" s="9">
        <f t="shared" si="27"/>
        <v>1.019803902718557</v>
      </c>
      <c r="BNN7" s="9">
        <f t="shared" si="27"/>
        <v>1.019803902718557</v>
      </c>
      <c r="BNO7" s="9">
        <f t="shared" si="27"/>
        <v>1.019803902718557</v>
      </c>
      <c r="BNP7" s="9">
        <f t="shared" si="27"/>
        <v>1.019803902718557</v>
      </c>
      <c r="BNQ7" s="9">
        <f t="shared" si="27"/>
        <v>1.019803902718557</v>
      </c>
      <c r="BNR7" s="9">
        <f t="shared" si="27"/>
        <v>1.019803902718557</v>
      </c>
      <c r="BNS7" s="9">
        <f t="shared" si="27"/>
        <v>1.019803902718557</v>
      </c>
      <c r="BNT7" s="9">
        <f t="shared" si="27"/>
        <v>1.019803902718557</v>
      </c>
      <c r="BNU7" s="9">
        <f t="shared" si="27"/>
        <v>1.019803902718557</v>
      </c>
      <c r="BNV7" s="9">
        <f t="shared" ref="BNV7:BQG7" si="28">1/((1+$F$6) ^(BNV3-$F$7))</f>
        <v>1.019803902718557</v>
      </c>
      <c r="BNW7" s="9">
        <f t="shared" si="28"/>
        <v>1.019803902718557</v>
      </c>
      <c r="BNX7" s="9">
        <f t="shared" si="28"/>
        <v>1.019803902718557</v>
      </c>
      <c r="BNY7" s="9">
        <f t="shared" si="28"/>
        <v>1.019803902718557</v>
      </c>
      <c r="BNZ7" s="9">
        <f t="shared" si="28"/>
        <v>1.019803902718557</v>
      </c>
      <c r="BOA7" s="9">
        <f t="shared" si="28"/>
        <v>1.019803902718557</v>
      </c>
      <c r="BOB7" s="9">
        <f t="shared" si="28"/>
        <v>1.019803902718557</v>
      </c>
      <c r="BOC7" s="9">
        <f t="shared" si="28"/>
        <v>1.019803902718557</v>
      </c>
      <c r="BOD7" s="9">
        <f t="shared" si="28"/>
        <v>1.019803902718557</v>
      </c>
      <c r="BOE7" s="9">
        <f t="shared" si="28"/>
        <v>1.019803902718557</v>
      </c>
      <c r="BOF7" s="9">
        <f t="shared" si="28"/>
        <v>1.019803902718557</v>
      </c>
      <c r="BOG7" s="9">
        <f t="shared" si="28"/>
        <v>1.019803902718557</v>
      </c>
      <c r="BOH7" s="9">
        <f t="shared" si="28"/>
        <v>1.019803902718557</v>
      </c>
      <c r="BOI7" s="9">
        <f t="shared" si="28"/>
        <v>1.019803902718557</v>
      </c>
      <c r="BOJ7" s="9">
        <f t="shared" si="28"/>
        <v>1.019803902718557</v>
      </c>
      <c r="BOK7" s="9">
        <f t="shared" si="28"/>
        <v>1.019803902718557</v>
      </c>
      <c r="BOL7" s="9">
        <f t="shared" si="28"/>
        <v>1.019803902718557</v>
      </c>
      <c r="BOM7" s="9">
        <f t="shared" si="28"/>
        <v>1.019803902718557</v>
      </c>
      <c r="BON7" s="9">
        <f t="shared" si="28"/>
        <v>1.019803902718557</v>
      </c>
      <c r="BOO7" s="9">
        <f t="shared" si="28"/>
        <v>1.019803902718557</v>
      </c>
      <c r="BOP7" s="9">
        <f t="shared" si="28"/>
        <v>1.019803902718557</v>
      </c>
      <c r="BOQ7" s="9">
        <f t="shared" si="28"/>
        <v>1.019803902718557</v>
      </c>
      <c r="BOR7" s="9">
        <f t="shared" si="28"/>
        <v>1.019803902718557</v>
      </c>
      <c r="BOS7" s="9">
        <f t="shared" si="28"/>
        <v>1.019803902718557</v>
      </c>
      <c r="BOT7" s="9">
        <f t="shared" si="28"/>
        <v>1.019803902718557</v>
      </c>
      <c r="BOU7" s="9">
        <f t="shared" si="28"/>
        <v>1.019803902718557</v>
      </c>
      <c r="BOV7" s="9">
        <f t="shared" si="28"/>
        <v>1.019803902718557</v>
      </c>
      <c r="BOW7" s="9">
        <f t="shared" si="28"/>
        <v>1.019803902718557</v>
      </c>
      <c r="BOX7" s="9">
        <f t="shared" si="28"/>
        <v>1.019803902718557</v>
      </c>
      <c r="BOY7" s="9">
        <f t="shared" si="28"/>
        <v>1.019803902718557</v>
      </c>
      <c r="BOZ7" s="9">
        <f t="shared" si="28"/>
        <v>1.019803902718557</v>
      </c>
      <c r="BPA7" s="9">
        <f t="shared" si="28"/>
        <v>1.019803902718557</v>
      </c>
      <c r="BPB7" s="9">
        <f t="shared" si="28"/>
        <v>1.019803902718557</v>
      </c>
      <c r="BPC7" s="9">
        <f t="shared" si="28"/>
        <v>1.019803902718557</v>
      </c>
      <c r="BPD7" s="9">
        <f t="shared" si="28"/>
        <v>1.019803902718557</v>
      </c>
      <c r="BPE7" s="9">
        <f t="shared" si="28"/>
        <v>1.019803902718557</v>
      </c>
      <c r="BPF7" s="9">
        <f t="shared" si="28"/>
        <v>1.019803902718557</v>
      </c>
      <c r="BPG7" s="9">
        <f t="shared" si="28"/>
        <v>1.019803902718557</v>
      </c>
      <c r="BPH7" s="9">
        <f t="shared" si="28"/>
        <v>1.019803902718557</v>
      </c>
      <c r="BPI7" s="9">
        <f t="shared" si="28"/>
        <v>1.019803902718557</v>
      </c>
      <c r="BPJ7" s="9">
        <f t="shared" si="28"/>
        <v>1.019803902718557</v>
      </c>
      <c r="BPK7" s="9">
        <f t="shared" si="28"/>
        <v>1.019803902718557</v>
      </c>
      <c r="BPL7" s="9">
        <f t="shared" si="28"/>
        <v>1.019803902718557</v>
      </c>
      <c r="BPM7" s="9">
        <f t="shared" si="28"/>
        <v>1.019803902718557</v>
      </c>
      <c r="BPN7" s="9">
        <f t="shared" si="28"/>
        <v>1.019803902718557</v>
      </c>
      <c r="BPO7" s="9">
        <f t="shared" si="28"/>
        <v>1.019803902718557</v>
      </c>
      <c r="BPP7" s="9">
        <f t="shared" si="28"/>
        <v>1.019803902718557</v>
      </c>
      <c r="BPQ7" s="9">
        <f t="shared" si="28"/>
        <v>1.019803902718557</v>
      </c>
      <c r="BPR7" s="9">
        <f t="shared" si="28"/>
        <v>1.019803902718557</v>
      </c>
      <c r="BPS7" s="9">
        <f t="shared" si="28"/>
        <v>1.019803902718557</v>
      </c>
      <c r="BPT7" s="9">
        <f t="shared" si="28"/>
        <v>1.019803902718557</v>
      </c>
      <c r="BPU7" s="9">
        <f t="shared" si="28"/>
        <v>1.019803902718557</v>
      </c>
      <c r="BPV7" s="9">
        <f t="shared" si="28"/>
        <v>1.019803902718557</v>
      </c>
      <c r="BPW7" s="9">
        <f t="shared" si="28"/>
        <v>1.019803902718557</v>
      </c>
      <c r="BPX7" s="9">
        <f t="shared" si="28"/>
        <v>1.019803902718557</v>
      </c>
      <c r="BPY7" s="9">
        <f t="shared" si="28"/>
        <v>1.019803902718557</v>
      </c>
      <c r="BPZ7" s="9">
        <f t="shared" si="28"/>
        <v>1.019803902718557</v>
      </c>
      <c r="BQA7" s="9">
        <f t="shared" si="28"/>
        <v>1.019803902718557</v>
      </c>
      <c r="BQB7" s="9">
        <f t="shared" si="28"/>
        <v>1.019803902718557</v>
      </c>
      <c r="BQC7" s="9">
        <f t="shared" si="28"/>
        <v>1.019803902718557</v>
      </c>
      <c r="BQD7" s="9">
        <f t="shared" si="28"/>
        <v>1.019803902718557</v>
      </c>
      <c r="BQE7" s="9">
        <f t="shared" si="28"/>
        <v>1.019803902718557</v>
      </c>
      <c r="BQF7" s="9">
        <f t="shared" si="28"/>
        <v>1.019803902718557</v>
      </c>
      <c r="BQG7" s="9">
        <f t="shared" si="28"/>
        <v>1.019803902718557</v>
      </c>
      <c r="BQH7" s="9">
        <f t="shared" ref="BQH7:BSS7" si="29">1/((1+$F$6) ^(BQH3-$F$7))</f>
        <v>1.019803902718557</v>
      </c>
      <c r="BQI7" s="9">
        <f t="shared" si="29"/>
        <v>1.019803902718557</v>
      </c>
      <c r="BQJ7" s="9">
        <f t="shared" si="29"/>
        <v>1.019803902718557</v>
      </c>
      <c r="BQK7" s="9">
        <f t="shared" si="29"/>
        <v>1.019803902718557</v>
      </c>
      <c r="BQL7" s="9">
        <f t="shared" si="29"/>
        <v>1.019803902718557</v>
      </c>
      <c r="BQM7" s="9">
        <f t="shared" si="29"/>
        <v>1.019803902718557</v>
      </c>
      <c r="BQN7" s="9">
        <f t="shared" si="29"/>
        <v>1.019803902718557</v>
      </c>
      <c r="BQO7" s="9">
        <f t="shared" si="29"/>
        <v>1.019803902718557</v>
      </c>
      <c r="BQP7" s="9">
        <f t="shared" si="29"/>
        <v>1.019803902718557</v>
      </c>
      <c r="BQQ7" s="9">
        <f t="shared" si="29"/>
        <v>1.019803902718557</v>
      </c>
      <c r="BQR7" s="9">
        <f t="shared" si="29"/>
        <v>1.019803902718557</v>
      </c>
      <c r="BQS7" s="9">
        <f t="shared" si="29"/>
        <v>1.019803902718557</v>
      </c>
      <c r="BQT7" s="9">
        <f t="shared" si="29"/>
        <v>1.019803902718557</v>
      </c>
      <c r="BQU7" s="9">
        <f t="shared" si="29"/>
        <v>1.019803902718557</v>
      </c>
      <c r="BQV7" s="9">
        <f t="shared" si="29"/>
        <v>1.019803902718557</v>
      </c>
      <c r="BQW7" s="9">
        <f t="shared" si="29"/>
        <v>1.019803902718557</v>
      </c>
      <c r="BQX7" s="9">
        <f t="shared" si="29"/>
        <v>1.019803902718557</v>
      </c>
      <c r="BQY7" s="9">
        <f t="shared" si="29"/>
        <v>1.019803902718557</v>
      </c>
      <c r="BQZ7" s="9">
        <f t="shared" si="29"/>
        <v>1.019803902718557</v>
      </c>
      <c r="BRA7" s="9">
        <f t="shared" si="29"/>
        <v>1.019803902718557</v>
      </c>
      <c r="BRB7" s="9">
        <f t="shared" si="29"/>
        <v>1.019803902718557</v>
      </c>
      <c r="BRC7" s="9">
        <f t="shared" si="29"/>
        <v>1.019803902718557</v>
      </c>
      <c r="BRD7" s="9">
        <f t="shared" si="29"/>
        <v>1.019803902718557</v>
      </c>
      <c r="BRE7" s="9">
        <f t="shared" si="29"/>
        <v>1.019803902718557</v>
      </c>
      <c r="BRF7" s="9">
        <f t="shared" si="29"/>
        <v>1.019803902718557</v>
      </c>
      <c r="BRG7" s="9">
        <f t="shared" si="29"/>
        <v>1.019803902718557</v>
      </c>
      <c r="BRH7" s="9">
        <f t="shared" si="29"/>
        <v>1.019803902718557</v>
      </c>
      <c r="BRI7" s="9">
        <f t="shared" si="29"/>
        <v>1.019803902718557</v>
      </c>
      <c r="BRJ7" s="9">
        <f t="shared" si="29"/>
        <v>1.019803902718557</v>
      </c>
      <c r="BRK7" s="9">
        <f t="shared" si="29"/>
        <v>1.019803902718557</v>
      </c>
      <c r="BRL7" s="9">
        <f t="shared" si="29"/>
        <v>1.019803902718557</v>
      </c>
      <c r="BRM7" s="9">
        <f t="shared" si="29"/>
        <v>1.019803902718557</v>
      </c>
      <c r="BRN7" s="9">
        <f t="shared" si="29"/>
        <v>1.019803902718557</v>
      </c>
      <c r="BRO7" s="9">
        <f t="shared" si="29"/>
        <v>1.019803902718557</v>
      </c>
      <c r="BRP7" s="9">
        <f t="shared" si="29"/>
        <v>1.019803902718557</v>
      </c>
      <c r="BRQ7" s="9">
        <f t="shared" si="29"/>
        <v>1.019803902718557</v>
      </c>
      <c r="BRR7" s="9">
        <f t="shared" si="29"/>
        <v>1.019803902718557</v>
      </c>
      <c r="BRS7" s="9">
        <f t="shared" si="29"/>
        <v>1.019803902718557</v>
      </c>
      <c r="BRT7" s="9">
        <f t="shared" si="29"/>
        <v>1.019803902718557</v>
      </c>
      <c r="BRU7" s="9">
        <f t="shared" si="29"/>
        <v>1.019803902718557</v>
      </c>
      <c r="BRV7" s="9">
        <f t="shared" si="29"/>
        <v>1.019803902718557</v>
      </c>
      <c r="BRW7" s="9">
        <f t="shared" si="29"/>
        <v>1.019803902718557</v>
      </c>
      <c r="BRX7" s="9">
        <f t="shared" si="29"/>
        <v>1.019803902718557</v>
      </c>
      <c r="BRY7" s="9">
        <f t="shared" si="29"/>
        <v>1.019803902718557</v>
      </c>
      <c r="BRZ7" s="9">
        <f t="shared" si="29"/>
        <v>1.019803902718557</v>
      </c>
      <c r="BSA7" s="9">
        <f t="shared" si="29"/>
        <v>1.019803902718557</v>
      </c>
      <c r="BSB7" s="9">
        <f t="shared" si="29"/>
        <v>1.019803902718557</v>
      </c>
      <c r="BSC7" s="9">
        <f t="shared" si="29"/>
        <v>1.019803902718557</v>
      </c>
      <c r="BSD7" s="9">
        <f t="shared" si="29"/>
        <v>1.019803902718557</v>
      </c>
      <c r="BSE7" s="9">
        <f t="shared" si="29"/>
        <v>1.019803902718557</v>
      </c>
      <c r="BSF7" s="9">
        <f t="shared" si="29"/>
        <v>1.019803902718557</v>
      </c>
      <c r="BSG7" s="9">
        <f t="shared" si="29"/>
        <v>1.019803902718557</v>
      </c>
      <c r="BSH7" s="9">
        <f t="shared" si="29"/>
        <v>1.019803902718557</v>
      </c>
      <c r="BSI7" s="9">
        <f t="shared" si="29"/>
        <v>1.019803902718557</v>
      </c>
      <c r="BSJ7" s="9">
        <f t="shared" si="29"/>
        <v>1.019803902718557</v>
      </c>
      <c r="BSK7" s="9">
        <f t="shared" si="29"/>
        <v>1.019803902718557</v>
      </c>
      <c r="BSL7" s="9">
        <f t="shared" si="29"/>
        <v>1.019803902718557</v>
      </c>
      <c r="BSM7" s="9">
        <f t="shared" si="29"/>
        <v>1.019803902718557</v>
      </c>
      <c r="BSN7" s="9">
        <f t="shared" si="29"/>
        <v>1.019803902718557</v>
      </c>
      <c r="BSO7" s="9">
        <f t="shared" si="29"/>
        <v>1.019803902718557</v>
      </c>
      <c r="BSP7" s="9">
        <f t="shared" si="29"/>
        <v>1.019803902718557</v>
      </c>
      <c r="BSQ7" s="9">
        <f t="shared" si="29"/>
        <v>1.019803902718557</v>
      </c>
      <c r="BSR7" s="9">
        <f t="shared" si="29"/>
        <v>1.019803902718557</v>
      </c>
      <c r="BSS7" s="9">
        <f t="shared" si="29"/>
        <v>1.019803902718557</v>
      </c>
      <c r="BST7" s="9">
        <f t="shared" ref="BST7:BVE7" si="30">1/((1+$F$6) ^(BST3-$F$7))</f>
        <v>1.019803902718557</v>
      </c>
      <c r="BSU7" s="9">
        <f t="shared" si="30"/>
        <v>1.019803902718557</v>
      </c>
      <c r="BSV7" s="9">
        <f t="shared" si="30"/>
        <v>1.019803902718557</v>
      </c>
      <c r="BSW7" s="9">
        <f t="shared" si="30"/>
        <v>1.019803902718557</v>
      </c>
      <c r="BSX7" s="9">
        <f t="shared" si="30"/>
        <v>1.019803902718557</v>
      </c>
      <c r="BSY7" s="9">
        <f t="shared" si="30"/>
        <v>1.019803902718557</v>
      </c>
      <c r="BSZ7" s="9">
        <f t="shared" si="30"/>
        <v>1.019803902718557</v>
      </c>
      <c r="BTA7" s="9">
        <f t="shared" si="30"/>
        <v>1.019803902718557</v>
      </c>
      <c r="BTB7" s="9">
        <f t="shared" si="30"/>
        <v>1.019803902718557</v>
      </c>
      <c r="BTC7" s="9">
        <f t="shared" si="30"/>
        <v>1.019803902718557</v>
      </c>
      <c r="BTD7" s="9">
        <f t="shared" si="30"/>
        <v>1.019803902718557</v>
      </c>
      <c r="BTE7" s="9">
        <f t="shared" si="30"/>
        <v>1.019803902718557</v>
      </c>
      <c r="BTF7" s="9">
        <f t="shared" si="30"/>
        <v>1.019803902718557</v>
      </c>
      <c r="BTG7" s="9">
        <f t="shared" si="30"/>
        <v>1.019803902718557</v>
      </c>
      <c r="BTH7" s="9">
        <f t="shared" si="30"/>
        <v>1.019803902718557</v>
      </c>
      <c r="BTI7" s="9">
        <f t="shared" si="30"/>
        <v>1.019803902718557</v>
      </c>
      <c r="BTJ7" s="9">
        <f t="shared" si="30"/>
        <v>1.019803902718557</v>
      </c>
      <c r="BTK7" s="9">
        <f t="shared" si="30"/>
        <v>1.019803902718557</v>
      </c>
      <c r="BTL7" s="9">
        <f t="shared" si="30"/>
        <v>1.019803902718557</v>
      </c>
      <c r="BTM7" s="9">
        <f t="shared" si="30"/>
        <v>1.019803902718557</v>
      </c>
      <c r="BTN7" s="9">
        <f t="shared" si="30"/>
        <v>1.019803902718557</v>
      </c>
      <c r="BTO7" s="9">
        <f t="shared" si="30"/>
        <v>1.019803902718557</v>
      </c>
      <c r="BTP7" s="9">
        <f t="shared" si="30"/>
        <v>1.019803902718557</v>
      </c>
      <c r="BTQ7" s="9">
        <f t="shared" si="30"/>
        <v>1.019803902718557</v>
      </c>
      <c r="BTR7" s="9">
        <f t="shared" si="30"/>
        <v>1.019803902718557</v>
      </c>
      <c r="BTS7" s="9">
        <f t="shared" si="30"/>
        <v>1.019803902718557</v>
      </c>
      <c r="BTT7" s="9">
        <f t="shared" si="30"/>
        <v>1.019803902718557</v>
      </c>
      <c r="BTU7" s="9">
        <f t="shared" si="30"/>
        <v>1.019803902718557</v>
      </c>
      <c r="BTV7" s="9">
        <f t="shared" si="30"/>
        <v>1.019803902718557</v>
      </c>
      <c r="BTW7" s="9">
        <f t="shared" si="30"/>
        <v>1.019803902718557</v>
      </c>
      <c r="BTX7" s="9">
        <f t="shared" si="30"/>
        <v>1.019803902718557</v>
      </c>
      <c r="BTY7" s="9">
        <f t="shared" si="30"/>
        <v>1.019803902718557</v>
      </c>
      <c r="BTZ7" s="9">
        <f t="shared" si="30"/>
        <v>1.019803902718557</v>
      </c>
      <c r="BUA7" s="9">
        <f t="shared" si="30"/>
        <v>1.019803902718557</v>
      </c>
      <c r="BUB7" s="9">
        <f t="shared" si="30"/>
        <v>1.019803902718557</v>
      </c>
      <c r="BUC7" s="9">
        <f t="shared" si="30"/>
        <v>1.019803902718557</v>
      </c>
      <c r="BUD7" s="9">
        <f t="shared" si="30"/>
        <v>1.019803902718557</v>
      </c>
      <c r="BUE7" s="9">
        <f t="shared" si="30"/>
        <v>1.019803902718557</v>
      </c>
      <c r="BUF7" s="9">
        <f t="shared" si="30"/>
        <v>1.019803902718557</v>
      </c>
      <c r="BUG7" s="9">
        <f t="shared" si="30"/>
        <v>1.019803902718557</v>
      </c>
      <c r="BUH7" s="9">
        <f t="shared" si="30"/>
        <v>1.019803902718557</v>
      </c>
      <c r="BUI7" s="9">
        <f t="shared" si="30"/>
        <v>1.019803902718557</v>
      </c>
      <c r="BUJ7" s="9">
        <f t="shared" si="30"/>
        <v>1.019803902718557</v>
      </c>
      <c r="BUK7" s="9">
        <f t="shared" si="30"/>
        <v>1.019803902718557</v>
      </c>
      <c r="BUL7" s="9">
        <f t="shared" si="30"/>
        <v>1.019803902718557</v>
      </c>
      <c r="BUM7" s="9">
        <f t="shared" si="30"/>
        <v>1.019803902718557</v>
      </c>
      <c r="BUN7" s="9">
        <f t="shared" si="30"/>
        <v>1.019803902718557</v>
      </c>
      <c r="BUO7" s="9">
        <f t="shared" si="30"/>
        <v>1.019803902718557</v>
      </c>
      <c r="BUP7" s="9">
        <f t="shared" si="30"/>
        <v>1.019803902718557</v>
      </c>
      <c r="BUQ7" s="9">
        <f t="shared" si="30"/>
        <v>1.019803902718557</v>
      </c>
      <c r="BUR7" s="9">
        <f t="shared" si="30"/>
        <v>1.019803902718557</v>
      </c>
      <c r="BUS7" s="9">
        <f t="shared" si="30"/>
        <v>1.019803902718557</v>
      </c>
      <c r="BUT7" s="9">
        <f t="shared" si="30"/>
        <v>1.019803902718557</v>
      </c>
      <c r="BUU7" s="9">
        <f t="shared" si="30"/>
        <v>1.019803902718557</v>
      </c>
      <c r="BUV7" s="9">
        <f t="shared" si="30"/>
        <v>1.019803902718557</v>
      </c>
      <c r="BUW7" s="9">
        <f t="shared" si="30"/>
        <v>1.019803902718557</v>
      </c>
      <c r="BUX7" s="9">
        <f t="shared" si="30"/>
        <v>1.019803902718557</v>
      </c>
      <c r="BUY7" s="9">
        <f t="shared" si="30"/>
        <v>1.019803902718557</v>
      </c>
      <c r="BUZ7" s="9">
        <f t="shared" si="30"/>
        <v>1.019803902718557</v>
      </c>
      <c r="BVA7" s="9">
        <f t="shared" si="30"/>
        <v>1.019803902718557</v>
      </c>
      <c r="BVB7" s="9">
        <f t="shared" si="30"/>
        <v>1.019803902718557</v>
      </c>
      <c r="BVC7" s="9">
        <f t="shared" si="30"/>
        <v>1.019803902718557</v>
      </c>
      <c r="BVD7" s="9">
        <f t="shared" si="30"/>
        <v>1.019803902718557</v>
      </c>
      <c r="BVE7" s="9">
        <f t="shared" si="30"/>
        <v>1.019803902718557</v>
      </c>
      <c r="BVF7" s="9">
        <f t="shared" ref="BVF7:BXQ7" si="31">1/((1+$F$6) ^(BVF3-$F$7))</f>
        <v>1.019803902718557</v>
      </c>
      <c r="BVG7" s="9">
        <f t="shared" si="31"/>
        <v>1.019803902718557</v>
      </c>
      <c r="BVH7" s="9">
        <f t="shared" si="31"/>
        <v>1.019803902718557</v>
      </c>
      <c r="BVI7" s="9">
        <f t="shared" si="31"/>
        <v>1.019803902718557</v>
      </c>
      <c r="BVJ7" s="9">
        <f t="shared" si="31"/>
        <v>1.019803902718557</v>
      </c>
      <c r="BVK7" s="9">
        <f t="shared" si="31"/>
        <v>1.019803902718557</v>
      </c>
      <c r="BVL7" s="9">
        <f t="shared" si="31"/>
        <v>1.019803902718557</v>
      </c>
      <c r="BVM7" s="9">
        <f t="shared" si="31"/>
        <v>1.019803902718557</v>
      </c>
      <c r="BVN7" s="9">
        <f t="shared" si="31"/>
        <v>1.019803902718557</v>
      </c>
      <c r="BVO7" s="9">
        <f t="shared" si="31"/>
        <v>1.019803902718557</v>
      </c>
      <c r="BVP7" s="9">
        <f t="shared" si="31"/>
        <v>1.019803902718557</v>
      </c>
      <c r="BVQ7" s="9">
        <f t="shared" si="31"/>
        <v>1.019803902718557</v>
      </c>
      <c r="BVR7" s="9">
        <f t="shared" si="31"/>
        <v>1.019803902718557</v>
      </c>
      <c r="BVS7" s="9">
        <f t="shared" si="31"/>
        <v>1.019803902718557</v>
      </c>
      <c r="BVT7" s="9">
        <f t="shared" si="31"/>
        <v>1.019803902718557</v>
      </c>
      <c r="BVU7" s="9">
        <f t="shared" si="31"/>
        <v>1.019803902718557</v>
      </c>
      <c r="BVV7" s="9">
        <f t="shared" si="31"/>
        <v>1.019803902718557</v>
      </c>
      <c r="BVW7" s="9">
        <f t="shared" si="31"/>
        <v>1.019803902718557</v>
      </c>
      <c r="BVX7" s="9">
        <f t="shared" si="31"/>
        <v>1.019803902718557</v>
      </c>
      <c r="BVY7" s="9">
        <f t="shared" si="31"/>
        <v>1.019803902718557</v>
      </c>
      <c r="BVZ7" s="9">
        <f t="shared" si="31"/>
        <v>1.019803902718557</v>
      </c>
      <c r="BWA7" s="9">
        <f t="shared" si="31"/>
        <v>1.019803902718557</v>
      </c>
      <c r="BWB7" s="9">
        <f t="shared" si="31"/>
        <v>1.019803902718557</v>
      </c>
      <c r="BWC7" s="9">
        <f t="shared" si="31"/>
        <v>1.019803902718557</v>
      </c>
      <c r="BWD7" s="9">
        <f t="shared" si="31"/>
        <v>1.019803902718557</v>
      </c>
      <c r="BWE7" s="9">
        <f t="shared" si="31"/>
        <v>1.019803902718557</v>
      </c>
      <c r="BWF7" s="9">
        <f t="shared" si="31"/>
        <v>1.019803902718557</v>
      </c>
      <c r="BWG7" s="9">
        <f t="shared" si="31"/>
        <v>1.019803902718557</v>
      </c>
      <c r="BWH7" s="9">
        <f t="shared" si="31"/>
        <v>1.019803902718557</v>
      </c>
      <c r="BWI7" s="9">
        <f t="shared" si="31"/>
        <v>1.019803902718557</v>
      </c>
      <c r="BWJ7" s="9">
        <f t="shared" si="31"/>
        <v>1.019803902718557</v>
      </c>
      <c r="BWK7" s="9">
        <f t="shared" si="31"/>
        <v>1.019803902718557</v>
      </c>
      <c r="BWL7" s="9">
        <f t="shared" si="31"/>
        <v>1.019803902718557</v>
      </c>
      <c r="BWM7" s="9">
        <f t="shared" si="31"/>
        <v>1.019803902718557</v>
      </c>
      <c r="BWN7" s="9">
        <f t="shared" si="31"/>
        <v>1.019803902718557</v>
      </c>
      <c r="BWO7" s="9">
        <f t="shared" si="31"/>
        <v>1.019803902718557</v>
      </c>
      <c r="BWP7" s="9">
        <f t="shared" si="31"/>
        <v>1.019803902718557</v>
      </c>
      <c r="BWQ7" s="9">
        <f t="shared" si="31"/>
        <v>1.019803902718557</v>
      </c>
      <c r="BWR7" s="9">
        <f t="shared" si="31"/>
        <v>1.019803902718557</v>
      </c>
      <c r="BWS7" s="9">
        <f t="shared" si="31"/>
        <v>1.019803902718557</v>
      </c>
      <c r="BWT7" s="9">
        <f t="shared" si="31"/>
        <v>1.019803902718557</v>
      </c>
      <c r="BWU7" s="9">
        <f t="shared" si="31"/>
        <v>1.019803902718557</v>
      </c>
      <c r="BWV7" s="9">
        <f t="shared" si="31"/>
        <v>1.019803902718557</v>
      </c>
      <c r="BWW7" s="9">
        <f t="shared" si="31"/>
        <v>1.019803902718557</v>
      </c>
      <c r="BWX7" s="9">
        <f t="shared" si="31"/>
        <v>1.019803902718557</v>
      </c>
      <c r="BWY7" s="9">
        <f t="shared" si="31"/>
        <v>1.019803902718557</v>
      </c>
      <c r="BWZ7" s="9">
        <f t="shared" si="31"/>
        <v>1.019803902718557</v>
      </c>
      <c r="BXA7" s="9">
        <f t="shared" si="31"/>
        <v>1.019803902718557</v>
      </c>
      <c r="BXB7" s="9">
        <f t="shared" si="31"/>
        <v>1.019803902718557</v>
      </c>
      <c r="BXC7" s="9">
        <f t="shared" si="31"/>
        <v>1.019803902718557</v>
      </c>
      <c r="BXD7" s="9">
        <f t="shared" si="31"/>
        <v>1.019803902718557</v>
      </c>
      <c r="BXE7" s="9">
        <f t="shared" si="31"/>
        <v>1.019803902718557</v>
      </c>
      <c r="BXF7" s="9">
        <f t="shared" si="31"/>
        <v>1.019803902718557</v>
      </c>
      <c r="BXG7" s="9">
        <f t="shared" si="31"/>
        <v>1.019803902718557</v>
      </c>
      <c r="BXH7" s="9">
        <f t="shared" si="31"/>
        <v>1.019803902718557</v>
      </c>
      <c r="BXI7" s="9">
        <f t="shared" si="31"/>
        <v>1.019803902718557</v>
      </c>
      <c r="BXJ7" s="9">
        <f t="shared" si="31"/>
        <v>1.019803902718557</v>
      </c>
      <c r="BXK7" s="9">
        <f t="shared" si="31"/>
        <v>1.019803902718557</v>
      </c>
      <c r="BXL7" s="9">
        <f t="shared" si="31"/>
        <v>1.019803902718557</v>
      </c>
      <c r="BXM7" s="9">
        <f t="shared" si="31"/>
        <v>1.019803902718557</v>
      </c>
      <c r="BXN7" s="9">
        <f t="shared" si="31"/>
        <v>1.019803902718557</v>
      </c>
      <c r="BXO7" s="9">
        <f t="shared" si="31"/>
        <v>1.019803902718557</v>
      </c>
      <c r="BXP7" s="9">
        <f t="shared" si="31"/>
        <v>1.019803902718557</v>
      </c>
      <c r="BXQ7" s="9">
        <f t="shared" si="31"/>
        <v>1.019803902718557</v>
      </c>
      <c r="BXR7" s="9">
        <f t="shared" ref="BXR7:CAC7" si="32">1/((1+$F$6) ^(BXR3-$F$7))</f>
        <v>1.019803902718557</v>
      </c>
      <c r="BXS7" s="9">
        <f t="shared" si="32"/>
        <v>1.019803902718557</v>
      </c>
      <c r="BXT7" s="9">
        <f t="shared" si="32"/>
        <v>1.019803902718557</v>
      </c>
      <c r="BXU7" s="9">
        <f t="shared" si="32"/>
        <v>1.019803902718557</v>
      </c>
      <c r="BXV7" s="9">
        <f t="shared" si="32"/>
        <v>1.019803902718557</v>
      </c>
      <c r="BXW7" s="9">
        <f t="shared" si="32"/>
        <v>1.019803902718557</v>
      </c>
      <c r="BXX7" s="9">
        <f t="shared" si="32"/>
        <v>1.019803902718557</v>
      </c>
      <c r="BXY7" s="9">
        <f t="shared" si="32"/>
        <v>1.019803902718557</v>
      </c>
      <c r="BXZ7" s="9">
        <f t="shared" si="32"/>
        <v>1.019803902718557</v>
      </c>
      <c r="BYA7" s="9">
        <f t="shared" si="32"/>
        <v>1.019803902718557</v>
      </c>
      <c r="BYB7" s="9">
        <f t="shared" si="32"/>
        <v>1.019803902718557</v>
      </c>
      <c r="BYC7" s="9">
        <f t="shared" si="32"/>
        <v>1.019803902718557</v>
      </c>
      <c r="BYD7" s="9">
        <f t="shared" si="32"/>
        <v>1.019803902718557</v>
      </c>
      <c r="BYE7" s="9">
        <f t="shared" si="32"/>
        <v>1.019803902718557</v>
      </c>
      <c r="BYF7" s="9">
        <f t="shared" si="32"/>
        <v>1.019803902718557</v>
      </c>
      <c r="BYG7" s="9">
        <f t="shared" si="32"/>
        <v>1.019803902718557</v>
      </c>
      <c r="BYH7" s="9">
        <f t="shared" si="32"/>
        <v>1.019803902718557</v>
      </c>
      <c r="BYI7" s="9">
        <f t="shared" si="32"/>
        <v>1.019803902718557</v>
      </c>
      <c r="BYJ7" s="9">
        <f t="shared" si="32"/>
        <v>1.019803902718557</v>
      </c>
      <c r="BYK7" s="9">
        <f t="shared" si="32"/>
        <v>1.019803902718557</v>
      </c>
      <c r="BYL7" s="9">
        <f t="shared" si="32"/>
        <v>1.019803902718557</v>
      </c>
      <c r="BYM7" s="9">
        <f t="shared" si="32"/>
        <v>1.019803902718557</v>
      </c>
      <c r="BYN7" s="9">
        <f t="shared" si="32"/>
        <v>1.019803902718557</v>
      </c>
      <c r="BYO7" s="9">
        <f t="shared" si="32"/>
        <v>1.019803902718557</v>
      </c>
      <c r="BYP7" s="9">
        <f t="shared" si="32"/>
        <v>1.019803902718557</v>
      </c>
      <c r="BYQ7" s="9">
        <f t="shared" si="32"/>
        <v>1.019803902718557</v>
      </c>
      <c r="BYR7" s="9">
        <f t="shared" si="32"/>
        <v>1.019803902718557</v>
      </c>
      <c r="BYS7" s="9">
        <f t="shared" si="32"/>
        <v>1.019803902718557</v>
      </c>
      <c r="BYT7" s="9">
        <f t="shared" si="32"/>
        <v>1.019803902718557</v>
      </c>
      <c r="BYU7" s="9">
        <f t="shared" si="32"/>
        <v>1.019803902718557</v>
      </c>
      <c r="BYV7" s="9">
        <f t="shared" si="32"/>
        <v>1.019803902718557</v>
      </c>
      <c r="BYW7" s="9">
        <f t="shared" si="32"/>
        <v>1.019803902718557</v>
      </c>
      <c r="BYX7" s="9">
        <f t="shared" si="32"/>
        <v>1.019803902718557</v>
      </c>
      <c r="BYY7" s="9">
        <f t="shared" si="32"/>
        <v>1.019803902718557</v>
      </c>
      <c r="BYZ7" s="9">
        <f t="shared" si="32"/>
        <v>1.019803902718557</v>
      </c>
      <c r="BZA7" s="9">
        <f t="shared" si="32"/>
        <v>1.019803902718557</v>
      </c>
      <c r="BZB7" s="9">
        <f t="shared" si="32"/>
        <v>1.019803902718557</v>
      </c>
      <c r="BZC7" s="9">
        <f t="shared" si="32"/>
        <v>1.019803902718557</v>
      </c>
      <c r="BZD7" s="9">
        <f t="shared" si="32"/>
        <v>1.019803902718557</v>
      </c>
      <c r="BZE7" s="9">
        <f t="shared" si="32"/>
        <v>1.019803902718557</v>
      </c>
      <c r="BZF7" s="9">
        <f t="shared" si="32"/>
        <v>1.019803902718557</v>
      </c>
      <c r="BZG7" s="9">
        <f t="shared" si="32"/>
        <v>1.019803902718557</v>
      </c>
      <c r="BZH7" s="9">
        <f t="shared" si="32"/>
        <v>1.019803902718557</v>
      </c>
      <c r="BZI7" s="9">
        <f t="shared" si="32"/>
        <v>1.019803902718557</v>
      </c>
      <c r="BZJ7" s="9">
        <f t="shared" si="32"/>
        <v>1.019803902718557</v>
      </c>
      <c r="BZK7" s="9">
        <f t="shared" si="32"/>
        <v>1.019803902718557</v>
      </c>
      <c r="BZL7" s="9">
        <f t="shared" si="32"/>
        <v>1.019803902718557</v>
      </c>
      <c r="BZM7" s="9">
        <f t="shared" si="32"/>
        <v>1.019803902718557</v>
      </c>
      <c r="BZN7" s="9">
        <f t="shared" si="32"/>
        <v>1.019803902718557</v>
      </c>
      <c r="BZO7" s="9">
        <f t="shared" si="32"/>
        <v>1.019803902718557</v>
      </c>
      <c r="BZP7" s="9">
        <f t="shared" si="32"/>
        <v>1.019803902718557</v>
      </c>
      <c r="BZQ7" s="9">
        <f t="shared" si="32"/>
        <v>1.019803902718557</v>
      </c>
      <c r="BZR7" s="9">
        <f t="shared" si="32"/>
        <v>1.019803902718557</v>
      </c>
      <c r="BZS7" s="9">
        <f t="shared" si="32"/>
        <v>1.019803902718557</v>
      </c>
      <c r="BZT7" s="9">
        <f t="shared" si="32"/>
        <v>1.019803902718557</v>
      </c>
      <c r="BZU7" s="9">
        <f t="shared" si="32"/>
        <v>1.019803902718557</v>
      </c>
      <c r="BZV7" s="9">
        <f t="shared" si="32"/>
        <v>1.019803902718557</v>
      </c>
      <c r="BZW7" s="9">
        <f t="shared" si="32"/>
        <v>1.019803902718557</v>
      </c>
      <c r="BZX7" s="9">
        <f t="shared" si="32"/>
        <v>1.019803902718557</v>
      </c>
      <c r="BZY7" s="9">
        <f t="shared" si="32"/>
        <v>1.019803902718557</v>
      </c>
      <c r="BZZ7" s="9">
        <f t="shared" si="32"/>
        <v>1.019803902718557</v>
      </c>
      <c r="CAA7" s="9">
        <f t="shared" si="32"/>
        <v>1.019803902718557</v>
      </c>
      <c r="CAB7" s="9">
        <f t="shared" si="32"/>
        <v>1.019803902718557</v>
      </c>
      <c r="CAC7" s="9">
        <f t="shared" si="32"/>
        <v>1.019803902718557</v>
      </c>
      <c r="CAD7" s="9">
        <f t="shared" ref="CAD7:CCO7" si="33">1/((1+$F$6) ^(CAD3-$F$7))</f>
        <v>1.019803902718557</v>
      </c>
      <c r="CAE7" s="9">
        <f t="shared" si="33"/>
        <v>1.019803902718557</v>
      </c>
      <c r="CAF7" s="9">
        <f t="shared" si="33"/>
        <v>1.019803902718557</v>
      </c>
      <c r="CAG7" s="9">
        <f t="shared" si="33"/>
        <v>1.019803902718557</v>
      </c>
      <c r="CAH7" s="9">
        <f t="shared" si="33"/>
        <v>1.019803902718557</v>
      </c>
      <c r="CAI7" s="9">
        <f t="shared" si="33"/>
        <v>1.019803902718557</v>
      </c>
      <c r="CAJ7" s="9">
        <f t="shared" si="33"/>
        <v>1.019803902718557</v>
      </c>
      <c r="CAK7" s="9">
        <f t="shared" si="33"/>
        <v>1.019803902718557</v>
      </c>
      <c r="CAL7" s="9">
        <f t="shared" si="33"/>
        <v>1.019803902718557</v>
      </c>
      <c r="CAM7" s="9">
        <f t="shared" si="33"/>
        <v>1.019803902718557</v>
      </c>
      <c r="CAN7" s="9">
        <f t="shared" si="33"/>
        <v>1.019803902718557</v>
      </c>
      <c r="CAO7" s="9">
        <f t="shared" si="33"/>
        <v>1.019803902718557</v>
      </c>
      <c r="CAP7" s="9">
        <f t="shared" si="33"/>
        <v>1.019803902718557</v>
      </c>
      <c r="CAQ7" s="9">
        <f t="shared" si="33"/>
        <v>1.019803902718557</v>
      </c>
      <c r="CAR7" s="9">
        <f t="shared" si="33"/>
        <v>1.019803902718557</v>
      </c>
      <c r="CAS7" s="9">
        <f t="shared" si="33"/>
        <v>1.019803902718557</v>
      </c>
      <c r="CAT7" s="9">
        <f t="shared" si="33"/>
        <v>1.019803902718557</v>
      </c>
      <c r="CAU7" s="9">
        <f t="shared" si="33"/>
        <v>1.019803902718557</v>
      </c>
      <c r="CAV7" s="9">
        <f t="shared" si="33"/>
        <v>1.019803902718557</v>
      </c>
      <c r="CAW7" s="9">
        <f t="shared" si="33"/>
        <v>1.019803902718557</v>
      </c>
      <c r="CAX7" s="9">
        <f t="shared" si="33"/>
        <v>1.019803902718557</v>
      </c>
      <c r="CAY7" s="9">
        <f t="shared" si="33"/>
        <v>1.019803902718557</v>
      </c>
      <c r="CAZ7" s="9">
        <f t="shared" si="33"/>
        <v>1.019803902718557</v>
      </c>
      <c r="CBA7" s="9">
        <f t="shared" si="33"/>
        <v>1.019803902718557</v>
      </c>
      <c r="CBB7" s="9">
        <f t="shared" si="33"/>
        <v>1.019803902718557</v>
      </c>
      <c r="CBC7" s="9">
        <f t="shared" si="33"/>
        <v>1.019803902718557</v>
      </c>
      <c r="CBD7" s="9">
        <f t="shared" si="33"/>
        <v>1.019803902718557</v>
      </c>
      <c r="CBE7" s="9">
        <f t="shared" si="33"/>
        <v>1.019803902718557</v>
      </c>
      <c r="CBF7" s="9">
        <f t="shared" si="33"/>
        <v>1.019803902718557</v>
      </c>
      <c r="CBG7" s="9">
        <f t="shared" si="33"/>
        <v>1.019803902718557</v>
      </c>
      <c r="CBH7" s="9">
        <f t="shared" si="33"/>
        <v>1.019803902718557</v>
      </c>
      <c r="CBI7" s="9">
        <f t="shared" si="33"/>
        <v>1.019803902718557</v>
      </c>
      <c r="CBJ7" s="9">
        <f t="shared" si="33"/>
        <v>1.019803902718557</v>
      </c>
      <c r="CBK7" s="9">
        <f t="shared" si="33"/>
        <v>1.019803902718557</v>
      </c>
      <c r="CBL7" s="9">
        <f t="shared" si="33"/>
        <v>1.019803902718557</v>
      </c>
      <c r="CBM7" s="9">
        <f t="shared" si="33"/>
        <v>1.019803902718557</v>
      </c>
      <c r="CBN7" s="9">
        <f t="shared" si="33"/>
        <v>1.019803902718557</v>
      </c>
      <c r="CBO7" s="9">
        <f t="shared" si="33"/>
        <v>1.019803902718557</v>
      </c>
      <c r="CBP7" s="9">
        <f t="shared" si="33"/>
        <v>1.019803902718557</v>
      </c>
      <c r="CBQ7" s="9">
        <f t="shared" si="33"/>
        <v>1.019803902718557</v>
      </c>
      <c r="CBR7" s="9">
        <f t="shared" si="33"/>
        <v>1.019803902718557</v>
      </c>
      <c r="CBS7" s="9">
        <f t="shared" si="33"/>
        <v>1.019803902718557</v>
      </c>
      <c r="CBT7" s="9">
        <f t="shared" si="33"/>
        <v>1.019803902718557</v>
      </c>
      <c r="CBU7" s="9">
        <f t="shared" si="33"/>
        <v>1.019803902718557</v>
      </c>
      <c r="CBV7" s="9">
        <f t="shared" si="33"/>
        <v>1.019803902718557</v>
      </c>
      <c r="CBW7" s="9">
        <f t="shared" si="33"/>
        <v>1.019803902718557</v>
      </c>
      <c r="CBX7" s="9">
        <f t="shared" si="33"/>
        <v>1.019803902718557</v>
      </c>
      <c r="CBY7" s="9">
        <f t="shared" si="33"/>
        <v>1.019803902718557</v>
      </c>
      <c r="CBZ7" s="9">
        <f t="shared" si="33"/>
        <v>1.019803902718557</v>
      </c>
      <c r="CCA7" s="9">
        <f t="shared" si="33"/>
        <v>1.019803902718557</v>
      </c>
      <c r="CCB7" s="9">
        <f t="shared" si="33"/>
        <v>1.019803902718557</v>
      </c>
      <c r="CCC7" s="9">
        <f t="shared" si="33"/>
        <v>1.019803902718557</v>
      </c>
      <c r="CCD7" s="9">
        <f t="shared" si="33"/>
        <v>1.019803902718557</v>
      </c>
      <c r="CCE7" s="9">
        <f t="shared" si="33"/>
        <v>1.019803902718557</v>
      </c>
      <c r="CCF7" s="9">
        <f t="shared" si="33"/>
        <v>1.019803902718557</v>
      </c>
      <c r="CCG7" s="9">
        <f t="shared" si="33"/>
        <v>1.019803902718557</v>
      </c>
      <c r="CCH7" s="9">
        <f t="shared" si="33"/>
        <v>1.019803902718557</v>
      </c>
      <c r="CCI7" s="9">
        <f t="shared" si="33"/>
        <v>1.019803902718557</v>
      </c>
      <c r="CCJ7" s="9">
        <f t="shared" si="33"/>
        <v>1.019803902718557</v>
      </c>
      <c r="CCK7" s="9">
        <f t="shared" si="33"/>
        <v>1.019803902718557</v>
      </c>
      <c r="CCL7" s="9">
        <f t="shared" si="33"/>
        <v>1.019803902718557</v>
      </c>
      <c r="CCM7" s="9">
        <f t="shared" si="33"/>
        <v>1.019803902718557</v>
      </c>
      <c r="CCN7" s="9">
        <f t="shared" si="33"/>
        <v>1.019803902718557</v>
      </c>
      <c r="CCO7" s="9">
        <f t="shared" si="33"/>
        <v>1.019803902718557</v>
      </c>
      <c r="CCP7" s="9">
        <f t="shared" ref="CCP7:CFA7" si="34">1/((1+$F$6) ^(CCP3-$F$7))</f>
        <v>1.019803902718557</v>
      </c>
      <c r="CCQ7" s="9">
        <f t="shared" si="34"/>
        <v>1.019803902718557</v>
      </c>
      <c r="CCR7" s="9">
        <f t="shared" si="34"/>
        <v>1.019803902718557</v>
      </c>
      <c r="CCS7" s="9">
        <f t="shared" si="34"/>
        <v>1.019803902718557</v>
      </c>
      <c r="CCT7" s="9">
        <f t="shared" si="34"/>
        <v>1.019803902718557</v>
      </c>
      <c r="CCU7" s="9">
        <f t="shared" si="34"/>
        <v>1.019803902718557</v>
      </c>
      <c r="CCV7" s="9">
        <f t="shared" si="34"/>
        <v>1.019803902718557</v>
      </c>
      <c r="CCW7" s="9">
        <f t="shared" si="34"/>
        <v>1.019803902718557</v>
      </c>
      <c r="CCX7" s="9">
        <f t="shared" si="34"/>
        <v>1.019803902718557</v>
      </c>
      <c r="CCY7" s="9">
        <f t="shared" si="34"/>
        <v>1.019803902718557</v>
      </c>
      <c r="CCZ7" s="9">
        <f t="shared" si="34"/>
        <v>1.019803902718557</v>
      </c>
      <c r="CDA7" s="9">
        <f t="shared" si="34"/>
        <v>1.019803902718557</v>
      </c>
      <c r="CDB7" s="9">
        <f t="shared" si="34"/>
        <v>1.019803902718557</v>
      </c>
      <c r="CDC7" s="9">
        <f t="shared" si="34"/>
        <v>1.019803902718557</v>
      </c>
      <c r="CDD7" s="9">
        <f t="shared" si="34"/>
        <v>1.019803902718557</v>
      </c>
      <c r="CDE7" s="9">
        <f t="shared" si="34"/>
        <v>1.019803902718557</v>
      </c>
      <c r="CDF7" s="9">
        <f t="shared" si="34"/>
        <v>1.019803902718557</v>
      </c>
      <c r="CDG7" s="9">
        <f t="shared" si="34"/>
        <v>1.019803902718557</v>
      </c>
      <c r="CDH7" s="9">
        <f t="shared" si="34"/>
        <v>1.019803902718557</v>
      </c>
      <c r="CDI7" s="9">
        <f t="shared" si="34"/>
        <v>1.019803902718557</v>
      </c>
      <c r="CDJ7" s="9">
        <f t="shared" si="34"/>
        <v>1.019803902718557</v>
      </c>
      <c r="CDK7" s="9">
        <f t="shared" si="34"/>
        <v>1.019803902718557</v>
      </c>
      <c r="CDL7" s="9">
        <f t="shared" si="34"/>
        <v>1.019803902718557</v>
      </c>
      <c r="CDM7" s="9">
        <f t="shared" si="34"/>
        <v>1.019803902718557</v>
      </c>
      <c r="CDN7" s="9">
        <f t="shared" si="34"/>
        <v>1.019803902718557</v>
      </c>
      <c r="CDO7" s="9">
        <f t="shared" si="34"/>
        <v>1.019803902718557</v>
      </c>
      <c r="CDP7" s="9">
        <f t="shared" si="34"/>
        <v>1.019803902718557</v>
      </c>
      <c r="CDQ7" s="9">
        <f t="shared" si="34"/>
        <v>1.019803902718557</v>
      </c>
      <c r="CDR7" s="9">
        <f t="shared" si="34"/>
        <v>1.019803902718557</v>
      </c>
      <c r="CDS7" s="9">
        <f t="shared" si="34"/>
        <v>1.019803902718557</v>
      </c>
      <c r="CDT7" s="9">
        <f t="shared" si="34"/>
        <v>1.019803902718557</v>
      </c>
      <c r="CDU7" s="9">
        <f t="shared" si="34"/>
        <v>1.019803902718557</v>
      </c>
      <c r="CDV7" s="9">
        <f t="shared" si="34"/>
        <v>1.019803902718557</v>
      </c>
      <c r="CDW7" s="9">
        <f t="shared" si="34"/>
        <v>1.019803902718557</v>
      </c>
      <c r="CDX7" s="9">
        <f t="shared" si="34"/>
        <v>1.019803902718557</v>
      </c>
      <c r="CDY7" s="9">
        <f t="shared" si="34"/>
        <v>1.019803902718557</v>
      </c>
      <c r="CDZ7" s="9">
        <f t="shared" si="34"/>
        <v>1.019803902718557</v>
      </c>
      <c r="CEA7" s="9">
        <f t="shared" si="34"/>
        <v>1.019803902718557</v>
      </c>
      <c r="CEB7" s="9">
        <f t="shared" si="34"/>
        <v>1.019803902718557</v>
      </c>
      <c r="CEC7" s="9">
        <f t="shared" si="34"/>
        <v>1.019803902718557</v>
      </c>
      <c r="CED7" s="9">
        <f t="shared" si="34"/>
        <v>1.019803902718557</v>
      </c>
      <c r="CEE7" s="9">
        <f t="shared" si="34"/>
        <v>1.019803902718557</v>
      </c>
      <c r="CEF7" s="9">
        <f t="shared" si="34"/>
        <v>1.019803902718557</v>
      </c>
      <c r="CEG7" s="9">
        <f t="shared" si="34"/>
        <v>1.019803902718557</v>
      </c>
      <c r="CEH7" s="9">
        <f t="shared" si="34"/>
        <v>1.019803902718557</v>
      </c>
      <c r="CEI7" s="9">
        <f t="shared" si="34"/>
        <v>1.019803902718557</v>
      </c>
      <c r="CEJ7" s="9">
        <f t="shared" si="34"/>
        <v>1.019803902718557</v>
      </c>
      <c r="CEK7" s="9">
        <f t="shared" si="34"/>
        <v>1.019803902718557</v>
      </c>
      <c r="CEL7" s="9">
        <f t="shared" si="34"/>
        <v>1.019803902718557</v>
      </c>
      <c r="CEM7" s="9">
        <f t="shared" si="34"/>
        <v>1.019803902718557</v>
      </c>
      <c r="CEN7" s="9">
        <f t="shared" si="34"/>
        <v>1.019803902718557</v>
      </c>
      <c r="CEO7" s="9">
        <f t="shared" si="34"/>
        <v>1.019803902718557</v>
      </c>
      <c r="CEP7" s="9">
        <f t="shared" si="34"/>
        <v>1.019803902718557</v>
      </c>
      <c r="CEQ7" s="9">
        <f t="shared" si="34"/>
        <v>1.019803902718557</v>
      </c>
      <c r="CER7" s="9">
        <f t="shared" si="34"/>
        <v>1.019803902718557</v>
      </c>
      <c r="CES7" s="9">
        <f t="shared" si="34"/>
        <v>1.019803902718557</v>
      </c>
      <c r="CET7" s="9">
        <f t="shared" si="34"/>
        <v>1.019803902718557</v>
      </c>
      <c r="CEU7" s="9">
        <f t="shared" si="34"/>
        <v>1.019803902718557</v>
      </c>
      <c r="CEV7" s="9">
        <f t="shared" si="34"/>
        <v>1.019803902718557</v>
      </c>
      <c r="CEW7" s="9">
        <f t="shared" si="34"/>
        <v>1.019803902718557</v>
      </c>
      <c r="CEX7" s="9">
        <f t="shared" si="34"/>
        <v>1.019803902718557</v>
      </c>
      <c r="CEY7" s="9">
        <f t="shared" si="34"/>
        <v>1.019803902718557</v>
      </c>
      <c r="CEZ7" s="9">
        <f t="shared" si="34"/>
        <v>1.019803902718557</v>
      </c>
      <c r="CFA7" s="9">
        <f t="shared" si="34"/>
        <v>1.019803902718557</v>
      </c>
      <c r="CFB7" s="9">
        <f t="shared" ref="CFB7:CHM7" si="35">1/((1+$F$6) ^(CFB3-$F$7))</f>
        <v>1.019803902718557</v>
      </c>
      <c r="CFC7" s="9">
        <f t="shared" si="35"/>
        <v>1.019803902718557</v>
      </c>
      <c r="CFD7" s="9">
        <f t="shared" si="35"/>
        <v>1.019803902718557</v>
      </c>
      <c r="CFE7" s="9">
        <f t="shared" si="35"/>
        <v>1.019803902718557</v>
      </c>
      <c r="CFF7" s="9">
        <f t="shared" si="35"/>
        <v>1.019803902718557</v>
      </c>
      <c r="CFG7" s="9">
        <f t="shared" si="35"/>
        <v>1.019803902718557</v>
      </c>
      <c r="CFH7" s="9">
        <f t="shared" si="35"/>
        <v>1.019803902718557</v>
      </c>
      <c r="CFI7" s="9">
        <f t="shared" si="35"/>
        <v>1.019803902718557</v>
      </c>
      <c r="CFJ7" s="9">
        <f t="shared" si="35"/>
        <v>1.019803902718557</v>
      </c>
      <c r="CFK7" s="9">
        <f t="shared" si="35"/>
        <v>1.019803902718557</v>
      </c>
      <c r="CFL7" s="9">
        <f t="shared" si="35"/>
        <v>1.019803902718557</v>
      </c>
      <c r="CFM7" s="9">
        <f t="shared" si="35"/>
        <v>1.019803902718557</v>
      </c>
      <c r="CFN7" s="9">
        <f t="shared" si="35"/>
        <v>1.019803902718557</v>
      </c>
      <c r="CFO7" s="9">
        <f t="shared" si="35"/>
        <v>1.019803902718557</v>
      </c>
      <c r="CFP7" s="9">
        <f t="shared" si="35"/>
        <v>1.019803902718557</v>
      </c>
      <c r="CFQ7" s="9">
        <f t="shared" si="35"/>
        <v>1.019803902718557</v>
      </c>
      <c r="CFR7" s="9">
        <f t="shared" si="35"/>
        <v>1.019803902718557</v>
      </c>
      <c r="CFS7" s="9">
        <f t="shared" si="35"/>
        <v>1.019803902718557</v>
      </c>
      <c r="CFT7" s="9">
        <f t="shared" si="35"/>
        <v>1.019803902718557</v>
      </c>
      <c r="CFU7" s="9">
        <f t="shared" si="35"/>
        <v>1.019803902718557</v>
      </c>
      <c r="CFV7" s="9">
        <f t="shared" si="35"/>
        <v>1.019803902718557</v>
      </c>
      <c r="CFW7" s="9">
        <f t="shared" si="35"/>
        <v>1.019803902718557</v>
      </c>
      <c r="CFX7" s="9">
        <f t="shared" si="35"/>
        <v>1.019803902718557</v>
      </c>
      <c r="CFY7" s="9">
        <f t="shared" si="35"/>
        <v>1.019803902718557</v>
      </c>
      <c r="CFZ7" s="9">
        <f t="shared" si="35"/>
        <v>1.019803902718557</v>
      </c>
      <c r="CGA7" s="9">
        <f t="shared" si="35"/>
        <v>1.019803902718557</v>
      </c>
      <c r="CGB7" s="9">
        <f t="shared" si="35"/>
        <v>1.019803902718557</v>
      </c>
      <c r="CGC7" s="9">
        <f t="shared" si="35"/>
        <v>1.019803902718557</v>
      </c>
      <c r="CGD7" s="9">
        <f t="shared" si="35"/>
        <v>1.019803902718557</v>
      </c>
      <c r="CGE7" s="9">
        <f t="shared" si="35"/>
        <v>1.019803902718557</v>
      </c>
      <c r="CGF7" s="9">
        <f t="shared" si="35"/>
        <v>1.019803902718557</v>
      </c>
      <c r="CGG7" s="9">
        <f t="shared" si="35"/>
        <v>1.019803902718557</v>
      </c>
      <c r="CGH7" s="9">
        <f t="shared" si="35"/>
        <v>1.019803902718557</v>
      </c>
      <c r="CGI7" s="9">
        <f t="shared" si="35"/>
        <v>1.019803902718557</v>
      </c>
      <c r="CGJ7" s="9">
        <f t="shared" si="35"/>
        <v>1.019803902718557</v>
      </c>
      <c r="CGK7" s="9">
        <f t="shared" si="35"/>
        <v>1.019803902718557</v>
      </c>
      <c r="CGL7" s="9">
        <f t="shared" si="35"/>
        <v>1.019803902718557</v>
      </c>
      <c r="CGM7" s="9">
        <f t="shared" si="35"/>
        <v>1.019803902718557</v>
      </c>
      <c r="CGN7" s="9">
        <f t="shared" si="35"/>
        <v>1.019803902718557</v>
      </c>
      <c r="CGO7" s="9">
        <f t="shared" si="35"/>
        <v>1.019803902718557</v>
      </c>
      <c r="CGP7" s="9">
        <f t="shared" si="35"/>
        <v>1.019803902718557</v>
      </c>
      <c r="CGQ7" s="9">
        <f t="shared" si="35"/>
        <v>1.019803902718557</v>
      </c>
      <c r="CGR7" s="9">
        <f t="shared" si="35"/>
        <v>1.019803902718557</v>
      </c>
      <c r="CGS7" s="9">
        <f t="shared" si="35"/>
        <v>1.019803902718557</v>
      </c>
      <c r="CGT7" s="9">
        <f t="shared" si="35"/>
        <v>1.019803902718557</v>
      </c>
      <c r="CGU7" s="9">
        <f t="shared" si="35"/>
        <v>1.019803902718557</v>
      </c>
      <c r="CGV7" s="9">
        <f t="shared" si="35"/>
        <v>1.019803902718557</v>
      </c>
      <c r="CGW7" s="9">
        <f t="shared" si="35"/>
        <v>1.019803902718557</v>
      </c>
      <c r="CGX7" s="9">
        <f t="shared" si="35"/>
        <v>1.019803902718557</v>
      </c>
      <c r="CGY7" s="9">
        <f t="shared" si="35"/>
        <v>1.019803902718557</v>
      </c>
      <c r="CGZ7" s="9">
        <f t="shared" si="35"/>
        <v>1.019803902718557</v>
      </c>
      <c r="CHA7" s="9">
        <f t="shared" si="35"/>
        <v>1.019803902718557</v>
      </c>
      <c r="CHB7" s="9">
        <f t="shared" si="35"/>
        <v>1.019803902718557</v>
      </c>
      <c r="CHC7" s="9">
        <f t="shared" si="35"/>
        <v>1.019803902718557</v>
      </c>
      <c r="CHD7" s="9">
        <f t="shared" si="35"/>
        <v>1.019803902718557</v>
      </c>
      <c r="CHE7" s="9">
        <f t="shared" si="35"/>
        <v>1.019803902718557</v>
      </c>
      <c r="CHF7" s="9">
        <f t="shared" si="35"/>
        <v>1.019803902718557</v>
      </c>
      <c r="CHG7" s="9">
        <f t="shared" si="35"/>
        <v>1.019803902718557</v>
      </c>
      <c r="CHH7" s="9">
        <f t="shared" si="35"/>
        <v>1.019803902718557</v>
      </c>
      <c r="CHI7" s="9">
        <f t="shared" si="35"/>
        <v>1.019803902718557</v>
      </c>
      <c r="CHJ7" s="9">
        <f t="shared" si="35"/>
        <v>1.019803902718557</v>
      </c>
      <c r="CHK7" s="9">
        <f t="shared" si="35"/>
        <v>1.019803902718557</v>
      </c>
      <c r="CHL7" s="9">
        <f t="shared" si="35"/>
        <v>1.019803902718557</v>
      </c>
      <c r="CHM7" s="9">
        <f t="shared" si="35"/>
        <v>1.019803902718557</v>
      </c>
      <c r="CHN7" s="9">
        <f t="shared" ref="CHN7:CJY7" si="36">1/((1+$F$6) ^(CHN3-$F$7))</f>
        <v>1.019803902718557</v>
      </c>
      <c r="CHO7" s="9">
        <f t="shared" si="36"/>
        <v>1.019803902718557</v>
      </c>
      <c r="CHP7" s="9">
        <f t="shared" si="36"/>
        <v>1.019803902718557</v>
      </c>
      <c r="CHQ7" s="9">
        <f t="shared" si="36"/>
        <v>1.019803902718557</v>
      </c>
      <c r="CHR7" s="9">
        <f t="shared" si="36"/>
        <v>1.019803902718557</v>
      </c>
      <c r="CHS7" s="9">
        <f t="shared" si="36"/>
        <v>1.019803902718557</v>
      </c>
      <c r="CHT7" s="9">
        <f t="shared" si="36"/>
        <v>1.019803902718557</v>
      </c>
      <c r="CHU7" s="9">
        <f t="shared" si="36"/>
        <v>1.019803902718557</v>
      </c>
      <c r="CHV7" s="9">
        <f t="shared" si="36"/>
        <v>1.019803902718557</v>
      </c>
      <c r="CHW7" s="9">
        <f t="shared" si="36"/>
        <v>1.019803902718557</v>
      </c>
      <c r="CHX7" s="9">
        <f t="shared" si="36"/>
        <v>1.019803902718557</v>
      </c>
      <c r="CHY7" s="9">
        <f t="shared" si="36"/>
        <v>1.019803902718557</v>
      </c>
      <c r="CHZ7" s="9">
        <f t="shared" si="36"/>
        <v>1.019803902718557</v>
      </c>
      <c r="CIA7" s="9">
        <f t="shared" si="36"/>
        <v>1.019803902718557</v>
      </c>
      <c r="CIB7" s="9">
        <f t="shared" si="36"/>
        <v>1.019803902718557</v>
      </c>
      <c r="CIC7" s="9">
        <f t="shared" si="36"/>
        <v>1.019803902718557</v>
      </c>
      <c r="CID7" s="9">
        <f t="shared" si="36"/>
        <v>1.019803902718557</v>
      </c>
      <c r="CIE7" s="9">
        <f t="shared" si="36"/>
        <v>1.019803902718557</v>
      </c>
      <c r="CIF7" s="9">
        <f t="shared" si="36"/>
        <v>1.019803902718557</v>
      </c>
      <c r="CIG7" s="9">
        <f t="shared" si="36"/>
        <v>1.019803902718557</v>
      </c>
      <c r="CIH7" s="9">
        <f t="shared" si="36"/>
        <v>1.019803902718557</v>
      </c>
      <c r="CII7" s="9">
        <f t="shared" si="36"/>
        <v>1.019803902718557</v>
      </c>
      <c r="CIJ7" s="9">
        <f t="shared" si="36"/>
        <v>1.019803902718557</v>
      </c>
      <c r="CIK7" s="9">
        <f t="shared" si="36"/>
        <v>1.019803902718557</v>
      </c>
      <c r="CIL7" s="9">
        <f t="shared" si="36"/>
        <v>1.019803902718557</v>
      </c>
      <c r="CIM7" s="9">
        <f t="shared" si="36"/>
        <v>1.019803902718557</v>
      </c>
      <c r="CIN7" s="9">
        <f t="shared" si="36"/>
        <v>1.019803902718557</v>
      </c>
      <c r="CIO7" s="9">
        <f t="shared" si="36"/>
        <v>1.019803902718557</v>
      </c>
      <c r="CIP7" s="9">
        <f t="shared" si="36"/>
        <v>1.019803902718557</v>
      </c>
      <c r="CIQ7" s="9">
        <f t="shared" si="36"/>
        <v>1.019803902718557</v>
      </c>
      <c r="CIR7" s="9">
        <f t="shared" si="36"/>
        <v>1.019803902718557</v>
      </c>
      <c r="CIS7" s="9">
        <f t="shared" si="36"/>
        <v>1.019803902718557</v>
      </c>
      <c r="CIT7" s="9">
        <f t="shared" si="36"/>
        <v>1.019803902718557</v>
      </c>
      <c r="CIU7" s="9">
        <f t="shared" si="36"/>
        <v>1.019803902718557</v>
      </c>
      <c r="CIV7" s="9">
        <f t="shared" si="36"/>
        <v>1.019803902718557</v>
      </c>
      <c r="CIW7" s="9">
        <f t="shared" si="36"/>
        <v>1.019803902718557</v>
      </c>
      <c r="CIX7" s="9">
        <f t="shared" si="36"/>
        <v>1.019803902718557</v>
      </c>
      <c r="CIY7" s="9">
        <f t="shared" si="36"/>
        <v>1.019803902718557</v>
      </c>
      <c r="CIZ7" s="9">
        <f t="shared" si="36"/>
        <v>1.019803902718557</v>
      </c>
      <c r="CJA7" s="9">
        <f t="shared" si="36"/>
        <v>1.019803902718557</v>
      </c>
      <c r="CJB7" s="9">
        <f t="shared" si="36"/>
        <v>1.019803902718557</v>
      </c>
      <c r="CJC7" s="9">
        <f t="shared" si="36"/>
        <v>1.019803902718557</v>
      </c>
      <c r="CJD7" s="9">
        <f t="shared" si="36"/>
        <v>1.019803902718557</v>
      </c>
      <c r="CJE7" s="9">
        <f t="shared" si="36"/>
        <v>1.019803902718557</v>
      </c>
      <c r="CJF7" s="9">
        <f t="shared" si="36"/>
        <v>1.019803902718557</v>
      </c>
      <c r="CJG7" s="9">
        <f t="shared" si="36"/>
        <v>1.019803902718557</v>
      </c>
      <c r="CJH7" s="9">
        <f t="shared" si="36"/>
        <v>1.019803902718557</v>
      </c>
      <c r="CJI7" s="9">
        <f t="shared" si="36"/>
        <v>1.019803902718557</v>
      </c>
      <c r="CJJ7" s="9">
        <f t="shared" si="36"/>
        <v>1.019803902718557</v>
      </c>
      <c r="CJK7" s="9">
        <f t="shared" si="36"/>
        <v>1.019803902718557</v>
      </c>
      <c r="CJL7" s="9">
        <f t="shared" si="36"/>
        <v>1.019803902718557</v>
      </c>
      <c r="CJM7" s="9">
        <f t="shared" si="36"/>
        <v>1.019803902718557</v>
      </c>
      <c r="CJN7" s="9">
        <f t="shared" si="36"/>
        <v>1.019803902718557</v>
      </c>
      <c r="CJO7" s="9">
        <f t="shared" si="36"/>
        <v>1.019803902718557</v>
      </c>
      <c r="CJP7" s="9">
        <f t="shared" si="36"/>
        <v>1.019803902718557</v>
      </c>
      <c r="CJQ7" s="9">
        <f t="shared" si="36"/>
        <v>1.019803902718557</v>
      </c>
      <c r="CJR7" s="9">
        <f t="shared" si="36"/>
        <v>1.019803902718557</v>
      </c>
      <c r="CJS7" s="9">
        <f t="shared" si="36"/>
        <v>1.019803902718557</v>
      </c>
      <c r="CJT7" s="9">
        <f t="shared" si="36"/>
        <v>1.019803902718557</v>
      </c>
      <c r="CJU7" s="9">
        <f t="shared" si="36"/>
        <v>1.019803902718557</v>
      </c>
      <c r="CJV7" s="9">
        <f t="shared" si="36"/>
        <v>1.019803902718557</v>
      </c>
      <c r="CJW7" s="9">
        <f t="shared" si="36"/>
        <v>1.019803902718557</v>
      </c>
      <c r="CJX7" s="9">
        <f t="shared" si="36"/>
        <v>1.019803902718557</v>
      </c>
      <c r="CJY7" s="9">
        <f t="shared" si="36"/>
        <v>1.019803902718557</v>
      </c>
      <c r="CJZ7" s="9">
        <f t="shared" ref="CJZ7:CMK7" si="37">1/((1+$F$6) ^(CJZ3-$F$7))</f>
        <v>1.019803902718557</v>
      </c>
      <c r="CKA7" s="9">
        <f t="shared" si="37"/>
        <v>1.019803902718557</v>
      </c>
      <c r="CKB7" s="9">
        <f t="shared" si="37"/>
        <v>1.019803902718557</v>
      </c>
      <c r="CKC7" s="9">
        <f t="shared" si="37"/>
        <v>1.019803902718557</v>
      </c>
      <c r="CKD7" s="9">
        <f t="shared" si="37"/>
        <v>1.019803902718557</v>
      </c>
      <c r="CKE7" s="9">
        <f t="shared" si="37"/>
        <v>1.019803902718557</v>
      </c>
      <c r="CKF7" s="9">
        <f t="shared" si="37"/>
        <v>1.019803902718557</v>
      </c>
      <c r="CKG7" s="9">
        <f t="shared" si="37"/>
        <v>1.019803902718557</v>
      </c>
      <c r="CKH7" s="9">
        <f t="shared" si="37"/>
        <v>1.019803902718557</v>
      </c>
      <c r="CKI7" s="9">
        <f t="shared" si="37"/>
        <v>1.019803902718557</v>
      </c>
      <c r="CKJ7" s="9">
        <f t="shared" si="37"/>
        <v>1.019803902718557</v>
      </c>
      <c r="CKK7" s="9">
        <f t="shared" si="37"/>
        <v>1.019803902718557</v>
      </c>
      <c r="CKL7" s="9">
        <f t="shared" si="37"/>
        <v>1.019803902718557</v>
      </c>
      <c r="CKM7" s="9">
        <f t="shared" si="37"/>
        <v>1.019803902718557</v>
      </c>
      <c r="CKN7" s="9">
        <f t="shared" si="37"/>
        <v>1.019803902718557</v>
      </c>
      <c r="CKO7" s="9">
        <f t="shared" si="37"/>
        <v>1.019803902718557</v>
      </c>
      <c r="CKP7" s="9">
        <f t="shared" si="37"/>
        <v>1.019803902718557</v>
      </c>
      <c r="CKQ7" s="9">
        <f t="shared" si="37"/>
        <v>1.019803902718557</v>
      </c>
      <c r="CKR7" s="9">
        <f t="shared" si="37"/>
        <v>1.019803902718557</v>
      </c>
      <c r="CKS7" s="9">
        <f t="shared" si="37"/>
        <v>1.019803902718557</v>
      </c>
      <c r="CKT7" s="9">
        <f t="shared" si="37"/>
        <v>1.019803902718557</v>
      </c>
      <c r="CKU7" s="9">
        <f t="shared" si="37"/>
        <v>1.019803902718557</v>
      </c>
      <c r="CKV7" s="9">
        <f t="shared" si="37"/>
        <v>1.019803902718557</v>
      </c>
      <c r="CKW7" s="9">
        <f t="shared" si="37"/>
        <v>1.019803902718557</v>
      </c>
      <c r="CKX7" s="9">
        <f t="shared" si="37"/>
        <v>1.019803902718557</v>
      </c>
      <c r="CKY7" s="9">
        <f t="shared" si="37"/>
        <v>1.019803902718557</v>
      </c>
      <c r="CKZ7" s="9">
        <f t="shared" si="37"/>
        <v>1.019803902718557</v>
      </c>
      <c r="CLA7" s="9">
        <f t="shared" si="37"/>
        <v>1.019803902718557</v>
      </c>
      <c r="CLB7" s="9">
        <f t="shared" si="37"/>
        <v>1.019803902718557</v>
      </c>
      <c r="CLC7" s="9">
        <f t="shared" si="37"/>
        <v>1.019803902718557</v>
      </c>
      <c r="CLD7" s="9">
        <f t="shared" si="37"/>
        <v>1.019803902718557</v>
      </c>
      <c r="CLE7" s="9">
        <f t="shared" si="37"/>
        <v>1.019803902718557</v>
      </c>
      <c r="CLF7" s="9">
        <f t="shared" si="37"/>
        <v>1.019803902718557</v>
      </c>
      <c r="CLG7" s="9">
        <f t="shared" si="37"/>
        <v>1.019803902718557</v>
      </c>
      <c r="CLH7" s="9">
        <f t="shared" si="37"/>
        <v>1.019803902718557</v>
      </c>
      <c r="CLI7" s="9">
        <f t="shared" si="37"/>
        <v>1.019803902718557</v>
      </c>
      <c r="CLJ7" s="9">
        <f t="shared" si="37"/>
        <v>1.019803902718557</v>
      </c>
      <c r="CLK7" s="9">
        <f t="shared" si="37"/>
        <v>1.019803902718557</v>
      </c>
      <c r="CLL7" s="9">
        <f t="shared" si="37"/>
        <v>1.019803902718557</v>
      </c>
      <c r="CLM7" s="9">
        <f t="shared" si="37"/>
        <v>1.019803902718557</v>
      </c>
      <c r="CLN7" s="9">
        <f t="shared" si="37"/>
        <v>1.019803902718557</v>
      </c>
      <c r="CLO7" s="9">
        <f t="shared" si="37"/>
        <v>1.019803902718557</v>
      </c>
      <c r="CLP7" s="9">
        <f t="shared" si="37"/>
        <v>1.019803902718557</v>
      </c>
      <c r="CLQ7" s="9">
        <f t="shared" si="37"/>
        <v>1.019803902718557</v>
      </c>
      <c r="CLR7" s="9">
        <f t="shared" si="37"/>
        <v>1.019803902718557</v>
      </c>
      <c r="CLS7" s="9">
        <f t="shared" si="37"/>
        <v>1.019803902718557</v>
      </c>
      <c r="CLT7" s="9">
        <f t="shared" si="37"/>
        <v>1.019803902718557</v>
      </c>
      <c r="CLU7" s="9">
        <f t="shared" si="37"/>
        <v>1.019803902718557</v>
      </c>
      <c r="CLV7" s="9">
        <f t="shared" si="37"/>
        <v>1.019803902718557</v>
      </c>
      <c r="CLW7" s="9">
        <f t="shared" si="37"/>
        <v>1.019803902718557</v>
      </c>
      <c r="CLX7" s="9">
        <f t="shared" si="37"/>
        <v>1.019803902718557</v>
      </c>
      <c r="CLY7" s="9">
        <f t="shared" si="37"/>
        <v>1.019803902718557</v>
      </c>
      <c r="CLZ7" s="9">
        <f t="shared" si="37"/>
        <v>1.019803902718557</v>
      </c>
      <c r="CMA7" s="9">
        <f t="shared" si="37"/>
        <v>1.019803902718557</v>
      </c>
      <c r="CMB7" s="9">
        <f t="shared" si="37"/>
        <v>1.019803902718557</v>
      </c>
      <c r="CMC7" s="9">
        <f t="shared" si="37"/>
        <v>1.019803902718557</v>
      </c>
      <c r="CMD7" s="9">
        <f t="shared" si="37"/>
        <v>1.019803902718557</v>
      </c>
      <c r="CME7" s="9">
        <f t="shared" si="37"/>
        <v>1.019803902718557</v>
      </c>
      <c r="CMF7" s="9">
        <f t="shared" si="37"/>
        <v>1.019803902718557</v>
      </c>
      <c r="CMG7" s="9">
        <f t="shared" si="37"/>
        <v>1.019803902718557</v>
      </c>
      <c r="CMH7" s="9">
        <f t="shared" si="37"/>
        <v>1.019803902718557</v>
      </c>
      <c r="CMI7" s="9">
        <f t="shared" si="37"/>
        <v>1.019803902718557</v>
      </c>
      <c r="CMJ7" s="9">
        <f t="shared" si="37"/>
        <v>1.019803902718557</v>
      </c>
      <c r="CMK7" s="9">
        <f t="shared" si="37"/>
        <v>1.019803902718557</v>
      </c>
      <c r="CML7" s="9">
        <f t="shared" ref="CML7:COW7" si="38">1/((1+$F$6) ^(CML3-$F$7))</f>
        <v>1.019803902718557</v>
      </c>
      <c r="CMM7" s="9">
        <f t="shared" si="38"/>
        <v>1.019803902718557</v>
      </c>
      <c r="CMN7" s="9">
        <f t="shared" si="38"/>
        <v>1.019803902718557</v>
      </c>
      <c r="CMO7" s="9">
        <f t="shared" si="38"/>
        <v>1.019803902718557</v>
      </c>
      <c r="CMP7" s="9">
        <f t="shared" si="38"/>
        <v>1.019803902718557</v>
      </c>
      <c r="CMQ7" s="9">
        <f t="shared" si="38"/>
        <v>1.019803902718557</v>
      </c>
      <c r="CMR7" s="9">
        <f t="shared" si="38"/>
        <v>1.019803902718557</v>
      </c>
      <c r="CMS7" s="9">
        <f t="shared" si="38"/>
        <v>1.019803902718557</v>
      </c>
      <c r="CMT7" s="9">
        <f t="shared" si="38"/>
        <v>1.019803902718557</v>
      </c>
      <c r="CMU7" s="9">
        <f t="shared" si="38"/>
        <v>1.019803902718557</v>
      </c>
      <c r="CMV7" s="9">
        <f t="shared" si="38"/>
        <v>1.019803902718557</v>
      </c>
      <c r="CMW7" s="9">
        <f t="shared" si="38"/>
        <v>1.019803902718557</v>
      </c>
      <c r="CMX7" s="9">
        <f t="shared" si="38"/>
        <v>1.019803902718557</v>
      </c>
      <c r="CMY7" s="9">
        <f t="shared" si="38"/>
        <v>1.019803902718557</v>
      </c>
      <c r="CMZ7" s="9">
        <f t="shared" si="38"/>
        <v>1.019803902718557</v>
      </c>
      <c r="CNA7" s="9">
        <f t="shared" si="38"/>
        <v>1.019803902718557</v>
      </c>
      <c r="CNB7" s="9">
        <f t="shared" si="38"/>
        <v>1.019803902718557</v>
      </c>
      <c r="CNC7" s="9">
        <f t="shared" si="38"/>
        <v>1.019803902718557</v>
      </c>
      <c r="CND7" s="9">
        <f t="shared" si="38"/>
        <v>1.019803902718557</v>
      </c>
      <c r="CNE7" s="9">
        <f t="shared" si="38"/>
        <v>1.019803902718557</v>
      </c>
      <c r="CNF7" s="9">
        <f t="shared" si="38"/>
        <v>1.019803902718557</v>
      </c>
      <c r="CNG7" s="9">
        <f t="shared" si="38"/>
        <v>1.019803902718557</v>
      </c>
      <c r="CNH7" s="9">
        <f t="shared" si="38"/>
        <v>1.019803902718557</v>
      </c>
      <c r="CNI7" s="9">
        <f t="shared" si="38"/>
        <v>1.019803902718557</v>
      </c>
      <c r="CNJ7" s="9">
        <f t="shared" si="38"/>
        <v>1.019803902718557</v>
      </c>
      <c r="CNK7" s="9">
        <f t="shared" si="38"/>
        <v>1.019803902718557</v>
      </c>
      <c r="CNL7" s="9">
        <f t="shared" si="38"/>
        <v>1.019803902718557</v>
      </c>
      <c r="CNM7" s="9">
        <f t="shared" si="38"/>
        <v>1.019803902718557</v>
      </c>
      <c r="CNN7" s="9">
        <f t="shared" si="38"/>
        <v>1.019803902718557</v>
      </c>
      <c r="CNO7" s="9">
        <f t="shared" si="38"/>
        <v>1.019803902718557</v>
      </c>
      <c r="CNP7" s="9">
        <f t="shared" si="38"/>
        <v>1.019803902718557</v>
      </c>
      <c r="CNQ7" s="9">
        <f t="shared" si="38"/>
        <v>1.019803902718557</v>
      </c>
      <c r="CNR7" s="9">
        <f t="shared" si="38"/>
        <v>1.019803902718557</v>
      </c>
      <c r="CNS7" s="9">
        <f t="shared" si="38"/>
        <v>1.019803902718557</v>
      </c>
      <c r="CNT7" s="9">
        <f t="shared" si="38"/>
        <v>1.019803902718557</v>
      </c>
      <c r="CNU7" s="9">
        <f t="shared" si="38"/>
        <v>1.019803902718557</v>
      </c>
      <c r="CNV7" s="9">
        <f t="shared" si="38"/>
        <v>1.019803902718557</v>
      </c>
      <c r="CNW7" s="9">
        <f t="shared" si="38"/>
        <v>1.019803902718557</v>
      </c>
      <c r="CNX7" s="9">
        <f t="shared" si="38"/>
        <v>1.019803902718557</v>
      </c>
      <c r="CNY7" s="9">
        <f t="shared" si="38"/>
        <v>1.019803902718557</v>
      </c>
      <c r="CNZ7" s="9">
        <f t="shared" si="38"/>
        <v>1.019803902718557</v>
      </c>
      <c r="COA7" s="9">
        <f t="shared" si="38"/>
        <v>1.019803902718557</v>
      </c>
      <c r="COB7" s="9">
        <f t="shared" si="38"/>
        <v>1.019803902718557</v>
      </c>
      <c r="COC7" s="9">
        <f t="shared" si="38"/>
        <v>1.019803902718557</v>
      </c>
      <c r="COD7" s="9">
        <f t="shared" si="38"/>
        <v>1.019803902718557</v>
      </c>
      <c r="COE7" s="9">
        <f t="shared" si="38"/>
        <v>1.019803902718557</v>
      </c>
      <c r="COF7" s="9">
        <f t="shared" si="38"/>
        <v>1.019803902718557</v>
      </c>
      <c r="COG7" s="9">
        <f t="shared" si="38"/>
        <v>1.019803902718557</v>
      </c>
      <c r="COH7" s="9">
        <f t="shared" si="38"/>
        <v>1.019803902718557</v>
      </c>
      <c r="COI7" s="9">
        <f t="shared" si="38"/>
        <v>1.019803902718557</v>
      </c>
      <c r="COJ7" s="9">
        <f t="shared" si="38"/>
        <v>1.019803902718557</v>
      </c>
      <c r="COK7" s="9">
        <f t="shared" si="38"/>
        <v>1.019803902718557</v>
      </c>
      <c r="COL7" s="9">
        <f t="shared" si="38"/>
        <v>1.019803902718557</v>
      </c>
      <c r="COM7" s="9">
        <f t="shared" si="38"/>
        <v>1.019803902718557</v>
      </c>
      <c r="CON7" s="9">
        <f t="shared" si="38"/>
        <v>1.019803902718557</v>
      </c>
      <c r="COO7" s="9">
        <f t="shared" si="38"/>
        <v>1.019803902718557</v>
      </c>
      <c r="COP7" s="9">
        <f t="shared" si="38"/>
        <v>1.019803902718557</v>
      </c>
      <c r="COQ7" s="9">
        <f t="shared" si="38"/>
        <v>1.019803902718557</v>
      </c>
      <c r="COR7" s="9">
        <f t="shared" si="38"/>
        <v>1.019803902718557</v>
      </c>
      <c r="COS7" s="9">
        <f t="shared" si="38"/>
        <v>1.019803902718557</v>
      </c>
      <c r="COT7" s="9">
        <f t="shared" si="38"/>
        <v>1.019803902718557</v>
      </c>
      <c r="COU7" s="9">
        <f t="shared" si="38"/>
        <v>1.019803902718557</v>
      </c>
      <c r="COV7" s="9">
        <f t="shared" si="38"/>
        <v>1.019803902718557</v>
      </c>
      <c r="COW7" s="9">
        <f t="shared" si="38"/>
        <v>1.019803902718557</v>
      </c>
      <c r="COX7" s="9">
        <f t="shared" ref="COX7:CRI7" si="39">1/((1+$F$6) ^(COX3-$F$7))</f>
        <v>1.019803902718557</v>
      </c>
      <c r="COY7" s="9">
        <f t="shared" si="39"/>
        <v>1.019803902718557</v>
      </c>
      <c r="COZ7" s="9">
        <f t="shared" si="39"/>
        <v>1.019803902718557</v>
      </c>
      <c r="CPA7" s="9">
        <f t="shared" si="39"/>
        <v>1.019803902718557</v>
      </c>
      <c r="CPB7" s="9">
        <f t="shared" si="39"/>
        <v>1.019803902718557</v>
      </c>
      <c r="CPC7" s="9">
        <f t="shared" si="39"/>
        <v>1.019803902718557</v>
      </c>
      <c r="CPD7" s="9">
        <f t="shared" si="39"/>
        <v>1.019803902718557</v>
      </c>
      <c r="CPE7" s="9">
        <f t="shared" si="39"/>
        <v>1.019803902718557</v>
      </c>
      <c r="CPF7" s="9">
        <f t="shared" si="39"/>
        <v>1.019803902718557</v>
      </c>
      <c r="CPG7" s="9">
        <f t="shared" si="39"/>
        <v>1.019803902718557</v>
      </c>
      <c r="CPH7" s="9">
        <f t="shared" si="39"/>
        <v>1.019803902718557</v>
      </c>
      <c r="CPI7" s="9">
        <f t="shared" si="39"/>
        <v>1.019803902718557</v>
      </c>
      <c r="CPJ7" s="9">
        <f t="shared" si="39"/>
        <v>1.019803902718557</v>
      </c>
      <c r="CPK7" s="9">
        <f t="shared" si="39"/>
        <v>1.019803902718557</v>
      </c>
      <c r="CPL7" s="9">
        <f t="shared" si="39"/>
        <v>1.019803902718557</v>
      </c>
      <c r="CPM7" s="9">
        <f t="shared" si="39"/>
        <v>1.019803902718557</v>
      </c>
      <c r="CPN7" s="9">
        <f t="shared" si="39"/>
        <v>1.019803902718557</v>
      </c>
      <c r="CPO7" s="9">
        <f t="shared" si="39"/>
        <v>1.019803902718557</v>
      </c>
      <c r="CPP7" s="9">
        <f t="shared" si="39"/>
        <v>1.019803902718557</v>
      </c>
      <c r="CPQ7" s="9">
        <f t="shared" si="39"/>
        <v>1.019803902718557</v>
      </c>
      <c r="CPR7" s="9">
        <f t="shared" si="39"/>
        <v>1.019803902718557</v>
      </c>
      <c r="CPS7" s="9">
        <f t="shared" si="39"/>
        <v>1.019803902718557</v>
      </c>
      <c r="CPT7" s="9">
        <f t="shared" si="39"/>
        <v>1.019803902718557</v>
      </c>
      <c r="CPU7" s="9">
        <f t="shared" si="39"/>
        <v>1.019803902718557</v>
      </c>
      <c r="CPV7" s="9">
        <f t="shared" si="39"/>
        <v>1.019803902718557</v>
      </c>
      <c r="CPW7" s="9">
        <f t="shared" si="39"/>
        <v>1.019803902718557</v>
      </c>
      <c r="CPX7" s="9">
        <f t="shared" si="39"/>
        <v>1.019803902718557</v>
      </c>
      <c r="CPY7" s="9">
        <f t="shared" si="39"/>
        <v>1.019803902718557</v>
      </c>
      <c r="CPZ7" s="9">
        <f t="shared" si="39"/>
        <v>1.019803902718557</v>
      </c>
      <c r="CQA7" s="9">
        <f t="shared" si="39"/>
        <v>1.019803902718557</v>
      </c>
      <c r="CQB7" s="9">
        <f t="shared" si="39"/>
        <v>1.019803902718557</v>
      </c>
      <c r="CQC7" s="9">
        <f t="shared" si="39"/>
        <v>1.019803902718557</v>
      </c>
      <c r="CQD7" s="9">
        <f t="shared" si="39"/>
        <v>1.019803902718557</v>
      </c>
      <c r="CQE7" s="9">
        <f t="shared" si="39"/>
        <v>1.019803902718557</v>
      </c>
      <c r="CQF7" s="9">
        <f t="shared" si="39"/>
        <v>1.019803902718557</v>
      </c>
      <c r="CQG7" s="9">
        <f t="shared" si="39"/>
        <v>1.019803902718557</v>
      </c>
      <c r="CQH7" s="9">
        <f t="shared" si="39"/>
        <v>1.019803902718557</v>
      </c>
      <c r="CQI7" s="9">
        <f t="shared" si="39"/>
        <v>1.019803902718557</v>
      </c>
      <c r="CQJ7" s="9">
        <f t="shared" si="39"/>
        <v>1.019803902718557</v>
      </c>
      <c r="CQK7" s="9">
        <f t="shared" si="39"/>
        <v>1.019803902718557</v>
      </c>
      <c r="CQL7" s="9">
        <f t="shared" si="39"/>
        <v>1.019803902718557</v>
      </c>
      <c r="CQM7" s="9">
        <f t="shared" si="39"/>
        <v>1.019803902718557</v>
      </c>
      <c r="CQN7" s="9">
        <f t="shared" si="39"/>
        <v>1.019803902718557</v>
      </c>
      <c r="CQO7" s="9">
        <f t="shared" si="39"/>
        <v>1.019803902718557</v>
      </c>
      <c r="CQP7" s="9">
        <f t="shared" si="39"/>
        <v>1.019803902718557</v>
      </c>
      <c r="CQQ7" s="9">
        <f t="shared" si="39"/>
        <v>1.019803902718557</v>
      </c>
      <c r="CQR7" s="9">
        <f t="shared" si="39"/>
        <v>1.019803902718557</v>
      </c>
      <c r="CQS7" s="9">
        <f t="shared" si="39"/>
        <v>1.019803902718557</v>
      </c>
      <c r="CQT7" s="9">
        <f t="shared" si="39"/>
        <v>1.019803902718557</v>
      </c>
      <c r="CQU7" s="9">
        <f t="shared" si="39"/>
        <v>1.019803902718557</v>
      </c>
      <c r="CQV7" s="9">
        <f t="shared" si="39"/>
        <v>1.019803902718557</v>
      </c>
      <c r="CQW7" s="9">
        <f t="shared" si="39"/>
        <v>1.019803902718557</v>
      </c>
      <c r="CQX7" s="9">
        <f t="shared" si="39"/>
        <v>1.019803902718557</v>
      </c>
      <c r="CQY7" s="9">
        <f t="shared" si="39"/>
        <v>1.019803902718557</v>
      </c>
      <c r="CQZ7" s="9">
        <f t="shared" si="39"/>
        <v>1.019803902718557</v>
      </c>
      <c r="CRA7" s="9">
        <f t="shared" si="39"/>
        <v>1.019803902718557</v>
      </c>
      <c r="CRB7" s="9">
        <f t="shared" si="39"/>
        <v>1.019803902718557</v>
      </c>
      <c r="CRC7" s="9">
        <f t="shared" si="39"/>
        <v>1.019803902718557</v>
      </c>
      <c r="CRD7" s="9">
        <f t="shared" si="39"/>
        <v>1.019803902718557</v>
      </c>
      <c r="CRE7" s="9">
        <f t="shared" si="39"/>
        <v>1.019803902718557</v>
      </c>
      <c r="CRF7" s="9">
        <f t="shared" si="39"/>
        <v>1.019803902718557</v>
      </c>
      <c r="CRG7" s="9">
        <f t="shared" si="39"/>
        <v>1.019803902718557</v>
      </c>
      <c r="CRH7" s="9">
        <f t="shared" si="39"/>
        <v>1.019803902718557</v>
      </c>
      <c r="CRI7" s="9">
        <f t="shared" si="39"/>
        <v>1.019803902718557</v>
      </c>
      <c r="CRJ7" s="9">
        <f t="shared" ref="CRJ7:CTU7" si="40">1/((1+$F$6) ^(CRJ3-$F$7))</f>
        <v>1.019803902718557</v>
      </c>
      <c r="CRK7" s="9">
        <f t="shared" si="40"/>
        <v>1.019803902718557</v>
      </c>
      <c r="CRL7" s="9">
        <f t="shared" si="40"/>
        <v>1.019803902718557</v>
      </c>
      <c r="CRM7" s="9">
        <f t="shared" si="40"/>
        <v>1.019803902718557</v>
      </c>
      <c r="CRN7" s="9">
        <f t="shared" si="40"/>
        <v>1.019803902718557</v>
      </c>
      <c r="CRO7" s="9">
        <f t="shared" si="40"/>
        <v>1.019803902718557</v>
      </c>
      <c r="CRP7" s="9">
        <f t="shared" si="40"/>
        <v>1.019803902718557</v>
      </c>
      <c r="CRQ7" s="9">
        <f t="shared" si="40"/>
        <v>1.019803902718557</v>
      </c>
      <c r="CRR7" s="9">
        <f t="shared" si="40"/>
        <v>1.019803902718557</v>
      </c>
      <c r="CRS7" s="9">
        <f t="shared" si="40"/>
        <v>1.019803902718557</v>
      </c>
      <c r="CRT7" s="9">
        <f t="shared" si="40"/>
        <v>1.019803902718557</v>
      </c>
      <c r="CRU7" s="9">
        <f t="shared" si="40"/>
        <v>1.019803902718557</v>
      </c>
      <c r="CRV7" s="9">
        <f t="shared" si="40"/>
        <v>1.019803902718557</v>
      </c>
      <c r="CRW7" s="9">
        <f t="shared" si="40"/>
        <v>1.019803902718557</v>
      </c>
      <c r="CRX7" s="9">
        <f t="shared" si="40"/>
        <v>1.019803902718557</v>
      </c>
      <c r="CRY7" s="9">
        <f t="shared" si="40"/>
        <v>1.019803902718557</v>
      </c>
      <c r="CRZ7" s="9">
        <f t="shared" si="40"/>
        <v>1.019803902718557</v>
      </c>
      <c r="CSA7" s="9">
        <f t="shared" si="40"/>
        <v>1.019803902718557</v>
      </c>
      <c r="CSB7" s="9">
        <f t="shared" si="40"/>
        <v>1.019803902718557</v>
      </c>
      <c r="CSC7" s="9">
        <f t="shared" si="40"/>
        <v>1.019803902718557</v>
      </c>
      <c r="CSD7" s="9">
        <f t="shared" si="40"/>
        <v>1.019803902718557</v>
      </c>
      <c r="CSE7" s="9">
        <f t="shared" si="40"/>
        <v>1.019803902718557</v>
      </c>
      <c r="CSF7" s="9">
        <f t="shared" si="40"/>
        <v>1.019803902718557</v>
      </c>
      <c r="CSG7" s="9">
        <f t="shared" si="40"/>
        <v>1.019803902718557</v>
      </c>
      <c r="CSH7" s="9">
        <f t="shared" si="40"/>
        <v>1.019803902718557</v>
      </c>
      <c r="CSI7" s="9">
        <f t="shared" si="40"/>
        <v>1.019803902718557</v>
      </c>
      <c r="CSJ7" s="9">
        <f t="shared" si="40"/>
        <v>1.019803902718557</v>
      </c>
      <c r="CSK7" s="9">
        <f t="shared" si="40"/>
        <v>1.019803902718557</v>
      </c>
      <c r="CSL7" s="9">
        <f t="shared" si="40"/>
        <v>1.019803902718557</v>
      </c>
      <c r="CSM7" s="9">
        <f t="shared" si="40"/>
        <v>1.019803902718557</v>
      </c>
      <c r="CSN7" s="9">
        <f t="shared" si="40"/>
        <v>1.019803902718557</v>
      </c>
      <c r="CSO7" s="9">
        <f t="shared" si="40"/>
        <v>1.019803902718557</v>
      </c>
      <c r="CSP7" s="9">
        <f t="shared" si="40"/>
        <v>1.019803902718557</v>
      </c>
      <c r="CSQ7" s="9">
        <f t="shared" si="40"/>
        <v>1.019803902718557</v>
      </c>
      <c r="CSR7" s="9">
        <f t="shared" si="40"/>
        <v>1.019803902718557</v>
      </c>
      <c r="CSS7" s="9">
        <f t="shared" si="40"/>
        <v>1.019803902718557</v>
      </c>
      <c r="CST7" s="9">
        <f t="shared" si="40"/>
        <v>1.019803902718557</v>
      </c>
      <c r="CSU7" s="9">
        <f t="shared" si="40"/>
        <v>1.019803902718557</v>
      </c>
      <c r="CSV7" s="9">
        <f t="shared" si="40"/>
        <v>1.019803902718557</v>
      </c>
      <c r="CSW7" s="9">
        <f t="shared" si="40"/>
        <v>1.019803902718557</v>
      </c>
      <c r="CSX7" s="9">
        <f t="shared" si="40"/>
        <v>1.019803902718557</v>
      </c>
      <c r="CSY7" s="9">
        <f t="shared" si="40"/>
        <v>1.019803902718557</v>
      </c>
      <c r="CSZ7" s="9">
        <f t="shared" si="40"/>
        <v>1.019803902718557</v>
      </c>
      <c r="CTA7" s="9">
        <f t="shared" si="40"/>
        <v>1.019803902718557</v>
      </c>
      <c r="CTB7" s="9">
        <f t="shared" si="40"/>
        <v>1.019803902718557</v>
      </c>
      <c r="CTC7" s="9">
        <f t="shared" si="40"/>
        <v>1.019803902718557</v>
      </c>
      <c r="CTD7" s="9">
        <f t="shared" si="40"/>
        <v>1.019803902718557</v>
      </c>
      <c r="CTE7" s="9">
        <f t="shared" si="40"/>
        <v>1.019803902718557</v>
      </c>
      <c r="CTF7" s="9">
        <f t="shared" si="40"/>
        <v>1.019803902718557</v>
      </c>
      <c r="CTG7" s="9">
        <f t="shared" si="40"/>
        <v>1.019803902718557</v>
      </c>
      <c r="CTH7" s="9">
        <f t="shared" si="40"/>
        <v>1.019803902718557</v>
      </c>
      <c r="CTI7" s="9">
        <f t="shared" si="40"/>
        <v>1.019803902718557</v>
      </c>
      <c r="CTJ7" s="9">
        <f t="shared" si="40"/>
        <v>1.019803902718557</v>
      </c>
      <c r="CTK7" s="9">
        <f t="shared" si="40"/>
        <v>1.019803902718557</v>
      </c>
      <c r="CTL7" s="9">
        <f t="shared" si="40"/>
        <v>1.019803902718557</v>
      </c>
      <c r="CTM7" s="9">
        <f t="shared" si="40"/>
        <v>1.019803902718557</v>
      </c>
      <c r="CTN7" s="9">
        <f t="shared" si="40"/>
        <v>1.019803902718557</v>
      </c>
      <c r="CTO7" s="9">
        <f t="shared" si="40"/>
        <v>1.019803902718557</v>
      </c>
      <c r="CTP7" s="9">
        <f t="shared" si="40"/>
        <v>1.019803902718557</v>
      </c>
      <c r="CTQ7" s="9">
        <f t="shared" si="40"/>
        <v>1.019803902718557</v>
      </c>
      <c r="CTR7" s="9">
        <f t="shared" si="40"/>
        <v>1.019803902718557</v>
      </c>
      <c r="CTS7" s="9">
        <f t="shared" si="40"/>
        <v>1.019803902718557</v>
      </c>
      <c r="CTT7" s="9">
        <f t="shared" si="40"/>
        <v>1.019803902718557</v>
      </c>
      <c r="CTU7" s="9">
        <f t="shared" si="40"/>
        <v>1.019803902718557</v>
      </c>
      <c r="CTV7" s="9">
        <f t="shared" ref="CTV7:CWG7" si="41">1/((1+$F$6) ^(CTV3-$F$7))</f>
        <v>1.019803902718557</v>
      </c>
      <c r="CTW7" s="9">
        <f t="shared" si="41"/>
        <v>1.019803902718557</v>
      </c>
      <c r="CTX7" s="9">
        <f t="shared" si="41"/>
        <v>1.019803902718557</v>
      </c>
      <c r="CTY7" s="9">
        <f t="shared" si="41"/>
        <v>1.019803902718557</v>
      </c>
      <c r="CTZ7" s="9">
        <f t="shared" si="41"/>
        <v>1.019803902718557</v>
      </c>
      <c r="CUA7" s="9">
        <f t="shared" si="41"/>
        <v>1.019803902718557</v>
      </c>
      <c r="CUB7" s="9">
        <f t="shared" si="41"/>
        <v>1.019803902718557</v>
      </c>
      <c r="CUC7" s="9">
        <f t="shared" si="41"/>
        <v>1.019803902718557</v>
      </c>
      <c r="CUD7" s="9">
        <f t="shared" si="41"/>
        <v>1.019803902718557</v>
      </c>
      <c r="CUE7" s="9">
        <f t="shared" si="41"/>
        <v>1.019803902718557</v>
      </c>
      <c r="CUF7" s="9">
        <f t="shared" si="41"/>
        <v>1.019803902718557</v>
      </c>
      <c r="CUG7" s="9">
        <f t="shared" si="41"/>
        <v>1.019803902718557</v>
      </c>
      <c r="CUH7" s="9">
        <f t="shared" si="41"/>
        <v>1.019803902718557</v>
      </c>
      <c r="CUI7" s="9">
        <f t="shared" si="41"/>
        <v>1.019803902718557</v>
      </c>
      <c r="CUJ7" s="9">
        <f t="shared" si="41"/>
        <v>1.019803902718557</v>
      </c>
      <c r="CUK7" s="9">
        <f t="shared" si="41"/>
        <v>1.019803902718557</v>
      </c>
      <c r="CUL7" s="9">
        <f t="shared" si="41"/>
        <v>1.019803902718557</v>
      </c>
      <c r="CUM7" s="9">
        <f t="shared" si="41"/>
        <v>1.019803902718557</v>
      </c>
      <c r="CUN7" s="9">
        <f t="shared" si="41"/>
        <v>1.019803902718557</v>
      </c>
      <c r="CUO7" s="9">
        <f t="shared" si="41"/>
        <v>1.019803902718557</v>
      </c>
      <c r="CUP7" s="9">
        <f t="shared" si="41"/>
        <v>1.019803902718557</v>
      </c>
      <c r="CUQ7" s="9">
        <f t="shared" si="41"/>
        <v>1.019803902718557</v>
      </c>
      <c r="CUR7" s="9">
        <f t="shared" si="41"/>
        <v>1.019803902718557</v>
      </c>
      <c r="CUS7" s="9">
        <f t="shared" si="41"/>
        <v>1.019803902718557</v>
      </c>
      <c r="CUT7" s="9">
        <f t="shared" si="41"/>
        <v>1.019803902718557</v>
      </c>
      <c r="CUU7" s="9">
        <f t="shared" si="41"/>
        <v>1.019803902718557</v>
      </c>
      <c r="CUV7" s="9">
        <f t="shared" si="41"/>
        <v>1.019803902718557</v>
      </c>
      <c r="CUW7" s="9">
        <f t="shared" si="41"/>
        <v>1.019803902718557</v>
      </c>
      <c r="CUX7" s="9">
        <f t="shared" si="41"/>
        <v>1.019803902718557</v>
      </c>
      <c r="CUY7" s="9">
        <f t="shared" si="41"/>
        <v>1.019803902718557</v>
      </c>
      <c r="CUZ7" s="9">
        <f t="shared" si="41"/>
        <v>1.019803902718557</v>
      </c>
      <c r="CVA7" s="9">
        <f t="shared" si="41"/>
        <v>1.019803902718557</v>
      </c>
      <c r="CVB7" s="9">
        <f t="shared" si="41"/>
        <v>1.019803902718557</v>
      </c>
      <c r="CVC7" s="9">
        <f t="shared" si="41"/>
        <v>1.019803902718557</v>
      </c>
      <c r="CVD7" s="9">
        <f t="shared" si="41"/>
        <v>1.019803902718557</v>
      </c>
      <c r="CVE7" s="9">
        <f t="shared" si="41"/>
        <v>1.019803902718557</v>
      </c>
      <c r="CVF7" s="9">
        <f t="shared" si="41"/>
        <v>1.019803902718557</v>
      </c>
      <c r="CVG7" s="9">
        <f t="shared" si="41"/>
        <v>1.019803902718557</v>
      </c>
      <c r="CVH7" s="9">
        <f t="shared" si="41"/>
        <v>1.019803902718557</v>
      </c>
      <c r="CVI7" s="9">
        <f t="shared" si="41"/>
        <v>1.019803902718557</v>
      </c>
      <c r="CVJ7" s="9">
        <f t="shared" si="41"/>
        <v>1.019803902718557</v>
      </c>
      <c r="CVK7" s="9">
        <f t="shared" si="41"/>
        <v>1.019803902718557</v>
      </c>
      <c r="CVL7" s="9">
        <f t="shared" si="41"/>
        <v>1.019803902718557</v>
      </c>
      <c r="CVM7" s="9">
        <f t="shared" si="41"/>
        <v>1.019803902718557</v>
      </c>
      <c r="CVN7" s="9">
        <f t="shared" si="41"/>
        <v>1.019803902718557</v>
      </c>
      <c r="CVO7" s="9">
        <f t="shared" si="41"/>
        <v>1.019803902718557</v>
      </c>
      <c r="CVP7" s="9">
        <f t="shared" si="41"/>
        <v>1.019803902718557</v>
      </c>
      <c r="CVQ7" s="9">
        <f t="shared" si="41"/>
        <v>1.019803902718557</v>
      </c>
      <c r="CVR7" s="9">
        <f t="shared" si="41"/>
        <v>1.019803902718557</v>
      </c>
      <c r="CVS7" s="9">
        <f t="shared" si="41"/>
        <v>1.019803902718557</v>
      </c>
      <c r="CVT7" s="9">
        <f t="shared" si="41"/>
        <v>1.019803902718557</v>
      </c>
      <c r="CVU7" s="9">
        <f t="shared" si="41"/>
        <v>1.019803902718557</v>
      </c>
      <c r="CVV7" s="9">
        <f t="shared" si="41"/>
        <v>1.019803902718557</v>
      </c>
      <c r="CVW7" s="9">
        <f t="shared" si="41"/>
        <v>1.019803902718557</v>
      </c>
      <c r="CVX7" s="9">
        <f t="shared" si="41"/>
        <v>1.019803902718557</v>
      </c>
      <c r="CVY7" s="9">
        <f t="shared" si="41"/>
        <v>1.019803902718557</v>
      </c>
      <c r="CVZ7" s="9">
        <f t="shared" si="41"/>
        <v>1.019803902718557</v>
      </c>
      <c r="CWA7" s="9">
        <f t="shared" si="41"/>
        <v>1.019803902718557</v>
      </c>
      <c r="CWB7" s="9">
        <f t="shared" si="41"/>
        <v>1.019803902718557</v>
      </c>
      <c r="CWC7" s="9">
        <f t="shared" si="41"/>
        <v>1.019803902718557</v>
      </c>
      <c r="CWD7" s="9">
        <f t="shared" si="41"/>
        <v>1.019803902718557</v>
      </c>
      <c r="CWE7" s="9">
        <f t="shared" si="41"/>
        <v>1.019803902718557</v>
      </c>
      <c r="CWF7" s="9">
        <f t="shared" si="41"/>
        <v>1.019803902718557</v>
      </c>
      <c r="CWG7" s="9">
        <f t="shared" si="41"/>
        <v>1.019803902718557</v>
      </c>
      <c r="CWH7" s="9">
        <f t="shared" ref="CWH7:CYS7" si="42">1/((1+$F$6) ^(CWH3-$F$7))</f>
        <v>1.019803902718557</v>
      </c>
      <c r="CWI7" s="9">
        <f t="shared" si="42"/>
        <v>1.019803902718557</v>
      </c>
      <c r="CWJ7" s="9">
        <f t="shared" si="42"/>
        <v>1.019803902718557</v>
      </c>
      <c r="CWK7" s="9">
        <f t="shared" si="42"/>
        <v>1.019803902718557</v>
      </c>
      <c r="CWL7" s="9">
        <f t="shared" si="42"/>
        <v>1.019803902718557</v>
      </c>
      <c r="CWM7" s="9">
        <f t="shared" si="42"/>
        <v>1.019803902718557</v>
      </c>
      <c r="CWN7" s="9">
        <f t="shared" si="42"/>
        <v>1.019803902718557</v>
      </c>
      <c r="CWO7" s="9">
        <f t="shared" si="42"/>
        <v>1.019803902718557</v>
      </c>
      <c r="CWP7" s="9">
        <f t="shared" si="42"/>
        <v>1.019803902718557</v>
      </c>
      <c r="CWQ7" s="9">
        <f t="shared" si="42"/>
        <v>1.019803902718557</v>
      </c>
      <c r="CWR7" s="9">
        <f t="shared" si="42"/>
        <v>1.019803902718557</v>
      </c>
      <c r="CWS7" s="9">
        <f t="shared" si="42"/>
        <v>1.019803902718557</v>
      </c>
      <c r="CWT7" s="9">
        <f t="shared" si="42"/>
        <v>1.019803902718557</v>
      </c>
      <c r="CWU7" s="9">
        <f t="shared" si="42"/>
        <v>1.019803902718557</v>
      </c>
      <c r="CWV7" s="9">
        <f t="shared" si="42"/>
        <v>1.019803902718557</v>
      </c>
      <c r="CWW7" s="9">
        <f t="shared" si="42"/>
        <v>1.019803902718557</v>
      </c>
      <c r="CWX7" s="9">
        <f t="shared" si="42"/>
        <v>1.019803902718557</v>
      </c>
      <c r="CWY7" s="9">
        <f t="shared" si="42"/>
        <v>1.019803902718557</v>
      </c>
      <c r="CWZ7" s="9">
        <f t="shared" si="42"/>
        <v>1.019803902718557</v>
      </c>
      <c r="CXA7" s="9">
        <f t="shared" si="42"/>
        <v>1.019803902718557</v>
      </c>
      <c r="CXB7" s="9">
        <f t="shared" si="42"/>
        <v>1.019803902718557</v>
      </c>
      <c r="CXC7" s="9">
        <f t="shared" si="42"/>
        <v>1.019803902718557</v>
      </c>
      <c r="CXD7" s="9">
        <f t="shared" si="42"/>
        <v>1.019803902718557</v>
      </c>
      <c r="CXE7" s="9">
        <f t="shared" si="42"/>
        <v>1.019803902718557</v>
      </c>
      <c r="CXF7" s="9">
        <f t="shared" si="42"/>
        <v>1.019803902718557</v>
      </c>
      <c r="CXG7" s="9">
        <f t="shared" si="42"/>
        <v>1.019803902718557</v>
      </c>
      <c r="CXH7" s="9">
        <f t="shared" si="42"/>
        <v>1.019803902718557</v>
      </c>
      <c r="CXI7" s="9">
        <f t="shared" si="42"/>
        <v>1.019803902718557</v>
      </c>
      <c r="CXJ7" s="9">
        <f t="shared" si="42"/>
        <v>1.019803902718557</v>
      </c>
      <c r="CXK7" s="9">
        <f t="shared" si="42"/>
        <v>1.019803902718557</v>
      </c>
      <c r="CXL7" s="9">
        <f t="shared" si="42"/>
        <v>1.019803902718557</v>
      </c>
      <c r="CXM7" s="9">
        <f t="shared" si="42"/>
        <v>1.019803902718557</v>
      </c>
      <c r="CXN7" s="9">
        <f t="shared" si="42"/>
        <v>1.019803902718557</v>
      </c>
      <c r="CXO7" s="9">
        <f t="shared" si="42"/>
        <v>1.019803902718557</v>
      </c>
      <c r="CXP7" s="9">
        <f t="shared" si="42"/>
        <v>1.019803902718557</v>
      </c>
      <c r="CXQ7" s="9">
        <f t="shared" si="42"/>
        <v>1.019803902718557</v>
      </c>
      <c r="CXR7" s="9">
        <f t="shared" si="42"/>
        <v>1.019803902718557</v>
      </c>
      <c r="CXS7" s="9">
        <f t="shared" si="42"/>
        <v>1.019803902718557</v>
      </c>
      <c r="CXT7" s="9">
        <f t="shared" si="42"/>
        <v>1.019803902718557</v>
      </c>
      <c r="CXU7" s="9">
        <f t="shared" si="42"/>
        <v>1.019803902718557</v>
      </c>
      <c r="CXV7" s="9">
        <f t="shared" si="42"/>
        <v>1.019803902718557</v>
      </c>
      <c r="CXW7" s="9">
        <f t="shared" si="42"/>
        <v>1.019803902718557</v>
      </c>
      <c r="CXX7" s="9">
        <f t="shared" si="42"/>
        <v>1.019803902718557</v>
      </c>
      <c r="CXY7" s="9">
        <f t="shared" si="42"/>
        <v>1.019803902718557</v>
      </c>
      <c r="CXZ7" s="9">
        <f t="shared" si="42"/>
        <v>1.019803902718557</v>
      </c>
      <c r="CYA7" s="9">
        <f t="shared" si="42"/>
        <v>1.019803902718557</v>
      </c>
      <c r="CYB7" s="9">
        <f t="shared" si="42"/>
        <v>1.019803902718557</v>
      </c>
      <c r="CYC7" s="9">
        <f t="shared" si="42"/>
        <v>1.019803902718557</v>
      </c>
      <c r="CYD7" s="9">
        <f t="shared" si="42"/>
        <v>1.019803902718557</v>
      </c>
      <c r="CYE7" s="9">
        <f t="shared" si="42"/>
        <v>1.019803902718557</v>
      </c>
      <c r="CYF7" s="9">
        <f t="shared" si="42"/>
        <v>1.019803902718557</v>
      </c>
      <c r="CYG7" s="9">
        <f t="shared" si="42"/>
        <v>1.019803902718557</v>
      </c>
      <c r="CYH7" s="9">
        <f t="shared" si="42"/>
        <v>1.019803902718557</v>
      </c>
      <c r="CYI7" s="9">
        <f t="shared" si="42"/>
        <v>1.019803902718557</v>
      </c>
      <c r="CYJ7" s="9">
        <f t="shared" si="42"/>
        <v>1.019803902718557</v>
      </c>
      <c r="CYK7" s="9">
        <f t="shared" si="42"/>
        <v>1.019803902718557</v>
      </c>
      <c r="CYL7" s="9">
        <f t="shared" si="42"/>
        <v>1.019803902718557</v>
      </c>
      <c r="CYM7" s="9">
        <f t="shared" si="42"/>
        <v>1.019803902718557</v>
      </c>
      <c r="CYN7" s="9">
        <f t="shared" si="42"/>
        <v>1.019803902718557</v>
      </c>
      <c r="CYO7" s="9">
        <f t="shared" si="42"/>
        <v>1.019803902718557</v>
      </c>
      <c r="CYP7" s="9">
        <f t="shared" si="42"/>
        <v>1.019803902718557</v>
      </c>
      <c r="CYQ7" s="9">
        <f t="shared" si="42"/>
        <v>1.019803902718557</v>
      </c>
      <c r="CYR7" s="9">
        <f t="shared" si="42"/>
        <v>1.019803902718557</v>
      </c>
      <c r="CYS7" s="9">
        <f t="shared" si="42"/>
        <v>1.019803902718557</v>
      </c>
      <c r="CYT7" s="9">
        <f t="shared" ref="CYT7:DBE7" si="43">1/((1+$F$6) ^(CYT3-$F$7))</f>
        <v>1.019803902718557</v>
      </c>
      <c r="CYU7" s="9">
        <f t="shared" si="43"/>
        <v>1.019803902718557</v>
      </c>
      <c r="CYV7" s="9">
        <f t="shared" si="43"/>
        <v>1.019803902718557</v>
      </c>
      <c r="CYW7" s="9">
        <f t="shared" si="43"/>
        <v>1.019803902718557</v>
      </c>
      <c r="CYX7" s="9">
        <f t="shared" si="43"/>
        <v>1.019803902718557</v>
      </c>
      <c r="CYY7" s="9">
        <f t="shared" si="43"/>
        <v>1.019803902718557</v>
      </c>
      <c r="CYZ7" s="9">
        <f t="shared" si="43"/>
        <v>1.019803902718557</v>
      </c>
      <c r="CZA7" s="9">
        <f t="shared" si="43"/>
        <v>1.019803902718557</v>
      </c>
      <c r="CZB7" s="9">
        <f t="shared" si="43"/>
        <v>1.019803902718557</v>
      </c>
      <c r="CZC7" s="9">
        <f t="shared" si="43"/>
        <v>1.019803902718557</v>
      </c>
      <c r="CZD7" s="9">
        <f t="shared" si="43"/>
        <v>1.019803902718557</v>
      </c>
      <c r="CZE7" s="9">
        <f t="shared" si="43"/>
        <v>1.019803902718557</v>
      </c>
      <c r="CZF7" s="9">
        <f t="shared" si="43"/>
        <v>1.019803902718557</v>
      </c>
      <c r="CZG7" s="9">
        <f t="shared" si="43"/>
        <v>1.019803902718557</v>
      </c>
      <c r="CZH7" s="9">
        <f t="shared" si="43"/>
        <v>1.019803902718557</v>
      </c>
      <c r="CZI7" s="9">
        <f t="shared" si="43"/>
        <v>1.019803902718557</v>
      </c>
      <c r="CZJ7" s="9">
        <f t="shared" si="43"/>
        <v>1.019803902718557</v>
      </c>
      <c r="CZK7" s="9">
        <f t="shared" si="43"/>
        <v>1.019803902718557</v>
      </c>
      <c r="CZL7" s="9">
        <f t="shared" si="43"/>
        <v>1.019803902718557</v>
      </c>
      <c r="CZM7" s="9">
        <f t="shared" si="43"/>
        <v>1.019803902718557</v>
      </c>
      <c r="CZN7" s="9">
        <f t="shared" si="43"/>
        <v>1.019803902718557</v>
      </c>
      <c r="CZO7" s="9">
        <f t="shared" si="43"/>
        <v>1.019803902718557</v>
      </c>
      <c r="CZP7" s="9">
        <f t="shared" si="43"/>
        <v>1.019803902718557</v>
      </c>
      <c r="CZQ7" s="9">
        <f t="shared" si="43"/>
        <v>1.019803902718557</v>
      </c>
      <c r="CZR7" s="9">
        <f t="shared" si="43"/>
        <v>1.019803902718557</v>
      </c>
      <c r="CZS7" s="9">
        <f t="shared" si="43"/>
        <v>1.019803902718557</v>
      </c>
      <c r="CZT7" s="9">
        <f t="shared" si="43"/>
        <v>1.019803902718557</v>
      </c>
      <c r="CZU7" s="9">
        <f t="shared" si="43"/>
        <v>1.019803902718557</v>
      </c>
      <c r="CZV7" s="9">
        <f t="shared" si="43"/>
        <v>1.019803902718557</v>
      </c>
      <c r="CZW7" s="9">
        <f t="shared" si="43"/>
        <v>1.019803902718557</v>
      </c>
      <c r="CZX7" s="9">
        <f t="shared" si="43"/>
        <v>1.019803902718557</v>
      </c>
      <c r="CZY7" s="9">
        <f t="shared" si="43"/>
        <v>1.019803902718557</v>
      </c>
      <c r="CZZ7" s="9">
        <f t="shared" si="43"/>
        <v>1.019803902718557</v>
      </c>
      <c r="DAA7" s="9">
        <f t="shared" si="43"/>
        <v>1.019803902718557</v>
      </c>
      <c r="DAB7" s="9">
        <f t="shared" si="43"/>
        <v>1.019803902718557</v>
      </c>
      <c r="DAC7" s="9">
        <f t="shared" si="43"/>
        <v>1.019803902718557</v>
      </c>
      <c r="DAD7" s="9">
        <f t="shared" si="43"/>
        <v>1.019803902718557</v>
      </c>
      <c r="DAE7" s="9">
        <f t="shared" si="43"/>
        <v>1.019803902718557</v>
      </c>
      <c r="DAF7" s="9">
        <f t="shared" si="43"/>
        <v>1.019803902718557</v>
      </c>
      <c r="DAG7" s="9">
        <f t="shared" si="43"/>
        <v>1.019803902718557</v>
      </c>
      <c r="DAH7" s="9">
        <f t="shared" si="43"/>
        <v>1.019803902718557</v>
      </c>
      <c r="DAI7" s="9">
        <f t="shared" si="43"/>
        <v>1.019803902718557</v>
      </c>
      <c r="DAJ7" s="9">
        <f t="shared" si="43"/>
        <v>1.019803902718557</v>
      </c>
      <c r="DAK7" s="9">
        <f t="shared" si="43"/>
        <v>1.019803902718557</v>
      </c>
      <c r="DAL7" s="9">
        <f t="shared" si="43"/>
        <v>1.019803902718557</v>
      </c>
      <c r="DAM7" s="9">
        <f t="shared" si="43"/>
        <v>1.019803902718557</v>
      </c>
      <c r="DAN7" s="9">
        <f t="shared" si="43"/>
        <v>1.019803902718557</v>
      </c>
      <c r="DAO7" s="9">
        <f t="shared" si="43"/>
        <v>1.019803902718557</v>
      </c>
      <c r="DAP7" s="9">
        <f t="shared" si="43"/>
        <v>1.019803902718557</v>
      </c>
      <c r="DAQ7" s="9">
        <f t="shared" si="43"/>
        <v>1.019803902718557</v>
      </c>
      <c r="DAR7" s="9">
        <f t="shared" si="43"/>
        <v>1.019803902718557</v>
      </c>
      <c r="DAS7" s="9">
        <f t="shared" si="43"/>
        <v>1.019803902718557</v>
      </c>
      <c r="DAT7" s="9">
        <f t="shared" si="43"/>
        <v>1.019803902718557</v>
      </c>
      <c r="DAU7" s="9">
        <f t="shared" si="43"/>
        <v>1.019803902718557</v>
      </c>
      <c r="DAV7" s="9">
        <f t="shared" si="43"/>
        <v>1.019803902718557</v>
      </c>
      <c r="DAW7" s="9">
        <f t="shared" si="43"/>
        <v>1.019803902718557</v>
      </c>
      <c r="DAX7" s="9">
        <f t="shared" si="43"/>
        <v>1.019803902718557</v>
      </c>
      <c r="DAY7" s="9">
        <f t="shared" si="43"/>
        <v>1.019803902718557</v>
      </c>
      <c r="DAZ7" s="9">
        <f t="shared" si="43"/>
        <v>1.019803902718557</v>
      </c>
      <c r="DBA7" s="9">
        <f t="shared" si="43"/>
        <v>1.019803902718557</v>
      </c>
      <c r="DBB7" s="9">
        <f t="shared" si="43"/>
        <v>1.019803902718557</v>
      </c>
      <c r="DBC7" s="9">
        <f t="shared" si="43"/>
        <v>1.019803902718557</v>
      </c>
      <c r="DBD7" s="9">
        <f t="shared" si="43"/>
        <v>1.019803902718557</v>
      </c>
      <c r="DBE7" s="9">
        <f t="shared" si="43"/>
        <v>1.019803902718557</v>
      </c>
      <c r="DBF7" s="9">
        <f t="shared" ref="DBF7:DDQ7" si="44">1/((1+$F$6) ^(DBF3-$F$7))</f>
        <v>1.019803902718557</v>
      </c>
      <c r="DBG7" s="9">
        <f t="shared" si="44"/>
        <v>1.019803902718557</v>
      </c>
      <c r="DBH7" s="9">
        <f t="shared" si="44"/>
        <v>1.019803902718557</v>
      </c>
      <c r="DBI7" s="9">
        <f t="shared" si="44"/>
        <v>1.019803902718557</v>
      </c>
      <c r="DBJ7" s="9">
        <f t="shared" si="44"/>
        <v>1.019803902718557</v>
      </c>
      <c r="DBK7" s="9">
        <f t="shared" si="44"/>
        <v>1.019803902718557</v>
      </c>
      <c r="DBL7" s="9">
        <f t="shared" si="44"/>
        <v>1.019803902718557</v>
      </c>
      <c r="DBM7" s="9">
        <f t="shared" si="44"/>
        <v>1.019803902718557</v>
      </c>
      <c r="DBN7" s="9">
        <f t="shared" si="44"/>
        <v>1.019803902718557</v>
      </c>
      <c r="DBO7" s="9">
        <f t="shared" si="44"/>
        <v>1.019803902718557</v>
      </c>
      <c r="DBP7" s="9">
        <f t="shared" si="44"/>
        <v>1.019803902718557</v>
      </c>
      <c r="DBQ7" s="9">
        <f t="shared" si="44"/>
        <v>1.019803902718557</v>
      </c>
      <c r="DBR7" s="9">
        <f t="shared" si="44"/>
        <v>1.019803902718557</v>
      </c>
      <c r="DBS7" s="9">
        <f t="shared" si="44"/>
        <v>1.019803902718557</v>
      </c>
      <c r="DBT7" s="9">
        <f t="shared" si="44"/>
        <v>1.019803902718557</v>
      </c>
      <c r="DBU7" s="9">
        <f t="shared" si="44"/>
        <v>1.019803902718557</v>
      </c>
      <c r="DBV7" s="9">
        <f t="shared" si="44"/>
        <v>1.019803902718557</v>
      </c>
      <c r="DBW7" s="9">
        <f t="shared" si="44"/>
        <v>1.019803902718557</v>
      </c>
      <c r="DBX7" s="9">
        <f t="shared" si="44"/>
        <v>1.019803902718557</v>
      </c>
      <c r="DBY7" s="9">
        <f t="shared" si="44"/>
        <v>1.019803902718557</v>
      </c>
      <c r="DBZ7" s="9">
        <f t="shared" si="44"/>
        <v>1.019803902718557</v>
      </c>
      <c r="DCA7" s="9">
        <f t="shared" si="44"/>
        <v>1.019803902718557</v>
      </c>
      <c r="DCB7" s="9">
        <f t="shared" si="44"/>
        <v>1.019803902718557</v>
      </c>
      <c r="DCC7" s="9">
        <f t="shared" si="44"/>
        <v>1.019803902718557</v>
      </c>
      <c r="DCD7" s="9">
        <f t="shared" si="44"/>
        <v>1.019803902718557</v>
      </c>
      <c r="DCE7" s="9">
        <f t="shared" si="44"/>
        <v>1.019803902718557</v>
      </c>
      <c r="DCF7" s="9">
        <f t="shared" si="44"/>
        <v>1.019803902718557</v>
      </c>
      <c r="DCG7" s="9">
        <f t="shared" si="44"/>
        <v>1.019803902718557</v>
      </c>
      <c r="DCH7" s="9">
        <f t="shared" si="44"/>
        <v>1.019803902718557</v>
      </c>
      <c r="DCI7" s="9">
        <f t="shared" si="44"/>
        <v>1.019803902718557</v>
      </c>
      <c r="DCJ7" s="9">
        <f t="shared" si="44"/>
        <v>1.019803902718557</v>
      </c>
      <c r="DCK7" s="9">
        <f t="shared" si="44"/>
        <v>1.019803902718557</v>
      </c>
      <c r="DCL7" s="9">
        <f t="shared" si="44"/>
        <v>1.019803902718557</v>
      </c>
      <c r="DCM7" s="9">
        <f t="shared" si="44"/>
        <v>1.019803902718557</v>
      </c>
      <c r="DCN7" s="9">
        <f t="shared" si="44"/>
        <v>1.019803902718557</v>
      </c>
      <c r="DCO7" s="9">
        <f t="shared" si="44"/>
        <v>1.019803902718557</v>
      </c>
      <c r="DCP7" s="9">
        <f t="shared" si="44"/>
        <v>1.019803902718557</v>
      </c>
      <c r="DCQ7" s="9">
        <f t="shared" si="44"/>
        <v>1.019803902718557</v>
      </c>
      <c r="DCR7" s="9">
        <f t="shared" si="44"/>
        <v>1.019803902718557</v>
      </c>
      <c r="DCS7" s="9">
        <f t="shared" si="44"/>
        <v>1.019803902718557</v>
      </c>
      <c r="DCT7" s="9">
        <f t="shared" si="44"/>
        <v>1.019803902718557</v>
      </c>
      <c r="DCU7" s="9">
        <f t="shared" si="44"/>
        <v>1.019803902718557</v>
      </c>
      <c r="DCV7" s="9">
        <f t="shared" si="44"/>
        <v>1.019803902718557</v>
      </c>
      <c r="DCW7" s="9">
        <f t="shared" si="44"/>
        <v>1.019803902718557</v>
      </c>
      <c r="DCX7" s="9">
        <f t="shared" si="44"/>
        <v>1.019803902718557</v>
      </c>
      <c r="DCY7" s="9">
        <f t="shared" si="44"/>
        <v>1.019803902718557</v>
      </c>
      <c r="DCZ7" s="9">
        <f t="shared" si="44"/>
        <v>1.019803902718557</v>
      </c>
      <c r="DDA7" s="9">
        <f t="shared" si="44"/>
        <v>1.019803902718557</v>
      </c>
      <c r="DDB7" s="9">
        <f t="shared" si="44"/>
        <v>1.019803902718557</v>
      </c>
      <c r="DDC7" s="9">
        <f t="shared" si="44"/>
        <v>1.019803902718557</v>
      </c>
      <c r="DDD7" s="9">
        <f t="shared" si="44"/>
        <v>1.019803902718557</v>
      </c>
      <c r="DDE7" s="9">
        <f t="shared" si="44"/>
        <v>1.019803902718557</v>
      </c>
      <c r="DDF7" s="9">
        <f t="shared" si="44"/>
        <v>1.019803902718557</v>
      </c>
      <c r="DDG7" s="9">
        <f t="shared" si="44"/>
        <v>1.019803902718557</v>
      </c>
      <c r="DDH7" s="9">
        <f t="shared" si="44"/>
        <v>1.019803902718557</v>
      </c>
      <c r="DDI7" s="9">
        <f t="shared" si="44"/>
        <v>1.019803902718557</v>
      </c>
      <c r="DDJ7" s="9">
        <f t="shared" si="44"/>
        <v>1.019803902718557</v>
      </c>
      <c r="DDK7" s="9">
        <f t="shared" si="44"/>
        <v>1.019803902718557</v>
      </c>
      <c r="DDL7" s="9">
        <f t="shared" si="44"/>
        <v>1.019803902718557</v>
      </c>
      <c r="DDM7" s="9">
        <f t="shared" si="44"/>
        <v>1.019803902718557</v>
      </c>
      <c r="DDN7" s="9">
        <f t="shared" si="44"/>
        <v>1.019803902718557</v>
      </c>
      <c r="DDO7" s="9">
        <f t="shared" si="44"/>
        <v>1.019803902718557</v>
      </c>
      <c r="DDP7" s="9">
        <f t="shared" si="44"/>
        <v>1.019803902718557</v>
      </c>
      <c r="DDQ7" s="9">
        <f t="shared" si="44"/>
        <v>1.019803902718557</v>
      </c>
      <c r="DDR7" s="9">
        <f t="shared" ref="DDR7:DGC7" si="45">1/((1+$F$6) ^(DDR3-$F$7))</f>
        <v>1.019803902718557</v>
      </c>
      <c r="DDS7" s="9">
        <f t="shared" si="45"/>
        <v>1.019803902718557</v>
      </c>
      <c r="DDT7" s="9">
        <f t="shared" si="45"/>
        <v>1.019803902718557</v>
      </c>
      <c r="DDU7" s="9">
        <f t="shared" si="45"/>
        <v>1.019803902718557</v>
      </c>
      <c r="DDV7" s="9">
        <f t="shared" si="45"/>
        <v>1.019803902718557</v>
      </c>
      <c r="DDW7" s="9">
        <f t="shared" si="45"/>
        <v>1.019803902718557</v>
      </c>
      <c r="DDX7" s="9">
        <f t="shared" si="45"/>
        <v>1.019803902718557</v>
      </c>
      <c r="DDY7" s="9">
        <f t="shared" si="45"/>
        <v>1.019803902718557</v>
      </c>
      <c r="DDZ7" s="9">
        <f t="shared" si="45"/>
        <v>1.019803902718557</v>
      </c>
      <c r="DEA7" s="9">
        <f t="shared" si="45"/>
        <v>1.019803902718557</v>
      </c>
      <c r="DEB7" s="9">
        <f t="shared" si="45"/>
        <v>1.019803902718557</v>
      </c>
      <c r="DEC7" s="9">
        <f t="shared" si="45"/>
        <v>1.019803902718557</v>
      </c>
      <c r="DED7" s="9">
        <f t="shared" si="45"/>
        <v>1.019803902718557</v>
      </c>
      <c r="DEE7" s="9">
        <f t="shared" si="45"/>
        <v>1.019803902718557</v>
      </c>
      <c r="DEF7" s="9">
        <f t="shared" si="45"/>
        <v>1.019803902718557</v>
      </c>
      <c r="DEG7" s="9">
        <f t="shared" si="45"/>
        <v>1.019803902718557</v>
      </c>
      <c r="DEH7" s="9">
        <f t="shared" si="45"/>
        <v>1.019803902718557</v>
      </c>
      <c r="DEI7" s="9">
        <f t="shared" si="45"/>
        <v>1.019803902718557</v>
      </c>
      <c r="DEJ7" s="9">
        <f t="shared" si="45"/>
        <v>1.019803902718557</v>
      </c>
      <c r="DEK7" s="9">
        <f t="shared" si="45"/>
        <v>1.019803902718557</v>
      </c>
      <c r="DEL7" s="9">
        <f t="shared" si="45"/>
        <v>1.019803902718557</v>
      </c>
      <c r="DEM7" s="9">
        <f t="shared" si="45"/>
        <v>1.019803902718557</v>
      </c>
      <c r="DEN7" s="9">
        <f t="shared" si="45"/>
        <v>1.019803902718557</v>
      </c>
      <c r="DEO7" s="9">
        <f t="shared" si="45"/>
        <v>1.019803902718557</v>
      </c>
      <c r="DEP7" s="9">
        <f t="shared" si="45"/>
        <v>1.019803902718557</v>
      </c>
      <c r="DEQ7" s="9">
        <f t="shared" si="45"/>
        <v>1.019803902718557</v>
      </c>
      <c r="DER7" s="9">
        <f t="shared" si="45"/>
        <v>1.019803902718557</v>
      </c>
      <c r="DES7" s="9">
        <f t="shared" si="45"/>
        <v>1.019803902718557</v>
      </c>
      <c r="DET7" s="9">
        <f t="shared" si="45"/>
        <v>1.019803902718557</v>
      </c>
      <c r="DEU7" s="9">
        <f t="shared" si="45"/>
        <v>1.019803902718557</v>
      </c>
      <c r="DEV7" s="9">
        <f t="shared" si="45"/>
        <v>1.019803902718557</v>
      </c>
      <c r="DEW7" s="9">
        <f t="shared" si="45"/>
        <v>1.019803902718557</v>
      </c>
      <c r="DEX7" s="9">
        <f t="shared" si="45"/>
        <v>1.019803902718557</v>
      </c>
      <c r="DEY7" s="9">
        <f t="shared" si="45"/>
        <v>1.019803902718557</v>
      </c>
      <c r="DEZ7" s="9">
        <f t="shared" si="45"/>
        <v>1.019803902718557</v>
      </c>
      <c r="DFA7" s="9">
        <f t="shared" si="45"/>
        <v>1.019803902718557</v>
      </c>
      <c r="DFB7" s="9">
        <f t="shared" si="45"/>
        <v>1.019803902718557</v>
      </c>
      <c r="DFC7" s="9">
        <f t="shared" si="45"/>
        <v>1.019803902718557</v>
      </c>
      <c r="DFD7" s="9">
        <f t="shared" si="45"/>
        <v>1.019803902718557</v>
      </c>
      <c r="DFE7" s="9">
        <f t="shared" si="45"/>
        <v>1.019803902718557</v>
      </c>
      <c r="DFF7" s="9">
        <f t="shared" si="45"/>
        <v>1.019803902718557</v>
      </c>
      <c r="DFG7" s="9">
        <f t="shared" si="45"/>
        <v>1.019803902718557</v>
      </c>
      <c r="DFH7" s="9">
        <f t="shared" si="45"/>
        <v>1.019803902718557</v>
      </c>
      <c r="DFI7" s="9">
        <f t="shared" si="45"/>
        <v>1.019803902718557</v>
      </c>
      <c r="DFJ7" s="9">
        <f t="shared" si="45"/>
        <v>1.019803902718557</v>
      </c>
      <c r="DFK7" s="9">
        <f t="shared" si="45"/>
        <v>1.019803902718557</v>
      </c>
      <c r="DFL7" s="9">
        <f t="shared" si="45"/>
        <v>1.019803902718557</v>
      </c>
      <c r="DFM7" s="9">
        <f t="shared" si="45"/>
        <v>1.019803902718557</v>
      </c>
      <c r="DFN7" s="9">
        <f t="shared" si="45"/>
        <v>1.019803902718557</v>
      </c>
      <c r="DFO7" s="9">
        <f t="shared" si="45"/>
        <v>1.019803902718557</v>
      </c>
      <c r="DFP7" s="9">
        <f t="shared" si="45"/>
        <v>1.019803902718557</v>
      </c>
      <c r="DFQ7" s="9">
        <f t="shared" si="45"/>
        <v>1.019803902718557</v>
      </c>
      <c r="DFR7" s="9">
        <f t="shared" si="45"/>
        <v>1.019803902718557</v>
      </c>
      <c r="DFS7" s="9">
        <f t="shared" si="45"/>
        <v>1.019803902718557</v>
      </c>
      <c r="DFT7" s="9">
        <f t="shared" si="45"/>
        <v>1.019803902718557</v>
      </c>
      <c r="DFU7" s="9">
        <f t="shared" si="45"/>
        <v>1.019803902718557</v>
      </c>
      <c r="DFV7" s="9">
        <f t="shared" si="45"/>
        <v>1.019803902718557</v>
      </c>
      <c r="DFW7" s="9">
        <f t="shared" si="45"/>
        <v>1.019803902718557</v>
      </c>
      <c r="DFX7" s="9">
        <f t="shared" si="45"/>
        <v>1.019803902718557</v>
      </c>
      <c r="DFY7" s="9">
        <f t="shared" si="45"/>
        <v>1.019803902718557</v>
      </c>
      <c r="DFZ7" s="9">
        <f t="shared" si="45"/>
        <v>1.019803902718557</v>
      </c>
      <c r="DGA7" s="9">
        <f t="shared" si="45"/>
        <v>1.019803902718557</v>
      </c>
      <c r="DGB7" s="9">
        <f t="shared" si="45"/>
        <v>1.019803902718557</v>
      </c>
      <c r="DGC7" s="9">
        <f t="shared" si="45"/>
        <v>1.019803902718557</v>
      </c>
      <c r="DGD7" s="9">
        <f t="shared" ref="DGD7:DIO7" si="46">1/((1+$F$6) ^(DGD3-$F$7))</f>
        <v>1.019803902718557</v>
      </c>
      <c r="DGE7" s="9">
        <f t="shared" si="46"/>
        <v>1.019803902718557</v>
      </c>
      <c r="DGF7" s="9">
        <f t="shared" si="46"/>
        <v>1.019803902718557</v>
      </c>
      <c r="DGG7" s="9">
        <f t="shared" si="46"/>
        <v>1.019803902718557</v>
      </c>
      <c r="DGH7" s="9">
        <f t="shared" si="46"/>
        <v>1.019803902718557</v>
      </c>
      <c r="DGI7" s="9">
        <f t="shared" si="46"/>
        <v>1.019803902718557</v>
      </c>
      <c r="DGJ7" s="9">
        <f t="shared" si="46"/>
        <v>1.019803902718557</v>
      </c>
      <c r="DGK7" s="9">
        <f t="shared" si="46"/>
        <v>1.019803902718557</v>
      </c>
      <c r="DGL7" s="9">
        <f t="shared" si="46"/>
        <v>1.019803902718557</v>
      </c>
      <c r="DGM7" s="9">
        <f t="shared" si="46"/>
        <v>1.019803902718557</v>
      </c>
      <c r="DGN7" s="9">
        <f t="shared" si="46"/>
        <v>1.019803902718557</v>
      </c>
      <c r="DGO7" s="9">
        <f t="shared" si="46"/>
        <v>1.019803902718557</v>
      </c>
      <c r="DGP7" s="9">
        <f t="shared" si="46"/>
        <v>1.019803902718557</v>
      </c>
      <c r="DGQ7" s="9">
        <f t="shared" si="46"/>
        <v>1.019803902718557</v>
      </c>
      <c r="DGR7" s="9">
        <f t="shared" si="46"/>
        <v>1.019803902718557</v>
      </c>
      <c r="DGS7" s="9">
        <f t="shared" si="46"/>
        <v>1.019803902718557</v>
      </c>
      <c r="DGT7" s="9">
        <f t="shared" si="46"/>
        <v>1.019803902718557</v>
      </c>
      <c r="DGU7" s="9">
        <f t="shared" si="46"/>
        <v>1.019803902718557</v>
      </c>
      <c r="DGV7" s="9">
        <f t="shared" si="46"/>
        <v>1.019803902718557</v>
      </c>
      <c r="DGW7" s="9">
        <f t="shared" si="46"/>
        <v>1.019803902718557</v>
      </c>
      <c r="DGX7" s="9">
        <f t="shared" si="46"/>
        <v>1.019803902718557</v>
      </c>
      <c r="DGY7" s="9">
        <f t="shared" si="46"/>
        <v>1.019803902718557</v>
      </c>
      <c r="DGZ7" s="9">
        <f t="shared" si="46"/>
        <v>1.019803902718557</v>
      </c>
      <c r="DHA7" s="9">
        <f t="shared" si="46"/>
        <v>1.019803902718557</v>
      </c>
      <c r="DHB7" s="9">
        <f t="shared" si="46"/>
        <v>1.019803902718557</v>
      </c>
      <c r="DHC7" s="9">
        <f t="shared" si="46"/>
        <v>1.019803902718557</v>
      </c>
      <c r="DHD7" s="9">
        <f t="shared" si="46"/>
        <v>1.019803902718557</v>
      </c>
      <c r="DHE7" s="9">
        <f t="shared" si="46"/>
        <v>1.019803902718557</v>
      </c>
      <c r="DHF7" s="9">
        <f t="shared" si="46"/>
        <v>1.019803902718557</v>
      </c>
      <c r="DHG7" s="9">
        <f t="shared" si="46"/>
        <v>1.019803902718557</v>
      </c>
      <c r="DHH7" s="9">
        <f t="shared" si="46"/>
        <v>1.019803902718557</v>
      </c>
      <c r="DHI7" s="9">
        <f t="shared" si="46"/>
        <v>1.019803902718557</v>
      </c>
      <c r="DHJ7" s="9">
        <f t="shared" si="46"/>
        <v>1.019803902718557</v>
      </c>
      <c r="DHK7" s="9">
        <f t="shared" si="46"/>
        <v>1.019803902718557</v>
      </c>
      <c r="DHL7" s="9">
        <f t="shared" si="46"/>
        <v>1.019803902718557</v>
      </c>
      <c r="DHM7" s="9">
        <f t="shared" si="46"/>
        <v>1.019803902718557</v>
      </c>
      <c r="DHN7" s="9">
        <f t="shared" si="46"/>
        <v>1.019803902718557</v>
      </c>
      <c r="DHO7" s="9">
        <f t="shared" si="46"/>
        <v>1.019803902718557</v>
      </c>
      <c r="DHP7" s="9">
        <f t="shared" si="46"/>
        <v>1.019803902718557</v>
      </c>
      <c r="DHQ7" s="9">
        <f t="shared" si="46"/>
        <v>1.019803902718557</v>
      </c>
      <c r="DHR7" s="9">
        <f t="shared" si="46"/>
        <v>1.019803902718557</v>
      </c>
      <c r="DHS7" s="9">
        <f t="shared" si="46"/>
        <v>1.019803902718557</v>
      </c>
      <c r="DHT7" s="9">
        <f t="shared" si="46"/>
        <v>1.019803902718557</v>
      </c>
      <c r="DHU7" s="9">
        <f t="shared" si="46"/>
        <v>1.019803902718557</v>
      </c>
      <c r="DHV7" s="9">
        <f t="shared" si="46"/>
        <v>1.019803902718557</v>
      </c>
      <c r="DHW7" s="9">
        <f t="shared" si="46"/>
        <v>1.019803902718557</v>
      </c>
      <c r="DHX7" s="9">
        <f t="shared" si="46"/>
        <v>1.019803902718557</v>
      </c>
      <c r="DHY7" s="9">
        <f t="shared" si="46"/>
        <v>1.019803902718557</v>
      </c>
      <c r="DHZ7" s="9">
        <f t="shared" si="46"/>
        <v>1.019803902718557</v>
      </c>
      <c r="DIA7" s="9">
        <f t="shared" si="46"/>
        <v>1.019803902718557</v>
      </c>
      <c r="DIB7" s="9">
        <f t="shared" si="46"/>
        <v>1.019803902718557</v>
      </c>
      <c r="DIC7" s="9">
        <f t="shared" si="46"/>
        <v>1.019803902718557</v>
      </c>
      <c r="DID7" s="9">
        <f t="shared" si="46"/>
        <v>1.019803902718557</v>
      </c>
      <c r="DIE7" s="9">
        <f t="shared" si="46"/>
        <v>1.019803902718557</v>
      </c>
      <c r="DIF7" s="9">
        <f t="shared" si="46"/>
        <v>1.019803902718557</v>
      </c>
      <c r="DIG7" s="9">
        <f t="shared" si="46"/>
        <v>1.019803902718557</v>
      </c>
      <c r="DIH7" s="9">
        <f t="shared" si="46"/>
        <v>1.019803902718557</v>
      </c>
      <c r="DII7" s="9">
        <f t="shared" si="46"/>
        <v>1.019803902718557</v>
      </c>
      <c r="DIJ7" s="9">
        <f t="shared" si="46"/>
        <v>1.019803902718557</v>
      </c>
      <c r="DIK7" s="9">
        <f t="shared" si="46"/>
        <v>1.019803902718557</v>
      </c>
      <c r="DIL7" s="9">
        <f t="shared" si="46"/>
        <v>1.019803902718557</v>
      </c>
      <c r="DIM7" s="9">
        <f t="shared" si="46"/>
        <v>1.019803902718557</v>
      </c>
      <c r="DIN7" s="9">
        <f t="shared" si="46"/>
        <v>1.019803902718557</v>
      </c>
      <c r="DIO7" s="9">
        <f t="shared" si="46"/>
        <v>1.019803902718557</v>
      </c>
      <c r="DIP7" s="9">
        <f t="shared" ref="DIP7:DLA7" si="47">1/((1+$F$6) ^(DIP3-$F$7))</f>
        <v>1.019803902718557</v>
      </c>
      <c r="DIQ7" s="9">
        <f t="shared" si="47"/>
        <v>1.019803902718557</v>
      </c>
      <c r="DIR7" s="9">
        <f t="shared" si="47"/>
        <v>1.019803902718557</v>
      </c>
      <c r="DIS7" s="9">
        <f t="shared" si="47"/>
        <v>1.019803902718557</v>
      </c>
      <c r="DIT7" s="9">
        <f t="shared" si="47"/>
        <v>1.019803902718557</v>
      </c>
      <c r="DIU7" s="9">
        <f t="shared" si="47"/>
        <v>1.019803902718557</v>
      </c>
      <c r="DIV7" s="9">
        <f t="shared" si="47"/>
        <v>1.019803902718557</v>
      </c>
      <c r="DIW7" s="9">
        <f t="shared" si="47"/>
        <v>1.019803902718557</v>
      </c>
      <c r="DIX7" s="9">
        <f t="shared" si="47"/>
        <v>1.019803902718557</v>
      </c>
      <c r="DIY7" s="9">
        <f t="shared" si="47"/>
        <v>1.019803902718557</v>
      </c>
      <c r="DIZ7" s="9">
        <f t="shared" si="47"/>
        <v>1.019803902718557</v>
      </c>
      <c r="DJA7" s="9">
        <f t="shared" si="47"/>
        <v>1.019803902718557</v>
      </c>
      <c r="DJB7" s="9">
        <f t="shared" si="47"/>
        <v>1.019803902718557</v>
      </c>
      <c r="DJC7" s="9">
        <f t="shared" si="47"/>
        <v>1.019803902718557</v>
      </c>
      <c r="DJD7" s="9">
        <f t="shared" si="47"/>
        <v>1.019803902718557</v>
      </c>
      <c r="DJE7" s="9">
        <f t="shared" si="47"/>
        <v>1.019803902718557</v>
      </c>
      <c r="DJF7" s="9">
        <f t="shared" si="47"/>
        <v>1.019803902718557</v>
      </c>
      <c r="DJG7" s="9">
        <f t="shared" si="47"/>
        <v>1.019803902718557</v>
      </c>
      <c r="DJH7" s="9">
        <f t="shared" si="47"/>
        <v>1.019803902718557</v>
      </c>
      <c r="DJI7" s="9">
        <f t="shared" si="47"/>
        <v>1.019803902718557</v>
      </c>
      <c r="DJJ7" s="9">
        <f t="shared" si="47"/>
        <v>1.019803902718557</v>
      </c>
      <c r="DJK7" s="9">
        <f t="shared" si="47"/>
        <v>1.019803902718557</v>
      </c>
      <c r="DJL7" s="9">
        <f t="shared" si="47"/>
        <v>1.019803902718557</v>
      </c>
      <c r="DJM7" s="9">
        <f t="shared" si="47"/>
        <v>1.019803902718557</v>
      </c>
      <c r="DJN7" s="9">
        <f t="shared" si="47"/>
        <v>1.019803902718557</v>
      </c>
      <c r="DJO7" s="9">
        <f t="shared" si="47"/>
        <v>1.019803902718557</v>
      </c>
      <c r="DJP7" s="9">
        <f t="shared" si="47"/>
        <v>1.019803902718557</v>
      </c>
      <c r="DJQ7" s="9">
        <f t="shared" si="47"/>
        <v>1.019803902718557</v>
      </c>
      <c r="DJR7" s="9">
        <f t="shared" si="47"/>
        <v>1.019803902718557</v>
      </c>
      <c r="DJS7" s="9">
        <f t="shared" si="47"/>
        <v>1.019803902718557</v>
      </c>
      <c r="DJT7" s="9">
        <f t="shared" si="47"/>
        <v>1.019803902718557</v>
      </c>
      <c r="DJU7" s="9">
        <f t="shared" si="47"/>
        <v>1.019803902718557</v>
      </c>
      <c r="DJV7" s="9">
        <f t="shared" si="47"/>
        <v>1.019803902718557</v>
      </c>
      <c r="DJW7" s="9">
        <f t="shared" si="47"/>
        <v>1.019803902718557</v>
      </c>
      <c r="DJX7" s="9">
        <f t="shared" si="47"/>
        <v>1.019803902718557</v>
      </c>
      <c r="DJY7" s="9">
        <f t="shared" si="47"/>
        <v>1.019803902718557</v>
      </c>
      <c r="DJZ7" s="9">
        <f t="shared" si="47"/>
        <v>1.019803902718557</v>
      </c>
      <c r="DKA7" s="9">
        <f t="shared" si="47"/>
        <v>1.019803902718557</v>
      </c>
      <c r="DKB7" s="9">
        <f t="shared" si="47"/>
        <v>1.019803902718557</v>
      </c>
      <c r="DKC7" s="9">
        <f t="shared" si="47"/>
        <v>1.019803902718557</v>
      </c>
      <c r="DKD7" s="9">
        <f t="shared" si="47"/>
        <v>1.019803902718557</v>
      </c>
      <c r="DKE7" s="9">
        <f t="shared" si="47"/>
        <v>1.019803902718557</v>
      </c>
      <c r="DKF7" s="9">
        <f t="shared" si="47"/>
        <v>1.019803902718557</v>
      </c>
      <c r="DKG7" s="9">
        <f t="shared" si="47"/>
        <v>1.019803902718557</v>
      </c>
      <c r="DKH7" s="9">
        <f t="shared" si="47"/>
        <v>1.019803902718557</v>
      </c>
      <c r="DKI7" s="9">
        <f t="shared" si="47"/>
        <v>1.019803902718557</v>
      </c>
      <c r="DKJ7" s="9">
        <f t="shared" si="47"/>
        <v>1.019803902718557</v>
      </c>
      <c r="DKK7" s="9">
        <f t="shared" si="47"/>
        <v>1.019803902718557</v>
      </c>
      <c r="DKL7" s="9">
        <f t="shared" si="47"/>
        <v>1.019803902718557</v>
      </c>
      <c r="DKM7" s="9">
        <f t="shared" si="47"/>
        <v>1.019803902718557</v>
      </c>
      <c r="DKN7" s="9">
        <f t="shared" si="47"/>
        <v>1.019803902718557</v>
      </c>
      <c r="DKO7" s="9">
        <f t="shared" si="47"/>
        <v>1.019803902718557</v>
      </c>
      <c r="DKP7" s="9">
        <f t="shared" si="47"/>
        <v>1.019803902718557</v>
      </c>
      <c r="DKQ7" s="9">
        <f t="shared" si="47"/>
        <v>1.019803902718557</v>
      </c>
      <c r="DKR7" s="9">
        <f t="shared" si="47"/>
        <v>1.019803902718557</v>
      </c>
      <c r="DKS7" s="9">
        <f t="shared" si="47"/>
        <v>1.019803902718557</v>
      </c>
      <c r="DKT7" s="9">
        <f t="shared" si="47"/>
        <v>1.019803902718557</v>
      </c>
      <c r="DKU7" s="9">
        <f t="shared" si="47"/>
        <v>1.019803902718557</v>
      </c>
      <c r="DKV7" s="9">
        <f t="shared" si="47"/>
        <v>1.019803902718557</v>
      </c>
      <c r="DKW7" s="9">
        <f t="shared" si="47"/>
        <v>1.019803902718557</v>
      </c>
      <c r="DKX7" s="9">
        <f t="shared" si="47"/>
        <v>1.019803902718557</v>
      </c>
      <c r="DKY7" s="9">
        <f t="shared" si="47"/>
        <v>1.019803902718557</v>
      </c>
      <c r="DKZ7" s="9">
        <f t="shared" si="47"/>
        <v>1.019803902718557</v>
      </c>
      <c r="DLA7" s="9">
        <f t="shared" si="47"/>
        <v>1.019803902718557</v>
      </c>
      <c r="DLB7" s="9">
        <f t="shared" ref="DLB7:DNM7" si="48">1/((1+$F$6) ^(DLB3-$F$7))</f>
        <v>1.019803902718557</v>
      </c>
      <c r="DLC7" s="9">
        <f t="shared" si="48"/>
        <v>1.019803902718557</v>
      </c>
      <c r="DLD7" s="9">
        <f t="shared" si="48"/>
        <v>1.019803902718557</v>
      </c>
      <c r="DLE7" s="9">
        <f t="shared" si="48"/>
        <v>1.019803902718557</v>
      </c>
      <c r="DLF7" s="9">
        <f t="shared" si="48"/>
        <v>1.019803902718557</v>
      </c>
      <c r="DLG7" s="9">
        <f t="shared" si="48"/>
        <v>1.019803902718557</v>
      </c>
      <c r="DLH7" s="9">
        <f t="shared" si="48"/>
        <v>1.019803902718557</v>
      </c>
      <c r="DLI7" s="9">
        <f t="shared" si="48"/>
        <v>1.019803902718557</v>
      </c>
      <c r="DLJ7" s="9">
        <f t="shared" si="48"/>
        <v>1.019803902718557</v>
      </c>
      <c r="DLK7" s="9">
        <f t="shared" si="48"/>
        <v>1.019803902718557</v>
      </c>
      <c r="DLL7" s="9">
        <f t="shared" si="48"/>
        <v>1.019803902718557</v>
      </c>
      <c r="DLM7" s="9">
        <f t="shared" si="48"/>
        <v>1.019803902718557</v>
      </c>
      <c r="DLN7" s="9">
        <f t="shared" si="48"/>
        <v>1.019803902718557</v>
      </c>
      <c r="DLO7" s="9">
        <f t="shared" si="48"/>
        <v>1.019803902718557</v>
      </c>
      <c r="DLP7" s="9">
        <f t="shared" si="48"/>
        <v>1.019803902718557</v>
      </c>
      <c r="DLQ7" s="9">
        <f t="shared" si="48"/>
        <v>1.019803902718557</v>
      </c>
      <c r="DLR7" s="9">
        <f t="shared" si="48"/>
        <v>1.019803902718557</v>
      </c>
      <c r="DLS7" s="9">
        <f t="shared" si="48"/>
        <v>1.019803902718557</v>
      </c>
      <c r="DLT7" s="9">
        <f t="shared" si="48"/>
        <v>1.019803902718557</v>
      </c>
      <c r="DLU7" s="9">
        <f t="shared" si="48"/>
        <v>1.019803902718557</v>
      </c>
      <c r="DLV7" s="9">
        <f t="shared" si="48"/>
        <v>1.019803902718557</v>
      </c>
      <c r="DLW7" s="9">
        <f t="shared" si="48"/>
        <v>1.019803902718557</v>
      </c>
      <c r="DLX7" s="9">
        <f t="shared" si="48"/>
        <v>1.019803902718557</v>
      </c>
      <c r="DLY7" s="9">
        <f t="shared" si="48"/>
        <v>1.019803902718557</v>
      </c>
      <c r="DLZ7" s="9">
        <f t="shared" si="48"/>
        <v>1.019803902718557</v>
      </c>
      <c r="DMA7" s="9">
        <f t="shared" si="48"/>
        <v>1.019803902718557</v>
      </c>
      <c r="DMB7" s="9">
        <f t="shared" si="48"/>
        <v>1.019803902718557</v>
      </c>
      <c r="DMC7" s="9">
        <f t="shared" si="48"/>
        <v>1.019803902718557</v>
      </c>
      <c r="DMD7" s="9">
        <f t="shared" si="48"/>
        <v>1.019803902718557</v>
      </c>
      <c r="DME7" s="9">
        <f t="shared" si="48"/>
        <v>1.019803902718557</v>
      </c>
      <c r="DMF7" s="9">
        <f t="shared" si="48"/>
        <v>1.019803902718557</v>
      </c>
      <c r="DMG7" s="9">
        <f t="shared" si="48"/>
        <v>1.019803902718557</v>
      </c>
      <c r="DMH7" s="9">
        <f t="shared" si="48"/>
        <v>1.019803902718557</v>
      </c>
      <c r="DMI7" s="9">
        <f t="shared" si="48"/>
        <v>1.019803902718557</v>
      </c>
      <c r="DMJ7" s="9">
        <f t="shared" si="48"/>
        <v>1.019803902718557</v>
      </c>
      <c r="DMK7" s="9">
        <f t="shared" si="48"/>
        <v>1.019803902718557</v>
      </c>
      <c r="DML7" s="9">
        <f t="shared" si="48"/>
        <v>1.019803902718557</v>
      </c>
      <c r="DMM7" s="9">
        <f t="shared" si="48"/>
        <v>1.019803902718557</v>
      </c>
      <c r="DMN7" s="9">
        <f t="shared" si="48"/>
        <v>1.019803902718557</v>
      </c>
      <c r="DMO7" s="9">
        <f t="shared" si="48"/>
        <v>1.019803902718557</v>
      </c>
      <c r="DMP7" s="9">
        <f t="shared" si="48"/>
        <v>1.019803902718557</v>
      </c>
      <c r="DMQ7" s="9">
        <f t="shared" si="48"/>
        <v>1.019803902718557</v>
      </c>
      <c r="DMR7" s="9">
        <f t="shared" si="48"/>
        <v>1.019803902718557</v>
      </c>
      <c r="DMS7" s="9">
        <f t="shared" si="48"/>
        <v>1.019803902718557</v>
      </c>
      <c r="DMT7" s="9">
        <f t="shared" si="48"/>
        <v>1.019803902718557</v>
      </c>
      <c r="DMU7" s="9">
        <f t="shared" si="48"/>
        <v>1.019803902718557</v>
      </c>
      <c r="DMV7" s="9">
        <f t="shared" si="48"/>
        <v>1.019803902718557</v>
      </c>
      <c r="DMW7" s="9">
        <f t="shared" si="48"/>
        <v>1.019803902718557</v>
      </c>
      <c r="DMX7" s="9">
        <f t="shared" si="48"/>
        <v>1.019803902718557</v>
      </c>
      <c r="DMY7" s="9">
        <f t="shared" si="48"/>
        <v>1.019803902718557</v>
      </c>
      <c r="DMZ7" s="9">
        <f t="shared" si="48"/>
        <v>1.019803902718557</v>
      </c>
      <c r="DNA7" s="9">
        <f t="shared" si="48"/>
        <v>1.019803902718557</v>
      </c>
      <c r="DNB7" s="9">
        <f t="shared" si="48"/>
        <v>1.019803902718557</v>
      </c>
      <c r="DNC7" s="9">
        <f t="shared" si="48"/>
        <v>1.019803902718557</v>
      </c>
      <c r="DND7" s="9">
        <f t="shared" si="48"/>
        <v>1.019803902718557</v>
      </c>
      <c r="DNE7" s="9">
        <f t="shared" si="48"/>
        <v>1.019803902718557</v>
      </c>
      <c r="DNF7" s="9">
        <f t="shared" si="48"/>
        <v>1.019803902718557</v>
      </c>
      <c r="DNG7" s="9">
        <f t="shared" si="48"/>
        <v>1.019803902718557</v>
      </c>
      <c r="DNH7" s="9">
        <f t="shared" si="48"/>
        <v>1.019803902718557</v>
      </c>
      <c r="DNI7" s="9">
        <f t="shared" si="48"/>
        <v>1.019803902718557</v>
      </c>
      <c r="DNJ7" s="9">
        <f t="shared" si="48"/>
        <v>1.019803902718557</v>
      </c>
      <c r="DNK7" s="9">
        <f t="shared" si="48"/>
        <v>1.019803902718557</v>
      </c>
      <c r="DNL7" s="9">
        <f t="shared" si="48"/>
        <v>1.019803902718557</v>
      </c>
      <c r="DNM7" s="9">
        <f t="shared" si="48"/>
        <v>1.019803902718557</v>
      </c>
      <c r="DNN7" s="9">
        <f t="shared" ref="DNN7:DPY7" si="49">1/((1+$F$6) ^(DNN3-$F$7))</f>
        <v>1.019803902718557</v>
      </c>
      <c r="DNO7" s="9">
        <f t="shared" si="49"/>
        <v>1.019803902718557</v>
      </c>
      <c r="DNP7" s="9">
        <f t="shared" si="49"/>
        <v>1.019803902718557</v>
      </c>
      <c r="DNQ7" s="9">
        <f t="shared" si="49"/>
        <v>1.019803902718557</v>
      </c>
      <c r="DNR7" s="9">
        <f t="shared" si="49"/>
        <v>1.019803902718557</v>
      </c>
      <c r="DNS7" s="9">
        <f t="shared" si="49"/>
        <v>1.019803902718557</v>
      </c>
      <c r="DNT7" s="9">
        <f t="shared" si="49"/>
        <v>1.019803902718557</v>
      </c>
      <c r="DNU7" s="9">
        <f t="shared" si="49"/>
        <v>1.019803902718557</v>
      </c>
      <c r="DNV7" s="9">
        <f t="shared" si="49"/>
        <v>1.019803902718557</v>
      </c>
      <c r="DNW7" s="9">
        <f t="shared" si="49"/>
        <v>1.019803902718557</v>
      </c>
      <c r="DNX7" s="9">
        <f t="shared" si="49"/>
        <v>1.019803902718557</v>
      </c>
      <c r="DNY7" s="9">
        <f t="shared" si="49"/>
        <v>1.019803902718557</v>
      </c>
      <c r="DNZ7" s="9">
        <f t="shared" si="49"/>
        <v>1.019803902718557</v>
      </c>
      <c r="DOA7" s="9">
        <f t="shared" si="49"/>
        <v>1.019803902718557</v>
      </c>
      <c r="DOB7" s="9">
        <f t="shared" si="49"/>
        <v>1.019803902718557</v>
      </c>
      <c r="DOC7" s="9">
        <f t="shared" si="49"/>
        <v>1.019803902718557</v>
      </c>
      <c r="DOD7" s="9">
        <f t="shared" si="49"/>
        <v>1.019803902718557</v>
      </c>
      <c r="DOE7" s="9">
        <f t="shared" si="49"/>
        <v>1.019803902718557</v>
      </c>
      <c r="DOF7" s="9">
        <f t="shared" si="49"/>
        <v>1.019803902718557</v>
      </c>
      <c r="DOG7" s="9">
        <f t="shared" si="49"/>
        <v>1.019803902718557</v>
      </c>
      <c r="DOH7" s="9">
        <f t="shared" si="49"/>
        <v>1.019803902718557</v>
      </c>
      <c r="DOI7" s="9">
        <f t="shared" si="49"/>
        <v>1.019803902718557</v>
      </c>
      <c r="DOJ7" s="9">
        <f t="shared" si="49"/>
        <v>1.019803902718557</v>
      </c>
      <c r="DOK7" s="9">
        <f t="shared" si="49"/>
        <v>1.019803902718557</v>
      </c>
      <c r="DOL7" s="9">
        <f t="shared" si="49"/>
        <v>1.019803902718557</v>
      </c>
      <c r="DOM7" s="9">
        <f t="shared" si="49"/>
        <v>1.019803902718557</v>
      </c>
      <c r="DON7" s="9">
        <f t="shared" si="49"/>
        <v>1.019803902718557</v>
      </c>
      <c r="DOO7" s="9">
        <f t="shared" si="49"/>
        <v>1.019803902718557</v>
      </c>
      <c r="DOP7" s="9">
        <f t="shared" si="49"/>
        <v>1.019803902718557</v>
      </c>
      <c r="DOQ7" s="9">
        <f t="shared" si="49"/>
        <v>1.019803902718557</v>
      </c>
      <c r="DOR7" s="9">
        <f t="shared" si="49"/>
        <v>1.019803902718557</v>
      </c>
      <c r="DOS7" s="9">
        <f t="shared" si="49"/>
        <v>1.019803902718557</v>
      </c>
      <c r="DOT7" s="9">
        <f t="shared" si="49"/>
        <v>1.019803902718557</v>
      </c>
      <c r="DOU7" s="9">
        <f t="shared" si="49"/>
        <v>1.019803902718557</v>
      </c>
      <c r="DOV7" s="9">
        <f t="shared" si="49"/>
        <v>1.019803902718557</v>
      </c>
      <c r="DOW7" s="9">
        <f t="shared" si="49"/>
        <v>1.019803902718557</v>
      </c>
      <c r="DOX7" s="9">
        <f t="shared" si="49"/>
        <v>1.019803902718557</v>
      </c>
      <c r="DOY7" s="9">
        <f t="shared" si="49"/>
        <v>1.019803902718557</v>
      </c>
      <c r="DOZ7" s="9">
        <f t="shared" si="49"/>
        <v>1.019803902718557</v>
      </c>
      <c r="DPA7" s="9">
        <f t="shared" si="49"/>
        <v>1.019803902718557</v>
      </c>
      <c r="DPB7" s="9">
        <f t="shared" si="49"/>
        <v>1.019803902718557</v>
      </c>
      <c r="DPC7" s="9">
        <f t="shared" si="49"/>
        <v>1.019803902718557</v>
      </c>
      <c r="DPD7" s="9">
        <f t="shared" si="49"/>
        <v>1.019803902718557</v>
      </c>
      <c r="DPE7" s="9">
        <f t="shared" si="49"/>
        <v>1.019803902718557</v>
      </c>
      <c r="DPF7" s="9">
        <f t="shared" si="49"/>
        <v>1.019803902718557</v>
      </c>
      <c r="DPG7" s="9">
        <f t="shared" si="49"/>
        <v>1.019803902718557</v>
      </c>
      <c r="DPH7" s="9">
        <f t="shared" si="49"/>
        <v>1.019803902718557</v>
      </c>
      <c r="DPI7" s="9">
        <f t="shared" si="49"/>
        <v>1.019803902718557</v>
      </c>
      <c r="DPJ7" s="9">
        <f t="shared" si="49"/>
        <v>1.019803902718557</v>
      </c>
      <c r="DPK7" s="9">
        <f t="shared" si="49"/>
        <v>1.019803902718557</v>
      </c>
      <c r="DPL7" s="9">
        <f t="shared" si="49"/>
        <v>1.019803902718557</v>
      </c>
      <c r="DPM7" s="9">
        <f t="shared" si="49"/>
        <v>1.019803902718557</v>
      </c>
      <c r="DPN7" s="9">
        <f t="shared" si="49"/>
        <v>1.019803902718557</v>
      </c>
      <c r="DPO7" s="9">
        <f t="shared" si="49"/>
        <v>1.019803902718557</v>
      </c>
      <c r="DPP7" s="9">
        <f t="shared" si="49"/>
        <v>1.019803902718557</v>
      </c>
      <c r="DPQ7" s="9">
        <f t="shared" si="49"/>
        <v>1.019803902718557</v>
      </c>
      <c r="DPR7" s="9">
        <f t="shared" si="49"/>
        <v>1.019803902718557</v>
      </c>
      <c r="DPS7" s="9">
        <f t="shared" si="49"/>
        <v>1.019803902718557</v>
      </c>
      <c r="DPT7" s="9">
        <f t="shared" si="49"/>
        <v>1.019803902718557</v>
      </c>
      <c r="DPU7" s="9">
        <f t="shared" si="49"/>
        <v>1.019803902718557</v>
      </c>
      <c r="DPV7" s="9">
        <f t="shared" si="49"/>
        <v>1.019803902718557</v>
      </c>
      <c r="DPW7" s="9">
        <f t="shared" si="49"/>
        <v>1.019803902718557</v>
      </c>
      <c r="DPX7" s="9">
        <f t="shared" si="49"/>
        <v>1.019803902718557</v>
      </c>
      <c r="DPY7" s="9">
        <f t="shared" si="49"/>
        <v>1.019803902718557</v>
      </c>
      <c r="DPZ7" s="9">
        <f t="shared" ref="DPZ7:DSK7" si="50">1/((1+$F$6) ^(DPZ3-$F$7))</f>
        <v>1.019803902718557</v>
      </c>
      <c r="DQA7" s="9">
        <f t="shared" si="50"/>
        <v>1.019803902718557</v>
      </c>
      <c r="DQB7" s="9">
        <f t="shared" si="50"/>
        <v>1.019803902718557</v>
      </c>
      <c r="DQC7" s="9">
        <f t="shared" si="50"/>
        <v>1.019803902718557</v>
      </c>
      <c r="DQD7" s="9">
        <f t="shared" si="50"/>
        <v>1.019803902718557</v>
      </c>
      <c r="DQE7" s="9">
        <f t="shared" si="50"/>
        <v>1.019803902718557</v>
      </c>
      <c r="DQF7" s="9">
        <f t="shared" si="50"/>
        <v>1.019803902718557</v>
      </c>
      <c r="DQG7" s="9">
        <f t="shared" si="50"/>
        <v>1.019803902718557</v>
      </c>
      <c r="DQH7" s="9">
        <f t="shared" si="50"/>
        <v>1.019803902718557</v>
      </c>
      <c r="DQI7" s="9">
        <f t="shared" si="50"/>
        <v>1.019803902718557</v>
      </c>
      <c r="DQJ7" s="9">
        <f t="shared" si="50"/>
        <v>1.019803902718557</v>
      </c>
      <c r="DQK7" s="9">
        <f t="shared" si="50"/>
        <v>1.019803902718557</v>
      </c>
      <c r="DQL7" s="9">
        <f t="shared" si="50"/>
        <v>1.019803902718557</v>
      </c>
      <c r="DQM7" s="9">
        <f t="shared" si="50"/>
        <v>1.019803902718557</v>
      </c>
      <c r="DQN7" s="9">
        <f t="shared" si="50"/>
        <v>1.019803902718557</v>
      </c>
      <c r="DQO7" s="9">
        <f t="shared" si="50"/>
        <v>1.019803902718557</v>
      </c>
      <c r="DQP7" s="9">
        <f t="shared" si="50"/>
        <v>1.019803902718557</v>
      </c>
      <c r="DQQ7" s="9">
        <f t="shared" si="50"/>
        <v>1.019803902718557</v>
      </c>
      <c r="DQR7" s="9">
        <f t="shared" si="50"/>
        <v>1.019803902718557</v>
      </c>
      <c r="DQS7" s="9">
        <f t="shared" si="50"/>
        <v>1.019803902718557</v>
      </c>
      <c r="DQT7" s="9">
        <f t="shared" si="50"/>
        <v>1.019803902718557</v>
      </c>
      <c r="DQU7" s="9">
        <f t="shared" si="50"/>
        <v>1.019803902718557</v>
      </c>
      <c r="DQV7" s="9">
        <f t="shared" si="50"/>
        <v>1.019803902718557</v>
      </c>
      <c r="DQW7" s="9">
        <f t="shared" si="50"/>
        <v>1.019803902718557</v>
      </c>
      <c r="DQX7" s="9">
        <f t="shared" si="50"/>
        <v>1.019803902718557</v>
      </c>
      <c r="DQY7" s="9">
        <f t="shared" si="50"/>
        <v>1.019803902718557</v>
      </c>
      <c r="DQZ7" s="9">
        <f t="shared" si="50"/>
        <v>1.019803902718557</v>
      </c>
      <c r="DRA7" s="9">
        <f t="shared" si="50"/>
        <v>1.019803902718557</v>
      </c>
      <c r="DRB7" s="9">
        <f t="shared" si="50"/>
        <v>1.019803902718557</v>
      </c>
      <c r="DRC7" s="9">
        <f t="shared" si="50"/>
        <v>1.019803902718557</v>
      </c>
      <c r="DRD7" s="9">
        <f t="shared" si="50"/>
        <v>1.019803902718557</v>
      </c>
      <c r="DRE7" s="9">
        <f t="shared" si="50"/>
        <v>1.019803902718557</v>
      </c>
      <c r="DRF7" s="9">
        <f t="shared" si="50"/>
        <v>1.019803902718557</v>
      </c>
      <c r="DRG7" s="9">
        <f t="shared" si="50"/>
        <v>1.019803902718557</v>
      </c>
      <c r="DRH7" s="9">
        <f t="shared" si="50"/>
        <v>1.019803902718557</v>
      </c>
      <c r="DRI7" s="9">
        <f t="shared" si="50"/>
        <v>1.019803902718557</v>
      </c>
      <c r="DRJ7" s="9">
        <f t="shared" si="50"/>
        <v>1.019803902718557</v>
      </c>
      <c r="DRK7" s="9">
        <f t="shared" si="50"/>
        <v>1.019803902718557</v>
      </c>
      <c r="DRL7" s="9">
        <f t="shared" si="50"/>
        <v>1.019803902718557</v>
      </c>
      <c r="DRM7" s="9">
        <f t="shared" si="50"/>
        <v>1.019803902718557</v>
      </c>
      <c r="DRN7" s="9">
        <f t="shared" si="50"/>
        <v>1.019803902718557</v>
      </c>
      <c r="DRO7" s="9">
        <f t="shared" si="50"/>
        <v>1.019803902718557</v>
      </c>
      <c r="DRP7" s="9">
        <f t="shared" si="50"/>
        <v>1.019803902718557</v>
      </c>
      <c r="DRQ7" s="9">
        <f t="shared" si="50"/>
        <v>1.019803902718557</v>
      </c>
      <c r="DRR7" s="9">
        <f t="shared" si="50"/>
        <v>1.019803902718557</v>
      </c>
      <c r="DRS7" s="9">
        <f t="shared" si="50"/>
        <v>1.019803902718557</v>
      </c>
      <c r="DRT7" s="9">
        <f t="shared" si="50"/>
        <v>1.019803902718557</v>
      </c>
      <c r="DRU7" s="9">
        <f t="shared" si="50"/>
        <v>1.019803902718557</v>
      </c>
      <c r="DRV7" s="9">
        <f t="shared" si="50"/>
        <v>1.019803902718557</v>
      </c>
      <c r="DRW7" s="9">
        <f t="shared" si="50"/>
        <v>1.019803902718557</v>
      </c>
      <c r="DRX7" s="9">
        <f t="shared" si="50"/>
        <v>1.019803902718557</v>
      </c>
      <c r="DRY7" s="9">
        <f t="shared" si="50"/>
        <v>1.019803902718557</v>
      </c>
      <c r="DRZ7" s="9">
        <f t="shared" si="50"/>
        <v>1.019803902718557</v>
      </c>
      <c r="DSA7" s="9">
        <f t="shared" si="50"/>
        <v>1.019803902718557</v>
      </c>
      <c r="DSB7" s="9">
        <f t="shared" si="50"/>
        <v>1.019803902718557</v>
      </c>
      <c r="DSC7" s="9">
        <f t="shared" si="50"/>
        <v>1.019803902718557</v>
      </c>
      <c r="DSD7" s="9">
        <f t="shared" si="50"/>
        <v>1.019803902718557</v>
      </c>
      <c r="DSE7" s="9">
        <f t="shared" si="50"/>
        <v>1.019803902718557</v>
      </c>
      <c r="DSF7" s="9">
        <f t="shared" si="50"/>
        <v>1.019803902718557</v>
      </c>
      <c r="DSG7" s="9">
        <f t="shared" si="50"/>
        <v>1.019803902718557</v>
      </c>
      <c r="DSH7" s="9">
        <f t="shared" si="50"/>
        <v>1.019803902718557</v>
      </c>
      <c r="DSI7" s="9">
        <f t="shared" si="50"/>
        <v>1.019803902718557</v>
      </c>
      <c r="DSJ7" s="9">
        <f t="shared" si="50"/>
        <v>1.019803902718557</v>
      </c>
      <c r="DSK7" s="9">
        <f t="shared" si="50"/>
        <v>1.019803902718557</v>
      </c>
      <c r="DSL7" s="9">
        <f t="shared" ref="DSL7:DUW7" si="51">1/((1+$F$6) ^(DSL3-$F$7))</f>
        <v>1.019803902718557</v>
      </c>
      <c r="DSM7" s="9">
        <f t="shared" si="51"/>
        <v>1.019803902718557</v>
      </c>
      <c r="DSN7" s="9">
        <f t="shared" si="51"/>
        <v>1.019803902718557</v>
      </c>
      <c r="DSO7" s="9">
        <f t="shared" si="51"/>
        <v>1.019803902718557</v>
      </c>
      <c r="DSP7" s="9">
        <f t="shared" si="51"/>
        <v>1.019803902718557</v>
      </c>
      <c r="DSQ7" s="9">
        <f t="shared" si="51"/>
        <v>1.019803902718557</v>
      </c>
      <c r="DSR7" s="9">
        <f t="shared" si="51"/>
        <v>1.019803902718557</v>
      </c>
      <c r="DSS7" s="9">
        <f t="shared" si="51"/>
        <v>1.019803902718557</v>
      </c>
      <c r="DST7" s="9">
        <f t="shared" si="51"/>
        <v>1.019803902718557</v>
      </c>
      <c r="DSU7" s="9">
        <f t="shared" si="51"/>
        <v>1.019803902718557</v>
      </c>
      <c r="DSV7" s="9">
        <f t="shared" si="51"/>
        <v>1.019803902718557</v>
      </c>
      <c r="DSW7" s="9">
        <f t="shared" si="51"/>
        <v>1.019803902718557</v>
      </c>
      <c r="DSX7" s="9">
        <f t="shared" si="51"/>
        <v>1.019803902718557</v>
      </c>
      <c r="DSY7" s="9">
        <f t="shared" si="51"/>
        <v>1.019803902718557</v>
      </c>
      <c r="DSZ7" s="9">
        <f t="shared" si="51"/>
        <v>1.019803902718557</v>
      </c>
      <c r="DTA7" s="9">
        <f t="shared" si="51"/>
        <v>1.019803902718557</v>
      </c>
      <c r="DTB7" s="9">
        <f t="shared" si="51"/>
        <v>1.019803902718557</v>
      </c>
      <c r="DTC7" s="9">
        <f t="shared" si="51"/>
        <v>1.019803902718557</v>
      </c>
      <c r="DTD7" s="9">
        <f t="shared" si="51"/>
        <v>1.019803902718557</v>
      </c>
      <c r="DTE7" s="9">
        <f t="shared" si="51"/>
        <v>1.019803902718557</v>
      </c>
      <c r="DTF7" s="9">
        <f t="shared" si="51"/>
        <v>1.019803902718557</v>
      </c>
      <c r="DTG7" s="9">
        <f t="shared" si="51"/>
        <v>1.019803902718557</v>
      </c>
      <c r="DTH7" s="9">
        <f t="shared" si="51"/>
        <v>1.019803902718557</v>
      </c>
      <c r="DTI7" s="9">
        <f t="shared" si="51"/>
        <v>1.019803902718557</v>
      </c>
      <c r="DTJ7" s="9">
        <f t="shared" si="51"/>
        <v>1.019803902718557</v>
      </c>
      <c r="DTK7" s="9">
        <f t="shared" si="51"/>
        <v>1.019803902718557</v>
      </c>
      <c r="DTL7" s="9">
        <f t="shared" si="51"/>
        <v>1.019803902718557</v>
      </c>
      <c r="DTM7" s="9">
        <f t="shared" si="51"/>
        <v>1.019803902718557</v>
      </c>
      <c r="DTN7" s="9">
        <f t="shared" si="51"/>
        <v>1.019803902718557</v>
      </c>
      <c r="DTO7" s="9">
        <f t="shared" si="51"/>
        <v>1.019803902718557</v>
      </c>
      <c r="DTP7" s="9">
        <f t="shared" si="51"/>
        <v>1.019803902718557</v>
      </c>
      <c r="DTQ7" s="9">
        <f t="shared" si="51"/>
        <v>1.019803902718557</v>
      </c>
      <c r="DTR7" s="9">
        <f t="shared" si="51"/>
        <v>1.019803902718557</v>
      </c>
      <c r="DTS7" s="9">
        <f t="shared" si="51"/>
        <v>1.019803902718557</v>
      </c>
      <c r="DTT7" s="9">
        <f t="shared" si="51"/>
        <v>1.019803902718557</v>
      </c>
      <c r="DTU7" s="9">
        <f t="shared" si="51"/>
        <v>1.019803902718557</v>
      </c>
      <c r="DTV7" s="9">
        <f t="shared" si="51"/>
        <v>1.019803902718557</v>
      </c>
      <c r="DTW7" s="9">
        <f t="shared" si="51"/>
        <v>1.019803902718557</v>
      </c>
      <c r="DTX7" s="9">
        <f t="shared" si="51"/>
        <v>1.019803902718557</v>
      </c>
      <c r="DTY7" s="9">
        <f t="shared" si="51"/>
        <v>1.019803902718557</v>
      </c>
      <c r="DTZ7" s="9">
        <f t="shared" si="51"/>
        <v>1.019803902718557</v>
      </c>
      <c r="DUA7" s="9">
        <f t="shared" si="51"/>
        <v>1.019803902718557</v>
      </c>
      <c r="DUB7" s="9">
        <f t="shared" si="51"/>
        <v>1.019803902718557</v>
      </c>
      <c r="DUC7" s="9">
        <f t="shared" si="51"/>
        <v>1.019803902718557</v>
      </c>
      <c r="DUD7" s="9">
        <f t="shared" si="51"/>
        <v>1.019803902718557</v>
      </c>
      <c r="DUE7" s="9">
        <f t="shared" si="51"/>
        <v>1.019803902718557</v>
      </c>
      <c r="DUF7" s="9">
        <f t="shared" si="51"/>
        <v>1.019803902718557</v>
      </c>
      <c r="DUG7" s="9">
        <f t="shared" si="51"/>
        <v>1.019803902718557</v>
      </c>
      <c r="DUH7" s="9">
        <f t="shared" si="51"/>
        <v>1.019803902718557</v>
      </c>
      <c r="DUI7" s="9">
        <f t="shared" si="51"/>
        <v>1.019803902718557</v>
      </c>
      <c r="DUJ7" s="9">
        <f t="shared" si="51"/>
        <v>1.019803902718557</v>
      </c>
      <c r="DUK7" s="9">
        <f t="shared" si="51"/>
        <v>1.019803902718557</v>
      </c>
      <c r="DUL7" s="9">
        <f t="shared" si="51"/>
        <v>1.019803902718557</v>
      </c>
      <c r="DUM7" s="9">
        <f t="shared" si="51"/>
        <v>1.019803902718557</v>
      </c>
      <c r="DUN7" s="9">
        <f t="shared" si="51"/>
        <v>1.019803902718557</v>
      </c>
      <c r="DUO7" s="9">
        <f t="shared" si="51"/>
        <v>1.019803902718557</v>
      </c>
      <c r="DUP7" s="9">
        <f t="shared" si="51"/>
        <v>1.019803902718557</v>
      </c>
      <c r="DUQ7" s="9">
        <f t="shared" si="51"/>
        <v>1.019803902718557</v>
      </c>
      <c r="DUR7" s="9">
        <f t="shared" si="51"/>
        <v>1.019803902718557</v>
      </c>
      <c r="DUS7" s="9">
        <f t="shared" si="51"/>
        <v>1.019803902718557</v>
      </c>
      <c r="DUT7" s="9">
        <f t="shared" si="51"/>
        <v>1.019803902718557</v>
      </c>
      <c r="DUU7" s="9">
        <f t="shared" si="51"/>
        <v>1.019803902718557</v>
      </c>
      <c r="DUV7" s="9">
        <f t="shared" si="51"/>
        <v>1.019803902718557</v>
      </c>
      <c r="DUW7" s="9">
        <f t="shared" si="51"/>
        <v>1.019803902718557</v>
      </c>
      <c r="DUX7" s="9">
        <f t="shared" ref="DUX7:DXI7" si="52">1/((1+$F$6) ^(DUX3-$F$7))</f>
        <v>1.019803902718557</v>
      </c>
      <c r="DUY7" s="9">
        <f t="shared" si="52"/>
        <v>1.019803902718557</v>
      </c>
      <c r="DUZ7" s="9">
        <f t="shared" si="52"/>
        <v>1.019803902718557</v>
      </c>
      <c r="DVA7" s="9">
        <f t="shared" si="52"/>
        <v>1.019803902718557</v>
      </c>
      <c r="DVB7" s="9">
        <f t="shared" si="52"/>
        <v>1.019803902718557</v>
      </c>
      <c r="DVC7" s="9">
        <f t="shared" si="52"/>
        <v>1.019803902718557</v>
      </c>
      <c r="DVD7" s="9">
        <f t="shared" si="52"/>
        <v>1.019803902718557</v>
      </c>
      <c r="DVE7" s="9">
        <f t="shared" si="52"/>
        <v>1.019803902718557</v>
      </c>
      <c r="DVF7" s="9">
        <f t="shared" si="52"/>
        <v>1.019803902718557</v>
      </c>
      <c r="DVG7" s="9">
        <f t="shared" si="52"/>
        <v>1.019803902718557</v>
      </c>
      <c r="DVH7" s="9">
        <f t="shared" si="52"/>
        <v>1.019803902718557</v>
      </c>
      <c r="DVI7" s="9">
        <f t="shared" si="52"/>
        <v>1.019803902718557</v>
      </c>
      <c r="DVJ7" s="9">
        <f t="shared" si="52"/>
        <v>1.019803902718557</v>
      </c>
      <c r="DVK7" s="9">
        <f t="shared" si="52"/>
        <v>1.019803902718557</v>
      </c>
      <c r="DVL7" s="9">
        <f t="shared" si="52"/>
        <v>1.019803902718557</v>
      </c>
      <c r="DVM7" s="9">
        <f t="shared" si="52"/>
        <v>1.019803902718557</v>
      </c>
      <c r="DVN7" s="9">
        <f t="shared" si="52"/>
        <v>1.019803902718557</v>
      </c>
      <c r="DVO7" s="9">
        <f t="shared" si="52"/>
        <v>1.019803902718557</v>
      </c>
      <c r="DVP7" s="9">
        <f t="shared" si="52"/>
        <v>1.019803902718557</v>
      </c>
      <c r="DVQ7" s="9">
        <f t="shared" si="52"/>
        <v>1.019803902718557</v>
      </c>
      <c r="DVR7" s="9">
        <f t="shared" si="52"/>
        <v>1.019803902718557</v>
      </c>
      <c r="DVS7" s="9">
        <f t="shared" si="52"/>
        <v>1.019803902718557</v>
      </c>
      <c r="DVT7" s="9">
        <f t="shared" si="52"/>
        <v>1.019803902718557</v>
      </c>
      <c r="DVU7" s="9">
        <f t="shared" si="52"/>
        <v>1.019803902718557</v>
      </c>
      <c r="DVV7" s="9">
        <f t="shared" si="52"/>
        <v>1.019803902718557</v>
      </c>
      <c r="DVW7" s="9">
        <f t="shared" si="52"/>
        <v>1.019803902718557</v>
      </c>
      <c r="DVX7" s="9">
        <f t="shared" si="52"/>
        <v>1.019803902718557</v>
      </c>
      <c r="DVY7" s="9">
        <f t="shared" si="52"/>
        <v>1.019803902718557</v>
      </c>
      <c r="DVZ7" s="9">
        <f t="shared" si="52"/>
        <v>1.019803902718557</v>
      </c>
      <c r="DWA7" s="9">
        <f t="shared" si="52"/>
        <v>1.019803902718557</v>
      </c>
      <c r="DWB7" s="9">
        <f t="shared" si="52"/>
        <v>1.019803902718557</v>
      </c>
      <c r="DWC7" s="9">
        <f t="shared" si="52"/>
        <v>1.019803902718557</v>
      </c>
      <c r="DWD7" s="9">
        <f t="shared" si="52"/>
        <v>1.019803902718557</v>
      </c>
      <c r="DWE7" s="9">
        <f t="shared" si="52"/>
        <v>1.019803902718557</v>
      </c>
      <c r="DWF7" s="9">
        <f t="shared" si="52"/>
        <v>1.019803902718557</v>
      </c>
      <c r="DWG7" s="9">
        <f t="shared" si="52"/>
        <v>1.019803902718557</v>
      </c>
      <c r="DWH7" s="9">
        <f t="shared" si="52"/>
        <v>1.019803902718557</v>
      </c>
      <c r="DWI7" s="9">
        <f t="shared" si="52"/>
        <v>1.019803902718557</v>
      </c>
      <c r="DWJ7" s="9">
        <f t="shared" si="52"/>
        <v>1.019803902718557</v>
      </c>
      <c r="DWK7" s="9">
        <f t="shared" si="52"/>
        <v>1.019803902718557</v>
      </c>
      <c r="DWL7" s="9">
        <f t="shared" si="52"/>
        <v>1.019803902718557</v>
      </c>
      <c r="DWM7" s="9">
        <f t="shared" si="52"/>
        <v>1.019803902718557</v>
      </c>
      <c r="DWN7" s="9">
        <f t="shared" si="52"/>
        <v>1.019803902718557</v>
      </c>
      <c r="DWO7" s="9">
        <f t="shared" si="52"/>
        <v>1.019803902718557</v>
      </c>
      <c r="DWP7" s="9">
        <f t="shared" si="52"/>
        <v>1.019803902718557</v>
      </c>
      <c r="DWQ7" s="9">
        <f t="shared" si="52"/>
        <v>1.019803902718557</v>
      </c>
      <c r="DWR7" s="9">
        <f t="shared" si="52"/>
        <v>1.019803902718557</v>
      </c>
      <c r="DWS7" s="9">
        <f t="shared" si="52"/>
        <v>1.019803902718557</v>
      </c>
      <c r="DWT7" s="9">
        <f t="shared" si="52"/>
        <v>1.019803902718557</v>
      </c>
      <c r="DWU7" s="9">
        <f t="shared" si="52"/>
        <v>1.019803902718557</v>
      </c>
      <c r="DWV7" s="9">
        <f t="shared" si="52"/>
        <v>1.019803902718557</v>
      </c>
      <c r="DWW7" s="9">
        <f t="shared" si="52"/>
        <v>1.019803902718557</v>
      </c>
      <c r="DWX7" s="9">
        <f t="shared" si="52"/>
        <v>1.019803902718557</v>
      </c>
      <c r="DWY7" s="9">
        <f t="shared" si="52"/>
        <v>1.019803902718557</v>
      </c>
      <c r="DWZ7" s="9">
        <f t="shared" si="52"/>
        <v>1.019803902718557</v>
      </c>
      <c r="DXA7" s="9">
        <f t="shared" si="52"/>
        <v>1.019803902718557</v>
      </c>
      <c r="DXB7" s="9">
        <f t="shared" si="52"/>
        <v>1.019803902718557</v>
      </c>
      <c r="DXC7" s="9">
        <f t="shared" si="52"/>
        <v>1.019803902718557</v>
      </c>
      <c r="DXD7" s="9">
        <f t="shared" si="52"/>
        <v>1.019803902718557</v>
      </c>
      <c r="DXE7" s="9">
        <f t="shared" si="52"/>
        <v>1.019803902718557</v>
      </c>
      <c r="DXF7" s="9">
        <f t="shared" si="52"/>
        <v>1.019803902718557</v>
      </c>
      <c r="DXG7" s="9">
        <f t="shared" si="52"/>
        <v>1.019803902718557</v>
      </c>
      <c r="DXH7" s="9">
        <f t="shared" si="52"/>
        <v>1.019803902718557</v>
      </c>
      <c r="DXI7" s="9">
        <f t="shared" si="52"/>
        <v>1.019803902718557</v>
      </c>
      <c r="DXJ7" s="9">
        <f t="shared" ref="DXJ7:DZU7" si="53">1/((1+$F$6) ^(DXJ3-$F$7))</f>
        <v>1.019803902718557</v>
      </c>
      <c r="DXK7" s="9">
        <f t="shared" si="53"/>
        <v>1.019803902718557</v>
      </c>
      <c r="DXL7" s="9">
        <f t="shared" si="53"/>
        <v>1.019803902718557</v>
      </c>
      <c r="DXM7" s="9">
        <f t="shared" si="53"/>
        <v>1.019803902718557</v>
      </c>
      <c r="DXN7" s="9">
        <f t="shared" si="53"/>
        <v>1.019803902718557</v>
      </c>
      <c r="DXO7" s="9">
        <f t="shared" si="53"/>
        <v>1.019803902718557</v>
      </c>
      <c r="DXP7" s="9">
        <f t="shared" si="53"/>
        <v>1.019803902718557</v>
      </c>
      <c r="DXQ7" s="9">
        <f t="shared" si="53"/>
        <v>1.019803902718557</v>
      </c>
      <c r="DXR7" s="9">
        <f t="shared" si="53"/>
        <v>1.019803902718557</v>
      </c>
      <c r="DXS7" s="9">
        <f t="shared" si="53"/>
        <v>1.019803902718557</v>
      </c>
      <c r="DXT7" s="9">
        <f t="shared" si="53"/>
        <v>1.019803902718557</v>
      </c>
      <c r="DXU7" s="9">
        <f t="shared" si="53"/>
        <v>1.019803902718557</v>
      </c>
      <c r="DXV7" s="9">
        <f t="shared" si="53"/>
        <v>1.019803902718557</v>
      </c>
      <c r="DXW7" s="9">
        <f t="shared" si="53"/>
        <v>1.019803902718557</v>
      </c>
      <c r="DXX7" s="9">
        <f t="shared" si="53"/>
        <v>1.019803902718557</v>
      </c>
      <c r="DXY7" s="9">
        <f t="shared" si="53"/>
        <v>1.019803902718557</v>
      </c>
      <c r="DXZ7" s="9">
        <f t="shared" si="53"/>
        <v>1.019803902718557</v>
      </c>
      <c r="DYA7" s="9">
        <f t="shared" si="53"/>
        <v>1.019803902718557</v>
      </c>
      <c r="DYB7" s="9">
        <f t="shared" si="53"/>
        <v>1.019803902718557</v>
      </c>
      <c r="DYC7" s="9">
        <f t="shared" si="53"/>
        <v>1.019803902718557</v>
      </c>
      <c r="DYD7" s="9">
        <f t="shared" si="53"/>
        <v>1.019803902718557</v>
      </c>
      <c r="DYE7" s="9">
        <f t="shared" si="53"/>
        <v>1.019803902718557</v>
      </c>
      <c r="DYF7" s="9">
        <f t="shared" si="53"/>
        <v>1.019803902718557</v>
      </c>
      <c r="DYG7" s="9">
        <f t="shared" si="53"/>
        <v>1.019803902718557</v>
      </c>
      <c r="DYH7" s="9">
        <f t="shared" si="53"/>
        <v>1.019803902718557</v>
      </c>
      <c r="DYI7" s="9">
        <f t="shared" si="53"/>
        <v>1.019803902718557</v>
      </c>
      <c r="DYJ7" s="9">
        <f t="shared" si="53"/>
        <v>1.019803902718557</v>
      </c>
      <c r="DYK7" s="9">
        <f t="shared" si="53"/>
        <v>1.019803902718557</v>
      </c>
      <c r="DYL7" s="9">
        <f t="shared" si="53"/>
        <v>1.019803902718557</v>
      </c>
      <c r="DYM7" s="9">
        <f t="shared" si="53"/>
        <v>1.019803902718557</v>
      </c>
      <c r="DYN7" s="9">
        <f t="shared" si="53"/>
        <v>1.019803902718557</v>
      </c>
      <c r="DYO7" s="9">
        <f t="shared" si="53"/>
        <v>1.019803902718557</v>
      </c>
      <c r="DYP7" s="9">
        <f t="shared" si="53"/>
        <v>1.019803902718557</v>
      </c>
      <c r="DYQ7" s="9">
        <f t="shared" si="53"/>
        <v>1.019803902718557</v>
      </c>
      <c r="DYR7" s="9">
        <f t="shared" si="53"/>
        <v>1.019803902718557</v>
      </c>
      <c r="DYS7" s="9">
        <f t="shared" si="53"/>
        <v>1.019803902718557</v>
      </c>
      <c r="DYT7" s="9">
        <f t="shared" si="53"/>
        <v>1.019803902718557</v>
      </c>
      <c r="DYU7" s="9">
        <f t="shared" si="53"/>
        <v>1.019803902718557</v>
      </c>
      <c r="DYV7" s="9">
        <f t="shared" si="53"/>
        <v>1.019803902718557</v>
      </c>
      <c r="DYW7" s="9">
        <f t="shared" si="53"/>
        <v>1.019803902718557</v>
      </c>
      <c r="DYX7" s="9">
        <f t="shared" si="53"/>
        <v>1.019803902718557</v>
      </c>
      <c r="DYY7" s="9">
        <f t="shared" si="53"/>
        <v>1.019803902718557</v>
      </c>
      <c r="DYZ7" s="9">
        <f t="shared" si="53"/>
        <v>1.019803902718557</v>
      </c>
      <c r="DZA7" s="9">
        <f t="shared" si="53"/>
        <v>1.019803902718557</v>
      </c>
      <c r="DZB7" s="9">
        <f t="shared" si="53"/>
        <v>1.019803902718557</v>
      </c>
      <c r="DZC7" s="9">
        <f t="shared" si="53"/>
        <v>1.019803902718557</v>
      </c>
      <c r="DZD7" s="9">
        <f t="shared" si="53"/>
        <v>1.019803902718557</v>
      </c>
      <c r="DZE7" s="9">
        <f t="shared" si="53"/>
        <v>1.019803902718557</v>
      </c>
      <c r="DZF7" s="9">
        <f t="shared" si="53"/>
        <v>1.019803902718557</v>
      </c>
      <c r="DZG7" s="9">
        <f t="shared" si="53"/>
        <v>1.019803902718557</v>
      </c>
      <c r="DZH7" s="9">
        <f t="shared" si="53"/>
        <v>1.019803902718557</v>
      </c>
      <c r="DZI7" s="9">
        <f t="shared" si="53"/>
        <v>1.019803902718557</v>
      </c>
      <c r="DZJ7" s="9">
        <f t="shared" si="53"/>
        <v>1.019803902718557</v>
      </c>
      <c r="DZK7" s="9">
        <f t="shared" si="53"/>
        <v>1.019803902718557</v>
      </c>
      <c r="DZL7" s="9">
        <f t="shared" si="53"/>
        <v>1.019803902718557</v>
      </c>
      <c r="DZM7" s="9">
        <f t="shared" si="53"/>
        <v>1.019803902718557</v>
      </c>
      <c r="DZN7" s="9">
        <f t="shared" si="53"/>
        <v>1.019803902718557</v>
      </c>
      <c r="DZO7" s="9">
        <f t="shared" si="53"/>
        <v>1.019803902718557</v>
      </c>
      <c r="DZP7" s="9">
        <f t="shared" si="53"/>
        <v>1.019803902718557</v>
      </c>
      <c r="DZQ7" s="9">
        <f t="shared" si="53"/>
        <v>1.019803902718557</v>
      </c>
      <c r="DZR7" s="9">
        <f t="shared" si="53"/>
        <v>1.019803902718557</v>
      </c>
      <c r="DZS7" s="9">
        <f t="shared" si="53"/>
        <v>1.019803902718557</v>
      </c>
      <c r="DZT7" s="9">
        <f t="shared" si="53"/>
        <v>1.019803902718557</v>
      </c>
      <c r="DZU7" s="9">
        <f t="shared" si="53"/>
        <v>1.019803902718557</v>
      </c>
      <c r="DZV7" s="9">
        <f t="shared" ref="DZV7:ECG7" si="54">1/((1+$F$6) ^(DZV3-$F$7))</f>
        <v>1.019803902718557</v>
      </c>
      <c r="DZW7" s="9">
        <f t="shared" si="54"/>
        <v>1.019803902718557</v>
      </c>
      <c r="DZX7" s="9">
        <f t="shared" si="54"/>
        <v>1.019803902718557</v>
      </c>
      <c r="DZY7" s="9">
        <f t="shared" si="54"/>
        <v>1.019803902718557</v>
      </c>
      <c r="DZZ7" s="9">
        <f t="shared" si="54"/>
        <v>1.019803902718557</v>
      </c>
      <c r="EAA7" s="9">
        <f t="shared" si="54"/>
        <v>1.019803902718557</v>
      </c>
      <c r="EAB7" s="9">
        <f t="shared" si="54"/>
        <v>1.019803902718557</v>
      </c>
      <c r="EAC7" s="9">
        <f t="shared" si="54"/>
        <v>1.019803902718557</v>
      </c>
      <c r="EAD7" s="9">
        <f t="shared" si="54"/>
        <v>1.019803902718557</v>
      </c>
      <c r="EAE7" s="9">
        <f t="shared" si="54"/>
        <v>1.019803902718557</v>
      </c>
      <c r="EAF7" s="9">
        <f t="shared" si="54"/>
        <v>1.019803902718557</v>
      </c>
      <c r="EAG7" s="9">
        <f t="shared" si="54"/>
        <v>1.019803902718557</v>
      </c>
      <c r="EAH7" s="9">
        <f t="shared" si="54"/>
        <v>1.019803902718557</v>
      </c>
      <c r="EAI7" s="9">
        <f t="shared" si="54"/>
        <v>1.019803902718557</v>
      </c>
      <c r="EAJ7" s="9">
        <f t="shared" si="54"/>
        <v>1.019803902718557</v>
      </c>
      <c r="EAK7" s="9">
        <f t="shared" si="54"/>
        <v>1.019803902718557</v>
      </c>
      <c r="EAL7" s="9">
        <f t="shared" si="54"/>
        <v>1.019803902718557</v>
      </c>
      <c r="EAM7" s="9">
        <f t="shared" si="54"/>
        <v>1.019803902718557</v>
      </c>
      <c r="EAN7" s="9">
        <f t="shared" si="54"/>
        <v>1.019803902718557</v>
      </c>
      <c r="EAO7" s="9">
        <f t="shared" si="54"/>
        <v>1.019803902718557</v>
      </c>
      <c r="EAP7" s="9">
        <f t="shared" si="54"/>
        <v>1.019803902718557</v>
      </c>
      <c r="EAQ7" s="9">
        <f t="shared" si="54"/>
        <v>1.019803902718557</v>
      </c>
      <c r="EAR7" s="9">
        <f t="shared" si="54"/>
        <v>1.019803902718557</v>
      </c>
      <c r="EAS7" s="9">
        <f t="shared" si="54"/>
        <v>1.019803902718557</v>
      </c>
      <c r="EAT7" s="9">
        <f t="shared" si="54"/>
        <v>1.019803902718557</v>
      </c>
      <c r="EAU7" s="9">
        <f t="shared" si="54"/>
        <v>1.019803902718557</v>
      </c>
      <c r="EAV7" s="9">
        <f t="shared" si="54"/>
        <v>1.019803902718557</v>
      </c>
      <c r="EAW7" s="9">
        <f t="shared" si="54"/>
        <v>1.019803902718557</v>
      </c>
      <c r="EAX7" s="9">
        <f t="shared" si="54"/>
        <v>1.019803902718557</v>
      </c>
      <c r="EAY7" s="9">
        <f t="shared" si="54"/>
        <v>1.019803902718557</v>
      </c>
      <c r="EAZ7" s="9">
        <f t="shared" si="54"/>
        <v>1.019803902718557</v>
      </c>
      <c r="EBA7" s="9">
        <f t="shared" si="54"/>
        <v>1.019803902718557</v>
      </c>
      <c r="EBB7" s="9">
        <f t="shared" si="54"/>
        <v>1.019803902718557</v>
      </c>
      <c r="EBC7" s="9">
        <f t="shared" si="54"/>
        <v>1.019803902718557</v>
      </c>
      <c r="EBD7" s="9">
        <f t="shared" si="54"/>
        <v>1.019803902718557</v>
      </c>
      <c r="EBE7" s="9">
        <f t="shared" si="54"/>
        <v>1.019803902718557</v>
      </c>
      <c r="EBF7" s="9">
        <f t="shared" si="54"/>
        <v>1.019803902718557</v>
      </c>
      <c r="EBG7" s="9">
        <f t="shared" si="54"/>
        <v>1.019803902718557</v>
      </c>
      <c r="EBH7" s="9">
        <f t="shared" si="54"/>
        <v>1.019803902718557</v>
      </c>
      <c r="EBI7" s="9">
        <f t="shared" si="54"/>
        <v>1.019803902718557</v>
      </c>
      <c r="EBJ7" s="9">
        <f t="shared" si="54"/>
        <v>1.019803902718557</v>
      </c>
      <c r="EBK7" s="9">
        <f t="shared" si="54"/>
        <v>1.019803902718557</v>
      </c>
      <c r="EBL7" s="9">
        <f t="shared" si="54"/>
        <v>1.019803902718557</v>
      </c>
      <c r="EBM7" s="9">
        <f t="shared" si="54"/>
        <v>1.019803902718557</v>
      </c>
      <c r="EBN7" s="9">
        <f t="shared" si="54"/>
        <v>1.019803902718557</v>
      </c>
      <c r="EBO7" s="9">
        <f t="shared" si="54"/>
        <v>1.019803902718557</v>
      </c>
      <c r="EBP7" s="9">
        <f t="shared" si="54"/>
        <v>1.019803902718557</v>
      </c>
      <c r="EBQ7" s="9">
        <f t="shared" si="54"/>
        <v>1.019803902718557</v>
      </c>
      <c r="EBR7" s="9">
        <f t="shared" si="54"/>
        <v>1.019803902718557</v>
      </c>
      <c r="EBS7" s="9">
        <f t="shared" si="54"/>
        <v>1.019803902718557</v>
      </c>
      <c r="EBT7" s="9">
        <f t="shared" si="54"/>
        <v>1.019803902718557</v>
      </c>
      <c r="EBU7" s="9">
        <f t="shared" si="54"/>
        <v>1.019803902718557</v>
      </c>
      <c r="EBV7" s="9">
        <f t="shared" si="54"/>
        <v>1.019803902718557</v>
      </c>
      <c r="EBW7" s="9">
        <f t="shared" si="54"/>
        <v>1.019803902718557</v>
      </c>
      <c r="EBX7" s="9">
        <f t="shared" si="54"/>
        <v>1.019803902718557</v>
      </c>
      <c r="EBY7" s="9">
        <f t="shared" si="54"/>
        <v>1.019803902718557</v>
      </c>
      <c r="EBZ7" s="9">
        <f t="shared" si="54"/>
        <v>1.019803902718557</v>
      </c>
      <c r="ECA7" s="9">
        <f t="shared" si="54"/>
        <v>1.019803902718557</v>
      </c>
      <c r="ECB7" s="9">
        <f t="shared" si="54"/>
        <v>1.019803902718557</v>
      </c>
      <c r="ECC7" s="9">
        <f t="shared" si="54"/>
        <v>1.019803902718557</v>
      </c>
      <c r="ECD7" s="9">
        <f t="shared" si="54"/>
        <v>1.019803902718557</v>
      </c>
      <c r="ECE7" s="9">
        <f t="shared" si="54"/>
        <v>1.019803902718557</v>
      </c>
      <c r="ECF7" s="9">
        <f t="shared" si="54"/>
        <v>1.019803902718557</v>
      </c>
      <c r="ECG7" s="9">
        <f t="shared" si="54"/>
        <v>1.019803902718557</v>
      </c>
      <c r="ECH7" s="9">
        <f t="shared" ref="ECH7:EES7" si="55">1/((1+$F$6) ^(ECH3-$F$7))</f>
        <v>1.019803902718557</v>
      </c>
      <c r="ECI7" s="9">
        <f t="shared" si="55"/>
        <v>1.019803902718557</v>
      </c>
      <c r="ECJ7" s="9">
        <f t="shared" si="55"/>
        <v>1.019803902718557</v>
      </c>
      <c r="ECK7" s="9">
        <f t="shared" si="55"/>
        <v>1.019803902718557</v>
      </c>
      <c r="ECL7" s="9">
        <f t="shared" si="55"/>
        <v>1.019803902718557</v>
      </c>
      <c r="ECM7" s="9">
        <f t="shared" si="55"/>
        <v>1.019803902718557</v>
      </c>
      <c r="ECN7" s="9">
        <f t="shared" si="55"/>
        <v>1.019803902718557</v>
      </c>
      <c r="ECO7" s="9">
        <f t="shared" si="55"/>
        <v>1.019803902718557</v>
      </c>
      <c r="ECP7" s="9">
        <f t="shared" si="55"/>
        <v>1.019803902718557</v>
      </c>
      <c r="ECQ7" s="9">
        <f t="shared" si="55"/>
        <v>1.019803902718557</v>
      </c>
      <c r="ECR7" s="9">
        <f t="shared" si="55"/>
        <v>1.019803902718557</v>
      </c>
      <c r="ECS7" s="9">
        <f t="shared" si="55"/>
        <v>1.019803902718557</v>
      </c>
      <c r="ECT7" s="9">
        <f t="shared" si="55"/>
        <v>1.019803902718557</v>
      </c>
      <c r="ECU7" s="9">
        <f t="shared" si="55"/>
        <v>1.019803902718557</v>
      </c>
      <c r="ECV7" s="9">
        <f t="shared" si="55"/>
        <v>1.019803902718557</v>
      </c>
      <c r="ECW7" s="9">
        <f t="shared" si="55"/>
        <v>1.019803902718557</v>
      </c>
      <c r="ECX7" s="9">
        <f t="shared" si="55"/>
        <v>1.019803902718557</v>
      </c>
      <c r="ECY7" s="9">
        <f t="shared" si="55"/>
        <v>1.019803902718557</v>
      </c>
      <c r="ECZ7" s="9">
        <f t="shared" si="55"/>
        <v>1.019803902718557</v>
      </c>
      <c r="EDA7" s="9">
        <f t="shared" si="55"/>
        <v>1.019803902718557</v>
      </c>
      <c r="EDB7" s="9">
        <f t="shared" si="55"/>
        <v>1.019803902718557</v>
      </c>
      <c r="EDC7" s="9">
        <f t="shared" si="55"/>
        <v>1.019803902718557</v>
      </c>
      <c r="EDD7" s="9">
        <f t="shared" si="55"/>
        <v>1.019803902718557</v>
      </c>
      <c r="EDE7" s="9">
        <f t="shared" si="55"/>
        <v>1.019803902718557</v>
      </c>
      <c r="EDF7" s="9">
        <f t="shared" si="55"/>
        <v>1.019803902718557</v>
      </c>
      <c r="EDG7" s="9">
        <f t="shared" si="55"/>
        <v>1.019803902718557</v>
      </c>
      <c r="EDH7" s="9">
        <f t="shared" si="55"/>
        <v>1.019803902718557</v>
      </c>
      <c r="EDI7" s="9">
        <f t="shared" si="55"/>
        <v>1.019803902718557</v>
      </c>
      <c r="EDJ7" s="9">
        <f t="shared" si="55"/>
        <v>1.019803902718557</v>
      </c>
      <c r="EDK7" s="9">
        <f t="shared" si="55"/>
        <v>1.019803902718557</v>
      </c>
      <c r="EDL7" s="9">
        <f t="shared" si="55"/>
        <v>1.019803902718557</v>
      </c>
      <c r="EDM7" s="9">
        <f t="shared" si="55"/>
        <v>1.019803902718557</v>
      </c>
      <c r="EDN7" s="9">
        <f t="shared" si="55"/>
        <v>1.019803902718557</v>
      </c>
      <c r="EDO7" s="9">
        <f t="shared" si="55"/>
        <v>1.019803902718557</v>
      </c>
      <c r="EDP7" s="9">
        <f t="shared" si="55"/>
        <v>1.019803902718557</v>
      </c>
      <c r="EDQ7" s="9">
        <f t="shared" si="55"/>
        <v>1.019803902718557</v>
      </c>
      <c r="EDR7" s="9">
        <f t="shared" si="55"/>
        <v>1.019803902718557</v>
      </c>
      <c r="EDS7" s="9">
        <f t="shared" si="55"/>
        <v>1.019803902718557</v>
      </c>
      <c r="EDT7" s="9">
        <f t="shared" si="55"/>
        <v>1.019803902718557</v>
      </c>
      <c r="EDU7" s="9">
        <f t="shared" si="55"/>
        <v>1.019803902718557</v>
      </c>
      <c r="EDV7" s="9">
        <f t="shared" si="55"/>
        <v>1.019803902718557</v>
      </c>
      <c r="EDW7" s="9">
        <f t="shared" si="55"/>
        <v>1.019803902718557</v>
      </c>
      <c r="EDX7" s="9">
        <f t="shared" si="55"/>
        <v>1.019803902718557</v>
      </c>
      <c r="EDY7" s="9">
        <f t="shared" si="55"/>
        <v>1.019803902718557</v>
      </c>
      <c r="EDZ7" s="9">
        <f t="shared" si="55"/>
        <v>1.019803902718557</v>
      </c>
      <c r="EEA7" s="9">
        <f t="shared" si="55"/>
        <v>1.019803902718557</v>
      </c>
      <c r="EEB7" s="9">
        <f t="shared" si="55"/>
        <v>1.019803902718557</v>
      </c>
      <c r="EEC7" s="9">
        <f t="shared" si="55"/>
        <v>1.019803902718557</v>
      </c>
      <c r="EED7" s="9">
        <f t="shared" si="55"/>
        <v>1.019803902718557</v>
      </c>
      <c r="EEE7" s="9">
        <f t="shared" si="55"/>
        <v>1.019803902718557</v>
      </c>
      <c r="EEF7" s="9">
        <f t="shared" si="55"/>
        <v>1.019803902718557</v>
      </c>
      <c r="EEG7" s="9">
        <f t="shared" si="55"/>
        <v>1.019803902718557</v>
      </c>
      <c r="EEH7" s="9">
        <f t="shared" si="55"/>
        <v>1.019803902718557</v>
      </c>
      <c r="EEI7" s="9">
        <f t="shared" si="55"/>
        <v>1.019803902718557</v>
      </c>
      <c r="EEJ7" s="9">
        <f t="shared" si="55"/>
        <v>1.019803902718557</v>
      </c>
      <c r="EEK7" s="9">
        <f t="shared" si="55"/>
        <v>1.019803902718557</v>
      </c>
      <c r="EEL7" s="9">
        <f t="shared" si="55"/>
        <v>1.019803902718557</v>
      </c>
      <c r="EEM7" s="9">
        <f t="shared" si="55"/>
        <v>1.019803902718557</v>
      </c>
      <c r="EEN7" s="9">
        <f t="shared" si="55"/>
        <v>1.019803902718557</v>
      </c>
      <c r="EEO7" s="9">
        <f t="shared" si="55"/>
        <v>1.019803902718557</v>
      </c>
      <c r="EEP7" s="9">
        <f t="shared" si="55"/>
        <v>1.019803902718557</v>
      </c>
      <c r="EEQ7" s="9">
        <f t="shared" si="55"/>
        <v>1.019803902718557</v>
      </c>
      <c r="EER7" s="9">
        <f t="shared" si="55"/>
        <v>1.019803902718557</v>
      </c>
      <c r="EES7" s="9">
        <f t="shared" si="55"/>
        <v>1.019803902718557</v>
      </c>
      <c r="EET7" s="9">
        <f t="shared" ref="EET7:EHE7" si="56">1/((1+$F$6) ^(EET3-$F$7))</f>
        <v>1.019803902718557</v>
      </c>
      <c r="EEU7" s="9">
        <f t="shared" si="56"/>
        <v>1.019803902718557</v>
      </c>
      <c r="EEV7" s="9">
        <f t="shared" si="56"/>
        <v>1.019803902718557</v>
      </c>
      <c r="EEW7" s="9">
        <f t="shared" si="56"/>
        <v>1.019803902718557</v>
      </c>
      <c r="EEX7" s="9">
        <f t="shared" si="56"/>
        <v>1.019803902718557</v>
      </c>
      <c r="EEY7" s="9">
        <f t="shared" si="56"/>
        <v>1.019803902718557</v>
      </c>
      <c r="EEZ7" s="9">
        <f t="shared" si="56"/>
        <v>1.019803902718557</v>
      </c>
      <c r="EFA7" s="9">
        <f t="shared" si="56"/>
        <v>1.019803902718557</v>
      </c>
      <c r="EFB7" s="9">
        <f t="shared" si="56"/>
        <v>1.019803902718557</v>
      </c>
      <c r="EFC7" s="9">
        <f t="shared" si="56"/>
        <v>1.019803902718557</v>
      </c>
      <c r="EFD7" s="9">
        <f t="shared" si="56"/>
        <v>1.019803902718557</v>
      </c>
      <c r="EFE7" s="9">
        <f t="shared" si="56"/>
        <v>1.019803902718557</v>
      </c>
      <c r="EFF7" s="9">
        <f t="shared" si="56"/>
        <v>1.019803902718557</v>
      </c>
      <c r="EFG7" s="9">
        <f t="shared" si="56"/>
        <v>1.019803902718557</v>
      </c>
      <c r="EFH7" s="9">
        <f t="shared" si="56"/>
        <v>1.019803902718557</v>
      </c>
      <c r="EFI7" s="9">
        <f t="shared" si="56"/>
        <v>1.019803902718557</v>
      </c>
      <c r="EFJ7" s="9">
        <f t="shared" si="56"/>
        <v>1.019803902718557</v>
      </c>
      <c r="EFK7" s="9">
        <f t="shared" si="56"/>
        <v>1.019803902718557</v>
      </c>
      <c r="EFL7" s="9">
        <f t="shared" si="56"/>
        <v>1.019803902718557</v>
      </c>
      <c r="EFM7" s="9">
        <f t="shared" si="56"/>
        <v>1.019803902718557</v>
      </c>
      <c r="EFN7" s="9">
        <f t="shared" si="56"/>
        <v>1.019803902718557</v>
      </c>
      <c r="EFO7" s="9">
        <f t="shared" si="56"/>
        <v>1.019803902718557</v>
      </c>
      <c r="EFP7" s="9">
        <f t="shared" si="56"/>
        <v>1.019803902718557</v>
      </c>
      <c r="EFQ7" s="9">
        <f t="shared" si="56"/>
        <v>1.019803902718557</v>
      </c>
      <c r="EFR7" s="9">
        <f t="shared" si="56"/>
        <v>1.019803902718557</v>
      </c>
      <c r="EFS7" s="9">
        <f t="shared" si="56"/>
        <v>1.019803902718557</v>
      </c>
      <c r="EFT7" s="9">
        <f t="shared" si="56"/>
        <v>1.019803902718557</v>
      </c>
      <c r="EFU7" s="9">
        <f t="shared" si="56"/>
        <v>1.019803902718557</v>
      </c>
      <c r="EFV7" s="9">
        <f t="shared" si="56"/>
        <v>1.019803902718557</v>
      </c>
      <c r="EFW7" s="9">
        <f t="shared" si="56"/>
        <v>1.019803902718557</v>
      </c>
      <c r="EFX7" s="9">
        <f t="shared" si="56"/>
        <v>1.019803902718557</v>
      </c>
      <c r="EFY7" s="9">
        <f t="shared" si="56"/>
        <v>1.019803902718557</v>
      </c>
      <c r="EFZ7" s="9">
        <f t="shared" si="56"/>
        <v>1.019803902718557</v>
      </c>
      <c r="EGA7" s="9">
        <f t="shared" si="56"/>
        <v>1.019803902718557</v>
      </c>
      <c r="EGB7" s="9">
        <f t="shared" si="56"/>
        <v>1.019803902718557</v>
      </c>
      <c r="EGC7" s="9">
        <f t="shared" si="56"/>
        <v>1.019803902718557</v>
      </c>
      <c r="EGD7" s="9">
        <f t="shared" si="56"/>
        <v>1.019803902718557</v>
      </c>
      <c r="EGE7" s="9">
        <f t="shared" si="56"/>
        <v>1.019803902718557</v>
      </c>
      <c r="EGF7" s="9">
        <f t="shared" si="56"/>
        <v>1.019803902718557</v>
      </c>
      <c r="EGG7" s="9">
        <f t="shared" si="56"/>
        <v>1.019803902718557</v>
      </c>
      <c r="EGH7" s="9">
        <f t="shared" si="56"/>
        <v>1.019803902718557</v>
      </c>
      <c r="EGI7" s="9">
        <f t="shared" si="56"/>
        <v>1.019803902718557</v>
      </c>
      <c r="EGJ7" s="9">
        <f t="shared" si="56"/>
        <v>1.019803902718557</v>
      </c>
      <c r="EGK7" s="9">
        <f t="shared" si="56"/>
        <v>1.019803902718557</v>
      </c>
      <c r="EGL7" s="9">
        <f t="shared" si="56"/>
        <v>1.019803902718557</v>
      </c>
      <c r="EGM7" s="9">
        <f t="shared" si="56"/>
        <v>1.019803902718557</v>
      </c>
      <c r="EGN7" s="9">
        <f t="shared" si="56"/>
        <v>1.019803902718557</v>
      </c>
      <c r="EGO7" s="9">
        <f t="shared" si="56"/>
        <v>1.019803902718557</v>
      </c>
      <c r="EGP7" s="9">
        <f t="shared" si="56"/>
        <v>1.019803902718557</v>
      </c>
      <c r="EGQ7" s="9">
        <f t="shared" si="56"/>
        <v>1.019803902718557</v>
      </c>
      <c r="EGR7" s="9">
        <f t="shared" si="56"/>
        <v>1.019803902718557</v>
      </c>
      <c r="EGS7" s="9">
        <f t="shared" si="56"/>
        <v>1.019803902718557</v>
      </c>
      <c r="EGT7" s="9">
        <f t="shared" si="56"/>
        <v>1.019803902718557</v>
      </c>
      <c r="EGU7" s="9">
        <f t="shared" si="56"/>
        <v>1.019803902718557</v>
      </c>
      <c r="EGV7" s="9">
        <f t="shared" si="56"/>
        <v>1.019803902718557</v>
      </c>
      <c r="EGW7" s="9">
        <f t="shared" si="56"/>
        <v>1.019803902718557</v>
      </c>
      <c r="EGX7" s="9">
        <f t="shared" si="56"/>
        <v>1.019803902718557</v>
      </c>
      <c r="EGY7" s="9">
        <f t="shared" si="56"/>
        <v>1.019803902718557</v>
      </c>
      <c r="EGZ7" s="9">
        <f t="shared" si="56"/>
        <v>1.019803902718557</v>
      </c>
      <c r="EHA7" s="9">
        <f t="shared" si="56"/>
        <v>1.019803902718557</v>
      </c>
      <c r="EHB7" s="9">
        <f t="shared" si="56"/>
        <v>1.019803902718557</v>
      </c>
      <c r="EHC7" s="9">
        <f t="shared" si="56"/>
        <v>1.019803902718557</v>
      </c>
      <c r="EHD7" s="9">
        <f t="shared" si="56"/>
        <v>1.019803902718557</v>
      </c>
      <c r="EHE7" s="9">
        <f t="shared" si="56"/>
        <v>1.019803902718557</v>
      </c>
      <c r="EHF7" s="9">
        <f t="shared" ref="EHF7:EJQ7" si="57">1/((1+$F$6) ^(EHF3-$F$7))</f>
        <v>1.019803902718557</v>
      </c>
      <c r="EHG7" s="9">
        <f t="shared" si="57"/>
        <v>1.019803902718557</v>
      </c>
      <c r="EHH7" s="9">
        <f t="shared" si="57"/>
        <v>1.019803902718557</v>
      </c>
      <c r="EHI7" s="9">
        <f t="shared" si="57"/>
        <v>1.019803902718557</v>
      </c>
      <c r="EHJ7" s="9">
        <f t="shared" si="57"/>
        <v>1.019803902718557</v>
      </c>
      <c r="EHK7" s="9">
        <f t="shared" si="57"/>
        <v>1.019803902718557</v>
      </c>
      <c r="EHL7" s="9">
        <f t="shared" si="57"/>
        <v>1.019803902718557</v>
      </c>
      <c r="EHM7" s="9">
        <f t="shared" si="57"/>
        <v>1.019803902718557</v>
      </c>
      <c r="EHN7" s="9">
        <f t="shared" si="57"/>
        <v>1.019803902718557</v>
      </c>
      <c r="EHO7" s="9">
        <f t="shared" si="57"/>
        <v>1.019803902718557</v>
      </c>
      <c r="EHP7" s="9">
        <f t="shared" si="57"/>
        <v>1.019803902718557</v>
      </c>
      <c r="EHQ7" s="9">
        <f t="shared" si="57"/>
        <v>1.019803902718557</v>
      </c>
      <c r="EHR7" s="9">
        <f t="shared" si="57"/>
        <v>1.019803902718557</v>
      </c>
      <c r="EHS7" s="9">
        <f t="shared" si="57"/>
        <v>1.019803902718557</v>
      </c>
      <c r="EHT7" s="9">
        <f t="shared" si="57"/>
        <v>1.019803902718557</v>
      </c>
      <c r="EHU7" s="9">
        <f t="shared" si="57"/>
        <v>1.019803902718557</v>
      </c>
      <c r="EHV7" s="9">
        <f t="shared" si="57"/>
        <v>1.019803902718557</v>
      </c>
      <c r="EHW7" s="9">
        <f t="shared" si="57"/>
        <v>1.019803902718557</v>
      </c>
      <c r="EHX7" s="9">
        <f t="shared" si="57"/>
        <v>1.019803902718557</v>
      </c>
      <c r="EHY7" s="9">
        <f t="shared" si="57"/>
        <v>1.019803902718557</v>
      </c>
      <c r="EHZ7" s="9">
        <f t="shared" si="57"/>
        <v>1.019803902718557</v>
      </c>
      <c r="EIA7" s="9">
        <f t="shared" si="57"/>
        <v>1.019803902718557</v>
      </c>
      <c r="EIB7" s="9">
        <f t="shared" si="57"/>
        <v>1.019803902718557</v>
      </c>
      <c r="EIC7" s="9">
        <f t="shared" si="57"/>
        <v>1.019803902718557</v>
      </c>
      <c r="EID7" s="9">
        <f t="shared" si="57"/>
        <v>1.019803902718557</v>
      </c>
      <c r="EIE7" s="9">
        <f t="shared" si="57"/>
        <v>1.019803902718557</v>
      </c>
      <c r="EIF7" s="9">
        <f t="shared" si="57"/>
        <v>1.019803902718557</v>
      </c>
      <c r="EIG7" s="9">
        <f t="shared" si="57"/>
        <v>1.019803902718557</v>
      </c>
      <c r="EIH7" s="9">
        <f t="shared" si="57"/>
        <v>1.019803902718557</v>
      </c>
      <c r="EII7" s="9">
        <f t="shared" si="57"/>
        <v>1.019803902718557</v>
      </c>
      <c r="EIJ7" s="9">
        <f t="shared" si="57"/>
        <v>1.019803902718557</v>
      </c>
      <c r="EIK7" s="9">
        <f t="shared" si="57"/>
        <v>1.019803902718557</v>
      </c>
      <c r="EIL7" s="9">
        <f t="shared" si="57"/>
        <v>1.019803902718557</v>
      </c>
      <c r="EIM7" s="9">
        <f t="shared" si="57"/>
        <v>1.019803902718557</v>
      </c>
      <c r="EIN7" s="9">
        <f t="shared" si="57"/>
        <v>1.019803902718557</v>
      </c>
      <c r="EIO7" s="9">
        <f t="shared" si="57"/>
        <v>1.019803902718557</v>
      </c>
      <c r="EIP7" s="9">
        <f t="shared" si="57"/>
        <v>1.019803902718557</v>
      </c>
      <c r="EIQ7" s="9">
        <f t="shared" si="57"/>
        <v>1.019803902718557</v>
      </c>
      <c r="EIR7" s="9">
        <f t="shared" si="57"/>
        <v>1.019803902718557</v>
      </c>
      <c r="EIS7" s="9">
        <f t="shared" si="57"/>
        <v>1.019803902718557</v>
      </c>
      <c r="EIT7" s="9">
        <f t="shared" si="57"/>
        <v>1.019803902718557</v>
      </c>
      <c r="EIU7" s="9">
        <f t="shared" si="57"/>
        <v>1.019803902718557</v>
      </c>
      <c r="EIV7" s="9">
        <f t="shared" si="57"/>
        <v>1.019803902718557</v>
      </c>
      <c r="EIW7" s="9">
        <f t="shared" si="57"/>
        <v>1.019803902718557</v>
      </c>
      <c r="EIX7" s="9">
        <f t="shared" si="57"/>
        <v>1.019803902718557</v>
      </c>
      <c r="EIY7" s="9">
        <f t="shared" si="57"/>
        <v>1.019803902718557</v>
      </c>
      <c r="EIZ7" s="9">
        <f t="shared" si="57"/>
        <v>1.019803902718557</v>
      </c>
      <c r="EJA7" s="9">
        <f t="shared" si="57"/>
        <v>1.019803902718557</v>
      </c>
      <c r="EJB7" s="9">
        <f t="shared" si="57"/>
        <v>1.019803902718557</v>
      </c>
      <c r="EJC7" s="9">
        <f t="shared" si="57"/>
        <v>1.019803902718557</v>
      </c>
      <c r="EJD7" s="9">
        <f t="shared" si="57"/>
        <v>1.019803902718557</v>
      </c>
      <c r="EJE7" s="9">
        <f t="shared" si="57"/>
        <v>1.019803902718557</v>
      </c>
      <c r="EJF7" s="9">
        <f t="shared" si="57"/>
        <v>1.019803902718557</v>
      </c>
      <c r="EJG7" s="9">
        <f t="shared" si="57"/>
        <v>1.019803902718557</v>
      </c>
      <c r="EJH7" s="9">
        <f t="shared" si="57"/>
        <v>1.019803902718557</v>
      </c>
      <c r="EJI7" s="9">
        <f t="shared" si="57"/>
        <v>1.019803902718557</v>
      </c>
      <c r="EJJ7" s="9">
        <f t="shared" si="57"/>
        <v>1.019803902718557</v>
      </c>
      <c r="EJK7" s="9">
        <f t="shared" si="57"/>
        <v>1.019803902718557</v>
      </c>
      <c r="EJL7" s="9">
        <f t="shared" si="57"/>
        <v>1.019803902718557</v>
      </c>
      <c r="EJM7" s="9">
        <f t="shared" si="57"/>
        <v>1.019803902718557</v>
      </c>
      <c r="EJN7" s="9">
        <f t="shared" si="57"/>
        <v>1.019803902718557</v>
      </c>
      <c r="EJO7" s="9">
        <f t="shared" si="57"/>
        <v>1.019803902718557</v>
      </c>
      <c r="EJP7" s="9">
        <f t="shared" si="57"/>
        <v>1.019803902718557</v>
      </c>
      <c r="EJQ7" s="9">
        <f t="shared" si="57"/>
        <v>1.019803902718557</v>
      </c>
      <c r="EJR7" s="9">
        <f t="shared" ref="EJR7:EMC7" si="58">1/((1+$F$6) ^(EJR3-$F$7))</f>
        <v>1.019803902718557</v>
      </c>
      <c r="EJS7" s="9">
        <f t="shared" si="58"/>
        <v>1.019803902718557</v>
      </c>
      <c r="EJT7" s="9">
        <f t="shared" si="58"/>
        <v>1.019803902718557</v>
      </c>
      <c r="EJU7" s="9">
        <f t="shared" si="58"/>
        <v>1.019803902718557</v>
      </c>
      <c r="EJV7" s="9">
        <f t="shared" si="58"/>
        <v>1.019803902718557</v>
      </c>
      <c r="EJW7" s="9">
        <f t="shared" si="58"/>
        <v>1.019803902718557</v>
      </c>
      <c r="EJX7" s="9">
        <f t="shared" si="58"/>
        <v>1.019803902718557</v>
      </c>
      <c r="EJY7" s="9">
        <f t="shared" si="58"/>
        <v>1.019803902718557</v>
      </c>
      <c r="EJZ7" s="9">
        <f t="shared" si="58"/>
        <v>1.019803902718557</v>
      </c>
      <c r="EKA7" s="9">
        <f t="shared" si="58"/>
        <v>1.019803902718557</v>
      </c>
      <c r="EKB7" s="9">
        <f t="shared" si="58"/>
        <v>1.019803902718557</v>
      </c>
      <c r="EKC7" s="9">
        <f t="shared" si="58"/>
        <v>1.019803902718557</v>
      </c>
      <c r="EKD7" s="9">
        <f t="shared" si="58"/>
        <v>1.019803902718557</v>
      </c>
      <c r="EKE7" s="9">
        <f t="shared" si="58"/>
        <v>1.019803902718557</v>
      </c>
      <c r="EKF7" s="9">
        <f t="shared" si="58"/>
        <v>1.019803902718557</v>
      </c>
      <c r="EKG7" s="9">
        <f t="shared" si="58"/>
        <v>1.019803902718557</v>
      </c>
      <c r="EKH7" s="9">
        <f t="shared" si="58"/>
        <v>1.019803902718557</v>
      </c>
      <c r="EKI7" s="9">
        <f t="shared" si="58"/>
        <v>1.019803902718557</v>
      </c>
      <c r="EKJ7" s="9">
        <f t="shared" si="58"/>
        <v>1.019803902718557</v>
      </c>
      <c r="EKK7" s="9">
        <f t="shared" si="58"/>
        <v>1.019803902718557</v>
      </c>
      <c r="EKL7" s="9">
        <f t="shared" si="58"/>
        <v>1.019803902718557</v>
      </c>
      <c r="EKM7" s="9">
        <f t="shared" si="58"/>
        <v>1.019803902718557</v>
      </c>
      <c r="EKN7" s="9">
        <f t="shared" si="58"/>
        <v>1.019803902718557</v>
      </c>
      <c r="EKO7" s="9">
        <f t="shared" si="58"/>
        <v>1.019803902718557</v>
      </c>
      <c r="EKP7" s="9">
        <f t="shared" si="58"/>
        <v>1.019803902718557</v>
      </c>
      <c r="EKQ7" s="9">
        <f t="shared" si="58"/>
        <v>1.019803902718557</v>
      </c>
      <c r="EKR7" s="9">
        <f t="shared" si="58"/>
        <v>1.019803902718557</v>
      </c>
      <c r="EKS7" s="9">
        <f t="shared" si="58"/>
        <v>1.019803902718557</v>
      </c>
      <c r="EKT7" s="9">
        <f t="shared" si="58"/>
        <v>1.019803902718557</v>
      </c>
      <c r="EKU7" s="9">
        <f t="shared" si="58"/>
        <v>1.019803902718557</v>
      </c>
      <c r="EKV7" s="9">
        <f t="shared" si="58"/>
        <v>1.019803902718557</v>
      </c>
      <c r="EKW7" s="9">
        <f t="shared" si="58"/>
        <v>1.019803902718557</v>
      </c>
      <c r="EKX7" s="9">
        <f t="shared" si="58"/>
        <v>1.019803902718557</v>
      </c>
      <c r="EKY7" s="9">
        <f t="shared" si="58"/>
        <v>1.019803902718557</v>
      </c>
      <c r="EKZ7" s="9">
        <f t="shared" si="58"/>
        <v>1.019803902718557</v>
      </c>
      <c r="ELA7" s="9">
        <f t="shared" si="58"/>
        <v>1.019803902718557</v>
      </c>
      <c r="ELB7" s="9">
        <f t="shared" si="58"/>
        <v>1.019803902718557</v>
      </c>
      <c r="ELC7" s="9">
        <f t="shared" si="58"/>
        <v>1.019803902718557</v>
      </c>
      <c r="ELD7" s="9">
        <f t="shared" si="58"/>
        <v>1.019803902718557</v>
      </c>
      <c r="ELE7" s="9">
        <f t="shared" si="58"/>
        <v>1.019803902718557</v>
      </c>
      <c r="ELF7" s="9">
        <f t="shared" si="58"/>
        <v>1.019803902718557</v>
      </c>
      <c r="ELG7" s="9">
        <f t="shared" si="58"/>
        <v>1.019803902718557</v>
      </c>
      <c r="ELH7" s="9">
        <f t="shared" si="58"/>
        <v>1.019803902718557</v>
      </c>
      <c r="ELI7" s="9">
        <f t="shared" si="58"/>
        <v>1.019803902718557</v>
      </c>
      <c r="ELJ7" s="9">
        <f t="shared" si="58"/>
        <v>1.019803902718557</v>
      </c>
      <c r="ELK7" s="9">
        <f t="shared" si="58"/>
        <v>1.019803902718557</v>
      </c>
      <c r="ELL7" s="9">
        <f t="shared" si="58"/>
        <v>1.019803902718557</v>
      </c>
      <c r="ELM7" s="9">
        <f t="shared" si="58"/>
        <v>1.019803902718557</v>
      </c>
      <c r="ELN7" s="9">
        <f t="shared" si="58"/>
        <v>1.019803902718557</v>
      </c>
      <c r="ELO7" s="9">
        <f t="shared" si="58"/>
        <v>1.019803902718557</v>
      </c>
      <c r="ELP7" s="9">
        <f t="shared" si="58"/>
        <v>1.019803902718557</v>
      </c>
      <c r="ELQ7" s="9">
        <f t="shared" si="58"/>
        <v>1.019803902718557</v>
      </c>
      <c r="ELR7" s="9">
        <f t="shared" si="58"/>
        <v>1.019803902718557</v>
      </c>
      <c r="ELS7" s="9">
        <f t="shared" si="58"/>
        <v>1.019803902718557</v>
      </c>
      <c r="ELT7" s="9">
        <f t="shared" si="58"/>
        <v>1.019803902718557</v>
      </c>
      <c r="ELU7" s="9">
        <f t="shared" si="58"/>
        <v>1.019803902718557</v>
      </c>
      <c r="ELV7" s="9">
        <f t="shared" si="58"/>
        <v>1.019803902718557</v>
      </c>
      <c r="ELW7" s="9">
        <f t="shared" si="58"/>
        <v>1.019803902718557</v>
      </c>
      <c r="ELX7" s="9">
        <f t="shared" si="58"/>
        <v>1.019803902718557</v>
      </c>
      <c r="ELY7" s="9">
        <f t="shared" si="58"/>
        <v>1.019803902718557</v>
      </c>
      <c r="ELZ7" s="9">
        <f t="shared" si="58"/>
        <v>1.019803902718557</v>
      </c>
      <c r="EMA7" s="9">
        <f t="shared" si="58"/>
        <v>1.019803902718557</v>
      </c>
      <c r="EMB7" s="9">
        <f t="shared" si="58"/>
        <v>1.019803902718557</v>
      </c>
      <c r="EMC7" s="9">
        <f t="shared" si="58"/>
        <v>1.019803902718557</v>
      </c>
      <c r="EMD7" s="9">
        <f t="shared" ref="EMD7:EOO7" si="59">1/((1+$F$6) ^(EMD3-$F$7))</f>
        <v>1.019803902718557</v>
      </c>
      <c r="EME7" s="9">
        <f t="shared" si="59"/>
        <v>1.019803902718557</v>
      </c>
      <c r="EMF7" s="9">
        <f t="shared" si="59"/>
        <v>1.019803902718557</v>
      </c>
      <c r="EMG7" s="9">
        <f t="shared" si="59"/>
        <v>1.019803902718557</v>
      </c>
      <c r="EMH7" s="9">
        <f t="shared" si="59"/>
        <v>1.019803902718557</v>
      </c>
      <c r="EMI7" s="9">
        <f t="shared" si="59"/>
        <v>1.019803902718557</v>
      </c>
      <c r="EMJ7" s="9">
        <f t="shared" si="59"/>
        <v>1.019803902718557</v>
      </c>
      <c r="EMK7" s="9">
        <f t="shared" si="59"/>
        <v>1.019803902718557</v>
      </c>
      <c r="EML7" s="9">
        <f t="shared" si="59"/>
        <v>1.019803902718557</v>
      </c>
      <c r="EMM7" s="9">
        <f t="shared" si="59"/>
        <v>1.019803902718557</v>
      </c>
      <c r="EMN7" s="9">
        <f t="shared" si="59"/>
        <v>1.019803902718557</v>
      </c>
      <c r="EMO7" s="9">
        <f t="shared" si="59"/>
        <v>1.019803902718557</v>
      </c>
      <c r="EMP7" s="9">
        <f t="shared" si="59"/>
        <v>1.019803902718557</v>
      </c>
      <c r="EMQ7" s="9">
        <f t="shared" si="59"/>
        <v>1.019803902718557</v>
      </c>
      <c r="EMR7" s="9">
        <f t="shared" si="59"/>
        <v>1.019803902718557</v>
      </c>
      <c r="EMS7" s="9">
        <f t="shared" si="59"/>
        <v>1.019803902718557</v>
      </c>
      <c r="EMT7" s="9">
        <f t="shared" si="59"/>
        <v>1.019803902718557</v>
      </c>
      <c r="EMU7" s="9">
        <f t="shared" si="59"/>
        <v>1.019803902718557</v>
      </c>
      <c r="EMV7" s="9">
        <f t="shared" si="59"/>
        <v>1.019803902718557</v>
      </c>
      <c r="EMW7" s="9">
        <f t="shared" si="59"/>
        <v>1.019803902718557</v>
      </c>
      <c r="EMX7" s="9">
        <f t="shared" si="59"/>
        <v>1.019803902718557</v>
      </c>
      <c r="EMY7" s="9">
        <f t="shared" si="59"/>
        <v>1.019803902718557</v>
      </c>
      <c r="EMZ7" s="9">
        <f t="shared" si="59"/>
        <v>1.019803902718557</v>
      </c>
      <c r="ENA7" s="9">
        <f t="shared" si="59"/>
        <v>1.019803902718557</v>
      </c>
      <c r="ENB7" s="9">
        <f t="shared" si="59"/>
        <v>1.019803902718557</v>
      </c>
      <c r="ENC7" s="9">
        <f t="shared" si="59"/>
        <v>1.019803902718557</v>
      </c>
      <c r="END7" s="9">
        <f t="shared" si="59"/>
        <v>1.019803902718557</v>
      </c>
      <c r="ENE7" s="9">
        <f t="shared" si="59"/>
        <v>1.019803902718557</v>
      </c>
      <c r="ENF7" s="9">
        <f t="shared" si="59"/>
        <v>1.019803902718557</v>
      </c>
      <c r="ENG7" s="9">
        <f t="shared" si="59"/>
        <v>1.019803902718557</v>
      </c>
      <c r="ENH7" s="9">
        <f t="shared" si="59"/>
        <v>1.019803902718557</v>
      </c>
      <c r="ENI7" s="9">
        <f t="shared" si="59"/>
        <v>1.019803902718557</v>
      </c>
      <c r="ENJ7" s="9">
        <f t="shared" si="59"/>
        <v>1.019803902718557</v>
      </c>
      <c r="ENK7" s="9">
        <f t="shared" si="59"/>
        <v>1.019803902718557</v>
      </c>
      <c r="ENL7" s="9">
        <f t="shared" si="59"/>
        <v>1.019803902718557</v>
      </c>
      <c r="ENM7" s="9">
        <f t="shared" si="59"/>
        <v>1.019803902718557</v>
      </c>
      <c r="ENN7" s="9">
        <f t="shared" si="59"/>
        <v>1.019803902718557</v>
      </c>
      <c r="ENO7" s="9">
        <f t="shared" si="59"/>
        <v>1.019803902718557</v>
      </c>
      <c r="ENP7" s="9">
        <f t="shared" si="59"/>
        <v>1.019803902718557</v>
      </c>
      <c r="ENQ7" s="9">
        <f t="shared" si="59"/>
        <v>1.019803902718557</v>
      </c>
      <c r="ENR7" s="9">
        <f t="shared" si="59"/>
        <v>1.019803902718557</v>
      </c>
      <c r="ENS7" s="9">
        <f t="shared" si="59"/>
        <v>1.019803902718557</v>
      </c>
      <c r="ENT7" s="9">
        <f t="shared" si="59"/>
        <v>1.019803902718557</v>
      </c>
      <c r="ENU7" s="9">
        <f t="shared" si="59"/>
        <v>1.019803902718557</v>
      </c>
      <c r="ENV7" s="9">
        <f t="shared" si="59"/>
        <v>1.019803902718557</v>
      </c>
      <c r="ENW7" s="9">
        <f t="shared" si="59"/>
        <v>1.019803902718557</v>
      </c>
      <c r="ENX7" s="9">
        <f t="shared" si="59"/>
        <v>1.019803902718557</v>
      </c>
      <c r="ENY7" s="9">
        <f t="shared" si="59"/>
        <v>1.019803902718557</v>
      </c>
      <c r="ENZ7" s="9">
        <f t="shared" si="59"/>
        <v>1.019803902718557</v>
      </c>
      <c r="EOA7" s="9">
        <f t="shared" si="59"/>
        <v>1.019803902718557</v>
      </c>
      <c r="EOB7" s="9">
        <f t="shared" si="59"/>
        <v>1.019803902718557</v>
      </c>
      <c r="EOC7" s="9">
        <f t="shared" si="59"/>
        <v>1.019803902718557</v>
      </c>
      <c r="EOD7" s="9">
        <f t="shared" si="59"/>
        <v>1.019803902718557</v>
      </c>
      <c r="EOE7" s="9">
        <f t="shared" si="59"/>
        <v>1.019803902718557</v>
      </c>
      <c r="EOF7" s="9">
        <f t="shared" si="59"/>
        <v>1.019803902718557</v>
      </c>
      <c r="EOG7" s="9">
        <f t="shared" si="59"/>
        <v>1.019803902718557</v>
      </c>
      <c r="EOH7" s="9">
        <f t="shared" si="59"/>
        <v>1.019803902718557</v>
      </c>
      <c r="EOI7" s="9">
        <f t="shared" si="59"/>
        <v>1.019803902718557</v>
      </c>
      <c r="EOJ7" s="9">
        <f t="shared" si="59"/>
        <v>1.019803902718557</v>
      </c>
      <c r="EOK7" s="9">
        <f t="shared" si="59"/>
        <v>1.019803902718557</v>
      </c>
      <c r="EOL7" s="9">
        <f t="shared" si="59"/>
        <v>1.019803902718557</v>
      </c>
      <c r="EOM7" s="9">
        <f t="shared" si="59"/>
        <v>1.019803902718557</v>
      </c>
      <c r="EON7" s="9">
        <f t="shared" si="59"/>
        <v>1.019803902718557</v>
      </c>
      <c r="EOO7" s="9">
        <f t="shared" si="59"/>
        <v>1.019803902718557</v>
      </c>
      <c r="EOP7" s="9">
        <f t="shared" ref="EOP7:ERA7" si="60">1/((1+$F$6) ^(EOP3-$F$7))</f>
        <v>1.019803902718557</v>
      </c>
      <c r="EOQ7" s="9">
        <f t="shared" si="60"/>
        <v>1.019803902718557</v>
      </c>
      <c r="EOR7" s="9">
        <f t="shared" si="60"/>
        <v>1.019803902718557</v>
      </c>
      <c r="EOS7" s="9">
        <f t="shared" si="60"/>
        <v>1.019803902718557</v>
      </c>
      <c r="EOT7" s="9">
        <f t="shared" si="60"/>
        <v>1.019803902718557</v>
      </c>
      <c r="EOU7" s="9">
        <f t="shared" si="60"/>
        <v>1.019803902718557</v>
      </c>
      <c r="EOV7" s="9">
        <f t="shared" si="60"/>
        <v>1.019803902718557</v>
      </c>
      <c r="EOW7" s="9">
        <f t="shared" si="60"/>
        <v>1.019803902718557</v>
      </c>
      <c r="EOX7" s="9">
        <f t="shared" si="60"/>
        <v>1.019803902718557</v>
      </c>
      <c r="EOY7" s="9">
        <f t="shared" si="60"/>
        <v>1.019803902718557</v>
      </c>
      <c r="EOZ7" s="9">
        <f t="shared" si="60"/>
        <v>1.019803902718557</v>
      </c>
      <c r="EPA7" s="9">
        <f t="shared" si="60"/>
        <v>1.019803902718557</v>
      </c>
      <c r="EPB7" s="9">
        <f t="shared" si="60"/>
        <v>1.019803902718557</v>
      </c>
      <c r="EPC7" s="9">
        <f t="shared" si="60"/>
        <v>1.019803902718557</v>
      </c>
      <c r="EPD7" s="9">
        <f t="shared" si="60"/>
        <v>1.019803902718557</v>
      </c>
      <c r="EPE7" s="9">
        <f t="shared" si="60"/>
        <v>1.019803902718557</v>
      </c>
      <c r="EPF7" s="9">
        <f t="shared" si="60"/>
        <v>1.019803902718557</v>
      </c>
      <c r="EPG7" s="9">
        <f t="shared" si="60"/>
        <v>1.019803902718557</v>
      </c>
      <c r="EPH7" s="9">
        <f t="shared" si="60"/>
        <v>1.019803902718557</v>
      </c>
      <c r="EPI7" s="9">
        <f t="shared" si="60"/>
        <v>1.019803902718557</v>
      </c>
      <c r="EPJ7" s="9">
        <f t="shared" si="60"/>
        <v>1.019803902718557</v>
      </c>
      <c r="EPK7" s="9">
        <f t="shared" si="60"/>
        <v>1.019803902718557</v>
      </c>
      <c r="EPL7" s="9">
        <f t="shared" si="60"/>
        <v>1.019803902718557</v>
      </c>
      <c r="EPM7" s="9">
        <f t="shared" si="60"/>
        <v>1.019803902718557</v>
      </c>
      <c r="EPN7" s="9">
        <f t="shared" si="60"/>
        <v>1.019803902718557</v>
      </c>
      <c r="EPO7" s="9">
        <f t="shared" si="60"/>
        <v>1.019803902718557</v>
      </c>
      <c r="EPP7" s="9">
        <f t="shared" si="60"/>
        <v>1.019803902718557</v>
      </c>
      <c r="EPQ7" s="9">
        <f t="shared" si="60"/>
        <v>1.019803902718557</v>
      </c>
      <c r="EPR7" s="9">
        <f t="shared" si="60"/>
        <v>1.019803902718557</v>
      </c>
      <c r="EPS7" s="9">
        <f t="shared" si="60"/>
        <v>1.019803902718557</v>
      </c>
      <c r="EPT7" s="9">
        <f t="shared" si="60"/>
        <v>1.019803902718557</v>
      </c>
      <c r="EPU7" s="9">
        <f t="shared" si="60"/>
        <v>1.019803902718557</v>
      </c>
      <c r="EPV7" s="9">
        <f t="shared" si="60"/>
        <v>1.019803902718557</v>
      </c>
      <c r="EPW7" s="9">
        <f t="shared" si="60"/>
        <v>1.019803902718557</v>
      </c>
      <c r="EPX7" s="9">
        <f t="shared" si="60"/>
        <v>1.019803902718557</v>
      </c>
      <c r="EPY7" s="9">
        <f t="shared" si="60"/>
        <v>1.019803902718557</v>
      </c>
      <c r="EPZ7" s="9">
        <f t="shared" si="60"/>
        <v>1.019803902718557</v>
      </c>
      <c r="EQA7" s="9">
        <f t="shared" si="60"/>
        <v>1.019803902718557</v>
      </c>
      <c r="EQB7" s="9">
        <f t="shared" si="60"/>
        <v>1.019803902718557</v>
      </c>
      <c r="EQC7" s="9">
        <f t="shared" si="60"/>
        <v>1.019803902718557</v>
      </c>
      <c r="EQD7" s="9">
        <f t="shared" si="60"/>
        <v>1.019803902718557</v>
      </c>
      <c r="EQE7" s="9">
        <f t="shared" si="60"/>
        <v>1.019803902718557</v>
      </c>
      <c r="EQF7" s="9">
        <f t="shared" si="60"/>
        <v>1.019803902718557</v>
      </c>
      <c r="EQG7" s="9">
        <f t="shared" si="60"/>
        <v>1.019803902718557</v>
      </c>
      <c r="EQH7" s="9">
        <f t="shared" si="60"/>
        <v>1.019803902718557</v>
      </c>
      <c r="EQI7" s="9">
        <f t="shared" si="60"/>
        <v>1.019803902718557</v>
      </c>
      <c r="EQJ7" s="9">
        <f t="shared" si="60"/>
        <v>1.019803902718557</v>
      </c>
      <c r="EQK7" s="9">
        <f t="shared" si="60"/>
        <v>1.019803902718557</v>
      </c>
      <c r="EQL7" s="9">
        <f t="shared" si="60"/>
        <v>1.019803902718557</v>
      </c>
      <c r="EQM7" s="9">
        <f t="shared" si="60"/>
        <v>1.019803902718557</v>
      </c>
      <c r="EQN7" s="9">
        <f t="shared" si="60"/>
        <v>1.019803902718557</v>
      </c>
      <c r="EQO7" s="9">
        <f t="shared" si="60"/>
        <v>1.019803902718557</v>
      </c>
      <c r="EQP7" s="9">
        <f t="shared" si="60"/>
        <v>1.019803902718557</v>
      </c>
      <c r="EQQ7" s="9">
        <f t="shared" si="60"/>
        <v>1.019803902718557</v>
      </c>
      <c r="EQR7" s="9">
        <f t="shared" si="60"/>
        <v>1.019803902718557</v>
      </c>
      <c r="EQS7" s="9">
        <f t="shared" si="60"/>
        <v>1.019803902718557</v>
      </c>
      <c r="EQT7" s="9">
        <f t="shared" si="60"/>
        <v>1.019803902718557</v>
      </c>
      <c r="EQU7" s="9">
        <f t="shared" si="60"/>
        <v>1.019803902718557</v>
      </c>
      <c r="EQV7" s="9">
        <f t="shared" si="60"/>
        <v>1.019803902718557</v>
      </c>
      <c r="EQW7" s="9">
        <f t="shared" si="60"/>
        <v>1.019803902718557</v>
      </c>
      <c r="EQX7" s="9">
        <f t="shared" si="60"/>
        <v>1.019803902718557</v>
      </c>
      <c r="EQY7" s="9">
        <f t="shared" si="60"/>
        <v>1.019803902718557</v>
      </c>
      <c r="EQZ7" s="9">
        <f t="shared" si="60"/>
        <v>1.019803902718557</v>
      </c>
      <c r="ERA7" s="9">
        <f t="shared" si="60"/>
        <v>1.019803902718557</v>
      </c>
      <c r="ERB7" s="9">
        <f t="shared" ref="ERB7:ETM7" si="61">1/((1+$F$6) ^(ERB3-$F$7))</f>
        <v>1.019803902718557</v>
      </c>
      <c r="ERC7" s="9">
        <f t="shared" si="61"/>
        <v>1.019803902718557</v>
      </c>
      <c r="ERD7" s="9">
        <f t="shared" si="61"/>
        <v>1.019803902718557</v>
      </c>
      <c r="ERE7" s="9">
        <f t="shared" si="61"/>
        <v>1.019803902718557</v>
      </c>
      <c r="ERF7" s="9">
        <f t="shared" si="61"/>
        <v>1.019803902718557</v>
      </c>
      <c r="ERG7" s="9">
        <f t="shared" si="61"/>
        <v>1.019803902718557</v>
      </c>
      <c r="ERH7" s="9">
        <f t="shared" si="61"/>
        <v>1.019803902718557</v>
      </c>
      <c r="ERI7" s="9">
        <f t="shared" si="61"/>
        <v>1.019803902718557</v>
      </c>
      <c r="ERJ7" s="9">
        <f t="shared" si="61"/>
        <v>1.019803902718557</v>
      </c>
      <c r="ERK7" s="9">
        <f t="shared" si="61"/>
        <v>1.019803902718557</v>
      </c>
      <c r="ERL7" s="9">
        <f t="shared" si="61"/>
        <v>1.019803902718557</v>
      </c>
      <c r="ERM7" s="9">
        <f t="shared" si="61"/>
        <v>1.019803902718557</v>
      </c>
      <c r="ERN7" s="9">
        <f t="shared" si="61"/>
        <v>1.019803902718557</v>
      </c>
      <c r="ERO7" s="9">
        <f t="shared" si="61"/>
        <v>1.019803902718557</v>
      </c>
      <c r="ERP7" s="9">
        <f t="shared" si="61"/>
        <v>1.019803902718557</v>
      </c>
      <c r="ERQ7" s="9">
        <f t="shared" si="61"/>
        <v>1.019803902718557</v>
      </c>
      <c r="ERR7" s="9">
        <f t="shared" si="61"/>
        <v>1.019803902718557</v>
      </c>
      <c r="ERS7" s="9">
        <f t="shared" si="61"/>
        <v>1.019803902718557</v>
      </c>
      <c r="ERT7" s="9">
        <f t="shared" si="61"/>
        <v>1.019803902718557</v>
      </c>
      <c r="ERU7" s="9">
        <f t="shared" si="61"/>
        <v>1.019803902718557</v>
      </c>
      <c r="ERV7" s="9">
        <f t="shared" si="61"/>
        <v>1.019803902718557</v>
      </c>
      <c r="ERW7" s="9">
        <f t="shared" si="61"/>
        <v>1.019803902718557</v>
      </c>
      <c r="ERX7" s="9">
        <f t="shared" si="61"/>
        <v>1.019803902718557</v>
      </c>
      <c r="ERY7" s="9">
        <f t="shared" si="61"/>
        <v>1.019803902718557</v>
      </c>
      <c r="ERZ7" s="9">
        <f t="shared" si="61"/>
        <v>1.019803902718557</v>
      </c>
      <c r="ESA7" s="9">
        <f t="shared" si="61"/>
        <v>1.019803902718557</v>
      </c>
      <c r="ESB7" s="9">
        <f t="shared" si="61"/>
        <v>1.019803902718557</v>
      </c>
      <c r="ESC7" s="9">
        <f t="shared" si="61"/>
        <v>1.019803902718557</v>
      </c>
      <c r="ESD7" s="9">
        <f t="shared" si="61"/>
        <v>1.019803902718557</v>
      </c>
      <c r="ESE7" s="9">
        <f t="shared" si="61"/>
        <v>1.019803902718557</v>
      </c>
      <c r="ESF7" s="9">
        <f t="shared" si="61"/>
        <v>1.019803902718557</v>
      </c>
      <c r="ESG7" s="9">
        <f t="shared" si="61"/>
        <v>1.019803902718557</v>
      </c>
      <c r="ESH7" s="9">
        <f t="shared" si="61"/>
        <v>1.019803902718557</v>
      </c>
      <c r="ESI7" s="9">
        <f t="shared" si="61"/>
        <v>1.019803902718557</v>
      </c>
      <c r="ESJ7" s="9">
        <f t="shared" si="61"/>
        <v>1.019803902718557</v>
      </c>
      <c r="ESK7" s="9">
        <f t="shared" si="61"/>
        <v>1.019803902718557</v>
      </c>
      <c r="ESL7" s="9">
        <f t="shared" si="61"/>
        <v>1.019803902718557</v>
      </c>
      <c r="ESM7" s="9">
        <f t="shared" si="61"/>
        <v>1.019803902718557</v>
      </c>
      <c r="ESN7" s="9">
        <f t="shared" si="61"/>
        <v>1.019803902718557</v>
      </c>
      <c r="ESO7" s="9">
        <f t="shared" si="61"/>
        <v>1.019803902718557</v>
      </c>
      <c r="ESP7" s="9">
        <f t="shared" si="61"/>
        <v>1.019803902718557</v>
      </c>
      <c r="ESQ7" s="9">
        <f t="shared" si="61"/>
        <v>1.019803902718557</v>
      </c>
      <c r="ESR7" s="9">
        <f t="shared" si="61"/>
        <v>1.019803902718557</v>
      </c>
      <c r="ESS7" s="9">
        <f t="shared" si="61"/>
        <v>1.019803902718557</v>
      </c>
      <c r="EST7" s="9">
        <f t="shared" si="61"/>
        <v>1.019803902718557</v>
      </c>
      <c r="ESU7" s="9">
        <f t="shared" si="61"/>
        <v>1.019803902718557</v>
      </c>
      <c r="ESV7" s="9">
        <f t="shared" si="61"/>
        <v>1.019803902718557</v>
      </c>
      <c r="ESW7" s="9">
        <f t="shared" si="61"/>
        <v>1.019803902718557</v>
      </c>
      <c r="ESX7" s="9">
        <f t="shared" si="61"/>
        <v>1.019803902718557</v>
      </c>
      <c r="ESY7" s="9">
        <f t="shared" si="61"/>
        <v>1.019803902718557</v>
      </c>
      <c r="ESZ7" s="9">
        <f t="shared" si="61"/>
        <v>1.019803902718557</v>
      </c>
      <c r="ETA7" s="9">
        <f t="shared" si="61"/>
        <v>1.019803902718557</v>
      </c>
      <c r="ETB7" s="9">
        <f t="shared" si="61"/>
        <v>1.019803902718557</v>
      </c>
      <c r="ETC7" s="9">
        <f t="shared" si="61"/>
        <v>1.019803902718557</v>
      </c>
      <c r="ETD7" s="9">
        <f t="shared" si="61"/>
        <v>1.019803902718557</v>
      </c>
      <c r="ETE7" s="9">
        <f t="shared" si="61"/>
        <v>1.019803902718557</v>
      </c>
      <c r="ETF7" s="9">
        <f t="shared" si="61"/>
        <v>1.019803902718557</v>
      </c>
      <c r="ETG7" s="9">
        <f t="shared" si="61"/>
        <v>1.019803902718557</v>
      </c>
      <c r="ETH7" s="9">
        <f t="shared" si="61"/>
        <v>1.019803902718557</v>
      </c>
      <c r="ETI7" s="9">
        <f t="shared" si="61"/>
        <v>1.019803902718557</v>
      </c>
      <c r="ETJ7" s="9">
        <f t="shared" si="61"/>
        <v>1.019803902718557</v>
      </c>
      <c r="ETK7" s="9">
        <f t="shared" si="61"/>
        <v>1.019803902718557</v>
      </c>
      <c r="ETL7" s="9">
        <f t="shared" si="61"/>
        <v>1.019803902718557</v>
      </c>
      <c r="ETM7" s="9">
        <f t="shared" si="61"/>
        <v>1.019803902718557</v>
      </c>
      <c r="ETN7" s="9">
        <f t="shared" ref="ETN7:EVY7" si="62">1/((1+$F$6) ^(ETN3-$F$7))</f>
        <v>1.019803902718557</v>
      </c>
      <c r="ETO7" s="9">
        <f t="shared" si="62"/>
        <v>1.019803902718557</v>
      </c>
      <c r="ETP7" s="9">
        <f t="shared" si="62"/>
        <v>1.019803902718557</v>
      </c>
      <c r="ETQ7" s="9">
        <f t="shared" si="62"/>
        <v>1.019803902718557</v>
      </c>
      <c r="ETR7" s="9">
        <f t="shared" si="62"/>
        <v>1.019803902718557</v>
      </c>
      <c r="ETS7" s="9">
        <f t="shared" si="62"/>
        <v>1.019803902718557</v>
      </c>
      <c r="ETT7" s="9">
        <f t="shared" si="62"/>
        <v>1.019803902718557</v>
      </c>
      <c r="ETU7" s="9">
        <f t="shared" si="62"/>
        <v>1.019803902718557</v>
      </c>
      <c r="ETV7" s="9">
        <f t="shared" si="62"/>
        <v>1.019803902718557</v>
      </c>
      <c r="ETW7" s="9">
        <f t="shared" si="62"/>
        <v>1.019803902718557</v>
      </c>
      <c r="ETX7" s="9">
        <f t="shared" si="62"/>
        <v>1.019803902718557</v>
      </c>
      <c r="ETY7" s="9">
        <f t="shared" si="62"/>
        <v>1.019803902718557</v>
      </c>
      <c r="ETZ7" s="9">
        <f t="shared" si="62"/>
        <v>1.019803902718557</v>
      </c>
      <c r="EUA7" s="9">
        <f t="shared" si="62"/>
        <v>1.019803902718557</v>
      </c>
      <c r="EUB7" s="9">
        <f t="shared" si="62"/>
        <v>1.019803902718557</v>
      </c>
      <c r="EUC7" s="9">
        <f t="shared" si="62"/>
        <v>1.019803902718557</v>
      </c>
      <c r="EUD7" s="9">
        <f t="shared" si="62"/>
        <v>1.019803902718557</v>
      </c>
      <c r="EUE7" s="9">
        <f t="shared" si="62"/>
        <v>1.019803902718557</v>
      </c>
      <c r="EUF7" s="9">
        <f t="shared" si="62"/>
        <v>1.019803902718557</v>
      </c>
      <c r="EUG7" s="9">
        <f t="shared" si="62"/>
        <v>1.019803902718557</v>
      </c>
      <c r="EUH7" s="9">
        <f t="shared" si="62"/>
        <v>1.019803902718557</v>
      </c>
      <c r="EUI7" s="9">
        <f t="shared" si="62"/>
        <v>1.019803902718557</v>
      </c>
      <c r="EUJ7" s="9">
        <f t="shared" si="62"/>
        <v>1.019803902718557</v>
      </c>
      <c r="EUK7" s="9">
        <f t="shared" si="62"/>
        <v>1.019803902718557</v>
      </c>
      <c r="EUL7" s="9">
        <f t="shared" si="62"/>
        <v>1.019803902718557</v>
      </c>
      <c r="EUM7" s="9">
        <f t="shared" si="62"/>
        <v>1.019803902718557</v>
      </c>
      <c r="EUN7" s="9">
        <f t="shared" si="62"/>
        <v>1.019803902718557</v>
      </c>
      <c r="EUO7" s="9">
        <f t="shared" si="62"/>
        <v>1.019803902718557</v>
      </c>
      <c r="EUP7" s="9">
        <f t="shared" si="62"/>
        <v>1.019803902718557</v>
      </c>
      <c r="EUQ7" s="9">
        <f t="shared" si="62"/>
        <v>1.019803902718557</v>
      </c>
      <c r="EUR7" s="9">
        <f t="shared" si="62"/>
        <v>1.019803902718557</v>
      </c>
      <c r="EUS7" s="9">
        <f t="shared" si="62"/>
        <v>1.019803902718557</v>
      </c>
      <c r="EUT7" s="9">
        <f t="shared" si="62"/>
        <v>1.019803902718557</v>
      </c>
      <c r="EUU7" s="9">
        <f t="shared" si="62"/>
        <v>1.019803902718557</v>
      </c>
      <c r="EUV7" s="9">
        <f t="shared" si="62"/>
        <v>1.019803902718557</v>
      </c>
      <c r="EUW7" s="9">
        <f t="shared" si="62"/>
        <v>1.019803902718557</v>
      </c>
      <c r="EUX7" s="9">
        <f t="shared" si="62"/>
        <v>1.019803902718557</v>
      </c>
      <c r="EUY7" s="9">
        <f t="shared" si="62"/>
        <v>1.019803902718557</v>
      </c>
      <c r="EUZ7" s="9">
        <f t="shared" si="62"/>
        <v>1.019803902718557</v>
      </c>
      <c r="EVA7" s="9">
        <f t="shared" si="62"/>
        <v>1.019803902718557</v>
      </c>
      <c r="EVB7" s="9">
        <f t="shared" si="62"/>
        <v>1.019803902718557</v>
      </c>
      <c r="EVC7" s="9">
        <f t="shared" si="62"/>
        <v>1.019803902718557</v>
      </c>
      <c r="EVD7" s="9">
        <f t="shared" si="62"/>
        <v>1.019803902718557</v>
      </c>
      <c r="EVE7" s="9">
        <f t="shared" si="62"/>
        <v>1.019803902718557</v>
      </c>
      <c r="EVF7" s="9">
        <f t="shared" si="62"/>
        <v>1.019803902718557</v>
      </c>
      <c r="EVG7" s="9">
        <f t="shared" si="62"/>
        <v>1.019803902718557</v>
      </c>
      <c r="EVH7" s="9">
        <f t="shared" si="62"/>
        <v>1.019803902718557</v>
      </c>
      <c r="EVI7" s="9">
        <f t="shared" si="62"/>
        <v>1.019803902718557</v>
      </c>
      <c r="EVJ7" s="9">
        <f t="shared" si="62"/>
        <v>1.019803902718557</v>
      </c>
      <c r="EVK7" s="9">
        <f t="shared" si="62"/>
        <v>1.019803902718557</v>
      </c>
      <c r="EVL7" s="9">
        <f t="shared" si="62"/>
        <v>1.019803902718557</v>
      </c>
      <c r="EVM7" s="9">
        <f t="shared" si="62"/>
        <v>1.019803902718557</v>
      </c>
      <c r="EVN7" s="9">
        <f t="shared" si="62"/>
        <v>1.019803902718557</v>
      </c>
      <c r="EVO7" s="9">
        <f t="shared" si="62"/>
        <v>1.019803902718557</v>
      </c>
      <c r="EVP7" s="9">
        <f t="shared" si="62"/>
        <v>1.019803902718557</v>
      </c>
      <c r="EVQ7" s="9">
        <f t="shared" si="62"/>
        <v>1.019803902718557</v>
      </c>
      <c r="EVR7" s="9">
        <f t="shared" si="62"/>
        <v>1.019803902718557</v>
      </c>
      <c r="EVS7" s="9">
        <f t="shared" si="62"/>
        <v>1.019803902718557</v>
      </c>
      <c r="EVT7" s="9">
        <f t="shared" si="62"/>
        <v>1.019803902718557</v>
      </c>
      <c r="EVU7" s="9">
        <f t="shared" si="62"/>
        <v>1.019803902718557</v>
      </c>
      <c r="EVV7" s="9">
        <f t="shared" si="62"/>
        <v>1.019803902718557</v>
      </c>
      <c r="EVW7" s="9">
        <f t="shared" si="62"/>
        <v>1.019803902718557</v>
      </c>
      <c r="EVX7" s="9">
        <f t="shared" si="62"/>
        <v>1.019803902718557</v>
      </c>
      <c r="EVY7" s="9">
        <f t="shared" si="62"/>
        <v>1.019803902718557</v>
      </c>
      <c r="EVZ7" s="9">
        <f t="shared" ref="EVZ7:EYK7" si="63">1/((1+$F$6) ^(EVZ3-$F$7))</f>
        <v>1.019803902718557</v>
      </c>
      <c r="EWA7" s="9">
        <f t="shared" si="63"/>
        <v>1.019803902718557</v>
      </c>
      <c r="EWB7" s="9">
        <f t="shared" si="63"/>
        <v>1.019803902718557</v>
      </c>
      <c r="EWC7" s="9">
        <f t="shared" si="63"/>
        <v>1.019803902718557</v>
      </c>
      <c r="EWD7" s="9">
        <f t="shared" si="63"/>
        <v>1.019803902718557</v>
      </c>
      <c r="EWE7" s="9">
        <f t="shared" si="63"/>
        <v>1.019803902718557</v>
      </c>
      <c r="EWF7" s="9">
        <f t="shared" si="63"/>
        <v>1.019803902718557</v>
      </c>
      <c r="EWG7" s="9">
        <f t="shared" si="63"/>
        <v>1.019803902718557</v>
      </c>
      <c r="EWH7" s="9">
        <f t="shared" si="63"/>
        <v>1.019803902718557</v>
      </c>
      <c r="EWI7" s="9">
        <f t="shared" si="63"/>
        <v>1.019803902718557</v>
      </c>
      <c r="EWJ7" s="9">
        <f t="shared" si="63"/>
        <v>1.019803902718557</v>
      </c>
      <c r="EWK7" s="9">
        <f t="shared" si="63"/>
        <v>1.019803902718557</v>
      </c>
      <c r="EWL7" s="9">
        <f t="shared" si="63"/>
        <v>1.019803902718557</v>
      </c>
      <c r="EWM7" s="9">
        <f t="shared" si="63"/>
        <v>1.019803902718557</v>
      </c>
      <c r="EWN7" s="9">
        <f t="shared" si="63"/>
        <v>1.019803902718557</v>
      </c>
      <c r="EWO7" s="9">
        <f t="shared" si="63"/>
        <v>1.019803902718557</v>
      </c>
      <c r="EWP7" s="9">
        <f t="shared" si="63"/>
        <v>1.019803902718557</v>
      </c>
      <c r="EWQ7" s="9">
        <f t="shared" si="63"/>
        <v>1.019803902718557</v>
      </c>
      <c r="EWR7" s="9">
        <f t="shared" si="63"/>
        <v>1.019803902718557</v>
      </c>
      <c r="EWS7" s="9">
        <f t="shared" si="63"/>
        <v>1.019803902718557</v>
      </c>
      <c r="EWT7" s="9">
        <f t="shared" si="63"/>
        <v>1.019803902718557</v>
      </c>
      <c r="EWU7" s="9">
        <f t="shared" si="63"/>
        <v>1.019803902718557</v>
      </c>
      <c r="EWV7" s="9">
        <f t="shared" si="63"/>
        <v>1.019803902718557</v>
      </c>
      <c r="EWW7" s="9">
        <f t="shared" si="63"/>
        <v>1.019803902718557</v>
      </c>
      <c r="EWX7" s="9">
        <f t="shared" si="63"/>
        <v>1.019803902718557</v>
      </c>
      <c r="EWY7" s="9">
        <f t="shared" si="63"/>
        <v>1.019803902718557</v>
      </c>
      <c r="EWZ7" s="9">
        <f t="shared" si="63"/>
        <v>1.019803902718557</v>
      </c>
      <c r="EXA7" s="9">
        <f t="shared" si="63"/>
        <v>1.019803902718557</v>
      </c>
      <c r="EXB7" s="9">
        <f t="shared" si="63"/>
        <v>1.019803902718557</v>
      </c>
      <c r="EXC7" s="9">
        <f t="shared" si="63"/>
        <v>1.019803902718557</v>
      </c>
      <c r="EXD7" s="9">
        <f t="shared" si="63"/>
        <v>1.019803902718557</v>
      </c>
      <c r="EXE7" s="9">
        <f t="shared" si="63"/>
        <v>1.019803902718557</v>
      </c>
      <c r="EXF7" s="9">
        <f t="shared" si="63"/>
        <v>1.019803902718557</v>
      </c>
      <c r="EXG7" s="9">
        <f t="shared" si="63"/>
        <v>1.019803902718557</v>
      </c>
      <c r="EXH7" s="9">
        <f t="shared" si="63"/>
        <v>1.019803902718557</v>
      </c>
      <c r="EXI7" s="9">
        <f t="shared" si="63"/>
        <v>1.019803902718557</v>
      </c>
      <c r="EXJ7" s="9">
        <f t="shared" si="63"/>
        <v>1.019803902718557</v>
      </c>
      <c r="EXK7" s="9">
        <f t="shared" si="63"/>
        <v>1.019803902718557</v>
      </c>
      <c r="EXL7" s="9">
        <f t="shared" si="63"/>
        <v>1.019803902718557</v>
      </c>
      <c r="EXM7" s="9">
        <f t="shared" si="63"/>
        <v>1.019803902718557</v>
      </c>
      <c r="EXN7" s="9">
        <f t="shared" si="63"/>
        <v>1.019803902718557</v>
      </c>
      <c r="EXO7" s="9">
        <f t="shared" si="63"/>
        <v>1.019803902718557</v>
      </c>
      <c r="EXP7" s="9">
        <f t="shared" si="63"/>
        <v>1.019803902718557</v>
      </c>
      <c r="EXQ7" s="9">
        <f t="shared" si="63"/>
        <v>1.019803902718557</v>
      </c>
      <c r="EXR7" s="9">
        <f t="shared" si="63"/>
        <v>1.019803902718557</v>
      </c>
      <c r="EXS7" s="9">
        <f t="shared" si="63"/>
        <v>1.019803902718557</v>
      </c>
      <c r="EXT7" s="9">
        <f t="shared" si="63"/>
        <v>1.019803902718557</v>
      </c>
      <c r="EXU7" s="9">
        <f t="shared" si="63"/>
        <v>1.019803902718557</v>
      </c>
      <c r="EXV7" s="9">
        <f t="shared" si="63"/>
        <v>1.019803902718557</v>
      </c>
      <c r="EXW7" s="9">
        <f t="shared" si="63"/>
        <v>1.019803902718557</v>
      </c>
      <c r="EXX7" s="9">
        <f t="shared" si="63"/>
        <v>1.019803902718557</v>
      </c>
      <c r="EXY7" s="9">
        <f t="shared" si="63"/>
        <v>1.019803902718557</v>
      </c>
      <c r="EXZ7" s="9">
        <f t="shared" si="63"/>
        <v>1.019803902718557</v>
      </c>
      <c r="EYA7" s="9">
        <f t="shared" si="63"/>
        <v>1.019803902718557</v>
      </c>
      <c r="EYB7" s="9">
        <f t="shared" si="63"/>
        <v>1.019803902718557</v>
      </c>
      <c r="EYC7" s="9">
        <f t="shared" si="63"/>
        <v>1.019803902718557</v>
      </c>
      <c r="EYD7" s="9">
        <f t="shared" si="63"/>
        <v>1.019803902718557</v>
      </c>
      <c r="EYE7" s="9">
        <f t="shared" si="63"/>
        <v>1.019803902718557</v>
      </c>
      <c r="EYF7" s="9">
        <f t="shared" si="63"/>
        <v>1.019803902718557</v>
      </c>
      <c r="EYG7" s="9">
        <f t="shared" si="63"/>
        <v>1.019803902718557</v>
      </c>
      <c r="EYH7" s="9">
        <f t="shared" si="63"/>
        <v>1.019803902718557</v>
      </c>
      <c r="EYI7" s="9">
        <f t="shared" si="63"/>
        <v>1.019803902718557</v>
      </c>
      <c r="EYJ7" s="9">
        <f t="shared" si="63"/>
        <v>1.019803902718557</v>
      </c>
      <c r="EYK7" s="9">
        <f t="shared" si="63"/>
        <v>1.019803902718557</v>
      </c>
      <c r="EYL7" s="9">
        <f t="shared" ref="EYL7:FAW7" si="64">1/((1+$F$6) ^(EYL3-$F$7))</f>
        <v>1.019803902718557</v>
      </c>
      <c r="EYM7" s="9">
        <f t="shared" si="64"/>
        <v>1.019803902718557</v>
      </c>
      <c r="EYN7" s="9">
        <f t="shared" si="64"/>
        <v>1.019803902718557</v>
      </c>
      <c r="EYO7" s="9">
        <f t="shared" si="64"/>
        <v>1.019803902718557</v>
      </c>
      <c r="EYP7" s="9">
        <f t="shared" si="64"/>
        <v>1.019803902718557</v>
      </c>
      <c r="EYQ7" s="9">
        <f t="shared" si="64"/>
        <v>1.019803902718557</v>
      </c>
      <c r="EYR7" s="9">
        <f t="shared" si="64"/>
        <v>1.019803902718557</v>
      </c>
      <c r="EYS7" s="9">
        <f t="shared" si="64"/>
        <v>1.019803902718557</v>
      </c>
      <c r="EYT7" s="9">
        <f t="shared" si="64"/>
        <v>1.019803902718557</v>
      </c>
      <c r="EYU7" s="9">
        <f t="shared" si="64"/>
        <v>1.019803902718557</v>
      </c>
      <c r="EYV7" s="9">
        <f t="shared" si="64"/>
        <v>1.019803902718557</v>
      </c>
      <c r="EYW7" s="9">
        <f t="shared" si="64"/>
        <v>1.019803902718557</v>
      </c>
      <c r="EYX7" s="9">
        <f t="shared" si="64"/>
        <v>1.019803902718557</v>
      </c>
      <c r="EYY7" s="9">
        <f t="shared" si="64"/>
        <v>1.019803902718557</v>
      </c>
      <c r="EYZ7" s="9">
        <f t="shared" si="64"/>
        <v>1.019803902718557</v>
      </c>
      <c r="EZA7" s="9">
        <f t="shared" si="64"/>
        <v>1.019803902718557</v>
      </c>
      <c r="EZB7" s="9">
        <f t="shared" si="64"/>
        <v>1.019803902718557</v>
      </c>
      <c r="EZC7" s="9">
        <f t="shared" si="64"/>
        <v>1.019803902718557</v>
      </c>
      <c r="EZD7" s="9">
        <f t="shared" si="64"/>
        <v>1.019803902718557</v>
      </c>
      <c r="EZE7" s="9">
        <f t="shared" si="64"/>
        <v>1.019803902718557</v>
      </c>
      <c r="EZF7" s="9">
        <f t="shared" si="64"/>
        <v>1.019803902718557</v>
      </c>
      <c r="EZG7" s="9">
        <f t="shared" si="64"/>
        <v>1.019803902718557</v>
      </c>
      <c r="EZH7" s="9">
        <f t="shared" si="64"/>
        <v>1.019803902718557</v>
      </c>
      <c r="EZI7" s="9">
        <f t="shared" si="64"/>
        <v>1.019803902718557</v>
      </c>
      <c r="EZJ7" s="9">
        <f t="shared" si="64"/>
        <v>1.019803902718557</v>
      </c>
      <c r="EZK7" s="9">
        <f t="shared" si="64"/>
        <v>1.019803902718557</v>
      </c>
      <c r="EZL7" s="9">
        <f t="shared" si="64"/>
        <v>1.019803902718557</v>
      </c>
      <c r="EZM7" s="9">
        <f t="shared" si="64"/>
        <v>1.019803902718557</v>
      </c>
      <c r="EZN7" s="9">
        <f t="shared" si="64"/>
        <v>1.019803902718557</v>
      </c>
      <c r="EZO7" s="9">
        <f t="shared" si="64"/>
        <v>1.019803902718557</v>
      </c>
      <c r="EZP7" s="9">
        <f t="shared" si="64"/>
        <v>1.019803902718557</v>
      </c>
      <c r="EZQ7" s="9">
        <f t="shared" si="64"/>
        <v>1.019803902718557</v>
      </c>
      <c r="EZR7" s="9">
        <f t="shared" si="64"/>
        <v>1.019803902718557</v>
      </c>
      <c r="EZS7" s="9">
        <f t="shared" si="64"/>
        <v>1.019803902718557</v>
      </c>
      <c r="EZT7" s="9">
        <f t="shared" si="64"/>
        <v>1.019803902718557</v>
      </c>
      <c r="EZU7" s="9">
        <f t="shared" si="64"/>
        <v>1.019803902718557</v>
      </c>
      <c r="EZV7" s="9">
        <f t="shared" si="64"/>
        <v>1.019803902718557</v>
      </c>
      <c r="EZW7" s="9">
        <f t="shared" si="64"/>
        <v>1.019803902718557</v>
      </c>
      <c r="EZX7" s="9">
        <f t="shared" si="64"/>
        <v>1.019803902718557</v>
      </c>
      <c r="EZY7" s="9">
        <f t="shared" si="64"/>
        <v>1.019803902718557</v>
      </c>
      <c r="EZZ7" s="9">
        <f t="shared" si="64"/>
        <v>1.019803902718557</v>
      </c>
      <c r="FAA7" s="9">
        <f t="shared" si="64"/>
        <v>1.019803902718557</v>
      </c>
      <c r="FAB7" s="9">
        <f t="shared" si="64"/>
        <v>1.019803902718557</v>
      </c>
      <c r="FAC7" s="9">
        <f t="shared" si="64"/>
        <v>1.019803902718557</v>
      </c>
      <c r="FAD7" s="9">
        <f t="shared" si="64"/>
        <v>1.019803902718557</v>
      </c>
      <c r="FAE7" s="9">
        <f t="shared" si="64"/>
        <v>1.019803902718557</v>
      </c>
      <c r="FAF7" s="9">
        <f t="shared" si="64"/>
        <v>1.019803902718557</v>
      </c>
      <c r="FAG7" s="9">
        <f t="shared" si="64"/>
        <v>1.019803902718557</v>
      </c>
      <c r="FAH7" s="9">
        <f t="shared" si="64"/>
        <v>1.019803902718557</v>
      </c>
      <c r="FAI7" s="9">
        <f t="shared" si="64"/>
        <v>1.019803902718557</v>
      </c>
      <c r="FAJ7" s="9">
        <f t="shared" si="64"/>
        <v>1.019803902718557</v>
      </c>
      <c r="FAK7" s="9">
        <f t="shared" si="64"/>
        <v>1.019803902718557</v>
      </c>
      <c r="FAL7" s="9">
        <f t="shared" si="64"/>
        <v>1.019803902718557</v>
      </c>
      <c r="FAM7" s="9">
        <f t="shared" si="64"/>
        <v>1.019803902718557</v>
      </c>
      <c r="FAN7" s="9">
        <f t="shared" si="64"/>
        <v>1.019803902718557</v>
      </c>
      <c r="FAO7" s="9">
        <f t="shared" si="64"/>
        <v>1.019803902718557</v>
      </c>
      <c r="FAP7" s="9">
        <f t="shared" si="64"/>
        <v>1.019803902718557</v>
      </c>
      <c r="FAQ7" s="9">
        <f t="shared" si="64"/>
        <v>1.019803902718557</v>
      </c>
      <c r="FAR7" s="9">
        <f t="shared" si="64"/>
        <v>1.019803902718557</v>
      </c>
      <c r="FAS7" s="9">
        <f t="shared" si="64"/>
        <v>1.019803902718557</v>
      </c>
      <c r="FAT7" s="9">
        <f t="shared" si="64"/>
        <v>1.019803902718557</v>
      </c>
      <c r="FAU7" s="9">
        <f t="shared" si="64"/>
        <v>1.019803902718557</v>
      </c>
      <c r="FAV7" s="9">
        <f t="shared" si="64"/>
        <v>1.019803902718557</v>
      </c>
      <c r="FAW7" s="9">
        <f t="shared" si="64"/>
        <v>1.019803902718557</v>
      </c>
      <c r="FAX7" s="9">
        <f t="shared" ref="FAX7:FDI7" si="65">1/((1+$F$6) ^(FAX3-$F$7))</f>
        <v>1.019803902718557</v>
      </c>
      <c r="FAY7" s="9">
        <f t="shared" si="65"/>
        <v>1.019803902718557</v>
      </c>
      <c r="FAZ7" s="9">
        <f t="shared" si="65"/>
        <v>1.019803902718557</v>
      </c>
      <c r="FBA7" s="9">
        <f t="shared" si="65"/>
        <v>1.019803902718557</v>
      </c>
      <c r="FBB7" s="9">
        <f t="shared" si="65"/>
        <v>1.019803902718557</v>
      </c>
      <c r="FBC7" s="9">
        <f t="shared" si="65"/>
        <v>1.019803902718557</v>
      </c>
      <c r="FBD7" s="9">
        <f t="shared" si="65"/>
        <v>1.019803902718557</v>
      </c>
      <c r="FBE7" s="9">
        <f t="shared" si="65"/>
        <v>1.019803902718557</v>
      </c>
      <c r="FBF7" s="9">
        <f t="shared" si="65"/>
        <v>1.019803902718557</v>
      </c>
      <c r="FBG7" s="9">
        <f t="shared" si="65"/>
        <v>1.019803902718557</v>
      </c>
      <c r="FBH7" s="9">
        <f t="shared" si="65"/>
        <v>1.019803902718557</v>
      </c>
      <c r="FBI7" s="9">
        <f t="shared" si="65"/>
        <v>1.019803902718557</v>
      </c>
      <c r="FBJ7" s="9">
        <f t="shared" si="65"/>
        <v>1.019803902718557</v>
      </c>
      <c r="FBK7" s="9">
        <f t="shared" si="65"/>
        <v>1.019803902718557</v>
      </c>
      <c r="FBL7" s="9">
        <f t="shared" si="65"/>
        <v>1.019803902718557</v>
      </c>
      <c r="FBM7" s="9">
        <f t="shared" si="65"/>
        <v>1.019803902718557</v>
      </c>
      <c r="FBN7" s="9">
        <f t="shared" si="65"/>
        <v>1.019803902718557</v>
      </c>
      <c r="FBO7" s="9">
        <f t="shared" si="65"/>
        <v>1.019803902718557</v>
      </c>
      <c r="FBP7" s="9">
        <f t="shared" si="65"/>
        <v>1.019803902718557</v>
      </c>
      <c r="FBQ7" s="9">
        <f t="shared" si="65"/>
        <v>1.019803902718557</v>
      </c>
      <c r="FBR7" s="9">
        <f t="shared" si="65"/>
        <v>1.019803902718557</v>
      </c>
      <c r="FBS7" s="9">
        <f t="shared" si="65"/>
        <v>1.019803902718557</v>
      </c>
      <c r="FBT7" s="9">
        <f t="shared" si="65"/>
        <v>1.019803902718557</v>
      </c>
      <c r="FBU7" s="9">
        <f t="shared" si="65"/>
        <v>1.019803902718557</v>
      </c>
      <c r="FBV7" s="9">
        <f t="shared" si="65"/>
        <v>1.019803902718557</v>
      </c>
      <c r="FBW7" s="9">
        <f t="shared" si="65"/>
        <v>1.019803902718557</v>
      </c>
      <c r="FBX7" s="9">
        <f t="shared" si="65"/>
        <v>1.019803902718557</v>
      </c>
      <c r="FBY7" s="9">
        <f t="shared" si="65"/>
        <v>1.019803902718557</v>
      </c>
      <c r="FBZ7" s="9">
        <f t="shared" si="65"/>
        <v>1.019803902718557</v>
      </c>
      <c r="FCA7" s="9">
        <f t="shared" si="65"/>
        <v>1.019803902718557</v>
      </c>
      <c r="FCB7" s="9">
        <f t="shared" si="65"/>
        <v>1.019803902718557</v>
      </c>
      <c r="FCC7" s="9">
        <f t="shared" si="65"/>
        <v>1.019803902718557</v>
      </c>
      <c r="FCD7" s="9">
        <f t="shared" si="65"/>
        <v>1.019803902718557</v>
      </c>
      <c r="FCE7" s="9">
        <f t="shared" si="65"/>
        <v>1.019803902718557</v>
      </c>
      <c r="FCF7" s="9">
        <f t="shared" si="65"/>
        <v>1.019803902718557</v>
      </c>
      <c r="FCG7" s="9">
        <f t="shared" si="65"/>
        <v>1.019803902718557</v>
      </c>
      <c r="FCH7" s="9">
        <f t="shared" si="65"/>
        <v>1.019803902718557</v>
      </c>
      <c r="FCI7" s="9">
        <f t="shared" si="65"/>
        <v>1.019803902718557</v>
      </c>
      <c r="FCJ7" s="9">
        <f t="shared" si="65"/>
        <v>1.019803902718557</v>
      </c>
      <c r="FCK7" s="9">
        <f t="shared" si="65"/>
        <v>1.019803902718557</v>
      </c>
      <c r="FCL7" s="9">
        <f t="shared" si="65"/>
        <v>1.019803902718557</v>
      </c>
      <c r="FCM7" s="9">
        <f t="shared" si="65"/>
        <v>1.019803902718557</v>
      </c>
      <c r="FCN7" s="9">
        <f t="shared" si="65"/>
        <v>1.019803902718557</v>
      </c>
      <c r="FCO7" s="9">
        <f t="shared" si="65"/>
        <v>1.019803902718557</v>
      </c>
      <c r="FCP7" s="9">
        <f t="shared" si="65"/>
        <v>1.019803902718557</v>
      </c>
      <c r="FCQ7" s="9">
        <f t="shared" si="65"/>
        <v>1.019803902718557</v>
      </c>
      <c r="FCR7" s="9">
        <f t="shared" si="65"/>
        <v>1.019803902718557</v>
      </c>
      <c r="FCS7" s="9">
        <f t="shared" si="65"/>
        <v>1.019803902718557</v>
      </c>
      <c r="FCT7" s="9">
        <f t="shared" si="65"/>
        <v>1.019803902718557</v>
      </c>
      <c r="FCU7" s="9">
        <f t="shared" si="65"/>
        <v>1.019803902718557</v>
      </c>
      <c r="FCV7" s="9">
        <f t="shared" si="65"/>
        <v>1.019803902718557</v>
      </c>
      <c r="FCW7" s="9">
        <f t="shared" si="65"/>
        <v>1.019803902718557</v>
      </c>
      <c r="FCX7" s="9">
        <f t="shared" si="65"/>
        <v>1.019803902718557</v>
      </c>
      <c r="FCY7" s="9">
        <f t="shared" si="65"/>
        <v>1.019803902718557</v>
      </c>
      <c r="FCZ7" s="9">
        <f t="shared" si="65"/>
        <v>1.019803902718557</v>
      </c>
      <c r="FDA7" s="9">
        <f t="shared" si="65"/>
        <v>1.019803902718557</v>
      </c>
      <c r="FDB7" s="9">
        <f t="shared" si="65"/>
        <v>1.019803902718557</v>
      </c>
      <c r="FDC7" s="9">
        <f t="shared" si="65"/>
        <v>1.019803902718557</v>
      </c>
      <c r="FDD7" s="9">
        <f t="shared" si="65"/>
        <v>1.019803902718557</v>
      </c>
      <c r="FDE7" s="9">
        <f t="shared" si="65"/>
        <v>1.019803902718557</v>
      </c>
      <c r="FDF7" s="9">
        <f t="shared" si="65"/>
        <v>1.019803902718557</v>
      </c>
      <c r="FDG7" s="9">
        <f t="shared" si="65"/>
        <v>1.019803902718557</v>
      </c>
      <c r="FDH7" s="9">
        <f t="shared" si="65"/>
        <v>1.019803902718557</v>
      </c>
      <c r="FDI7" s="9">
        <f t="shared" si="65"/>
        <v>1.019803902718557</v>
      </c>
      <c r="FDJ7" s="9">
        <f t="shared" ref="FDJ7:FFU7" si="66">1/((1+$F$6) ^(FDJ3-$F$7))</f>
        <v>1.019803902718557</v>
      </c>
      <c r="FDK7" s="9">
        <f t="shared" si="66"/>
        <v>1.019803902718557</v>
      </c>
      <c r="FDL7" s="9">
        <f t="shared" si="66"/>
        <v>1.019803902718557</v>
      </c>
      <c r="FDM7" s="9">
        <f t="shared" si="66"/>
        <v>1.019803902718557</v>
      </c>
      <c r="FDN7" s="9">
        <f t="shared" si="66"/>
        <v>1.019803902718557</v>
      </c>
      <c r="FDO7" s="9">
        <f t="shared" si="66"/>
        <v>1.019803902718557</v>
      </c>
      <c r="FDP7" s="9">
        <f t="shared" si="66"/>
        <v>1.019803902718557</v>
      </c>
      <c r="FDQ7" s="9">
        <f t="shared" si="66"/>
        <v>1.019803902718557</v>
      </c>
      <c r="FDR7" s="9">
        <f t="shared" si="66"/>
        <v>1.019803902718557</v>
      </c>
      <c r="FDS7" s="9">
        <f t="shared" si="66"/>
        <v>1.019803902718557</v>
      </c>
      <c r="FDT7" s="9">
        <f t="shared" si="66"/>
        <v>1.019803902718557</v>
      </c>
      <c r="FDU7" s="9">
        <f t="shared" si="66"/>
        <v>1.019803902718557</v>
      </c>
      <c r="FDV7" s="9">
        <f t="shared" si="66"/>
        <v>1.019803902718557</v>
      </c>
      <c r="FDW7" s="9">
        <f t="shared" si="66"/>
        <v>1.019803902718557</v>
      </c>
      <c r="FDX7" s="9">
        <f t="shared" si="66"/>
        <v>1.019803902718557</v>
      </c>
      <c r="FDY7" s="9">
        <f t="shared" si="66"/>
        <v>1.019803902718557</v>
      </c>
      <c r="FDZ7" s="9">
        <f t="shared" si="66"/>
        <v>1.019803902718557</v>
      </c>
      <c r="FEA7" s="9">
        <f t="shared" si="66"/>
        <v>1.019803902718557</v>
      </c>
      <c r="FEB7" s="9">
        <f t="shared" si="66"/>
        <v>1.019803902718557</v>
      </c>
      <c r="FEC7" s="9">
        <f t="shared" si="66"/>
        <v>1.019803902718557</v>
      </c>
      <c r="FED7" s="9">
        <f t="shared" si="66"/>
        <v>1.019803902718557</v>
      </c>
      <c r="FEE7" s="9">
        <f t="shared" si="66"/>
        <v>1.019803902718557</v>
      </c>
      <c r="FEF7" s="9">
        <f t="shared" si="66"/>
        <v>1.019803902718557</v>
      </c>
      <c r="FEG7" s="9">
        <f t="shared" si="66"/>
        <v>1.019803902718557</v>
      </c>
      <c r="FEH7" s="9">
        <f t="shared" si="66"/>
        <v>1.019803902718557</v>
      </c>
      <c r="FEI7" s="9">
        <f t="shared" si="66"/>
        <v>1.019803902718557</v>
      </c>
      <c r="FEJ7" s="9">
        <f t="shared" si="66"/>
        <v>1.019803902718557</v>
      </c>
      <c r="FEK7" s="9">
        <f t="shared" si="66"/>
        <v>1.019803902718557</v>
      </c>
      <c r="FEL7" s="9">
        <f t="shared" si="66"/>
        <v>1.019803902718557</v>
      </c>
      <c r="FEM7" s="9">
        <f t="shared" si="66"/>
        <v>1.019803902718557</v>
      </c>
      <c r="FEN7" s="9">
        <f t="shared" si="66"/>
        <v>1.019803902718557</v>
      </c>
      <c r="FEO7" s="9">
        <f t="shared" si="66"/>
        <v>1.019803902718557</v>
      </c>
      <c r="FEP7" s="9">
        <f t="shared" si="66"/>
        <v>1.019803902718557</v>
      </c>
      <c r="FEQ7" s="9">
        <f t="shared" si="66"/>
        <v>1.019803902718557</v>
      </c>
      <c r="FER7" s="9">
        <f t="shared" si="66"/>
        <v>1.019803902718557</v>
      </c>
      <c r="FES7" s="9">
        <f t="shared" si="66"/>
        <v>1.019803902718557</v>
      </c>
      <c r="FET7" s="9">
        <f t="shared" si="66"/>
        <v>1.019803902718557</v>
      </c>
      <c r="FEU7" s="9">
        <f t="shared" si="66"/>
        <v>1.019803902718557</v>
      </c>
      <c r="FEV7" s="9">
        <f t="shared" si="66"/>
        <v>1.019803902718557</v>
      </c>
      <c r="FEW7" s="9">
        <f t="shared" si="66"/>
        <v>1.019803902718557</v>
      </c>
      <c r="FEX7" s="9">
        <f t="shared" si="66"/>
        <v>1.019803902718557</v>
      </c>
      <c r="FEY7" s="9">
        <f t="shared" si="66"/>
        <v>1.019803902718557</v>
      </c>
      <c r="FEZ7" s="9">
        <f t="shared" si="66"/>
        <v>1.019803902718557</v>
      </c>
      <c r="FFA7" s="9">
        <f t="shared" si="66"/>
        <v>1.019803902718557</v>
      </c>
      <c r="FFB7" s="9">
        <f t="shared" si="66"/>
        <v>1.019803902718557</v>
      </c>
      <c r="FFC7" s="9">
        <f t="shared" si="66"/>
        <v>1.019803902718557</v>
      </c>
      <c r="FFD7" s="9">
        <f t="shared" si="66"/>
        <v>1.019803902718557</v>
      </c>
      <c r="FFE7" s="9">
        <f t="shared" si="66"/>
        <v>1.019803902718557</v>
      </c>
      <c r="FFF7" s="9">
        <f t="shared" si="66"/>
        <v>1.019803902718557</v>
      </c>
      <c r="FFG7" s="9">
        <f t="shared" si="66"/>
        <v>1.019803902718557</v>
      </c>
      <c r="FFH7" s="9">
        <f t="shared" si="66"/>
        <v>1.019803902718557</v>
      </c>
      <c r="FFI7" s="9">
        <f t="shared" si="66"/>
        <v>1.019803902718557</v>
      </c>
      <c r="FFJ7" s="9">
        <f t="shared" si="66"/>
        <v>1.019803902718557</v>
      </c>
      <c r="FFK7" s="9">
        <f t="shared" si="66"/>
        <v>1.019803902718557</v>
      </c>
      <c r="FFL7" s="9">
        <f t="shared" si="66"/>
        <v>1.019803902718557</v>
      </c>
      <c r="FFM7" s="9">
        <f t="shared" si="66"/>
        <v>1.019803902718557</v>
      </c>
      <c r="FFN7" s="9">
        <f t="shared" si="66"/>
        <v>1.019803902718557</v>
      </c>
      <c r="FFO7" s="9">
        <f t="shared" si="66"/>
        <v>1.019803902718557</v>
      </c>
      <c r="FFP7" s="9">
        <f t="shared" si="66"/>
        <v>1.019803902718557</v>
      </c>
      <c r="FFQ7" s="9">
        <f t="shared" si="66"/>
        <v>1.019803902718557</v>
      </c>
      <c r="FFR7" s="9">
        <f t="shared" si="66"/>
        <v>1.019803902718557</v>
      </c>
      <c r="FFS7" s="9">
        <f t="shared" si="66"/>
        <v>1.019803902718557</v>
      </c>
      <c r="FFT7" s="9">
        <f t="shared" si="66"/>
        <v>1.019803902718557</v>
      </c>
      <c r="FFU7" s="9">
        <f t="shared" si="66"/>
        <v>1.019803902718557</v>
      </c>
      <c r="FFV7" s="9">
        <f t="shared" ref="FFV7:FIG7" si="67">1/((1+$F$6) ^(FFV3-$F$7))</f>
        <v>1.019803902718557</v>
      </c>
      <c r="FFW7" s="9">
        <f t="shared" si="67"/>
        <v>1.019803902718557</v>
      </c>
      <c r="FFX7" s="9">
        <f t="shared" si="67"/>
        <v>1.019803902718557</v>
      </c>
      <c r="FFY7" s="9">
        <f t="shared" si="67"/>
        <v>1.019803902718557</v>
      </c>
      <c r="FFZ7" s="9">
        <f t="shared" si="67"/>
        <v>1.019803902718557</v>
      </c>
      <c r="FGA7" s="9">
        <f t="shared" si="67"/>
        <v>1.019803902718557</v>
      </c>
      <c r="FGB7" s="9">
        <f t="shared" si="67"/>
        <v>1.019803902718557</v>
      </c>
      <c r="FGC7" s="9">
        <f t="shared" si="67"/>
        <v>1.019803902718557</v>
      </c>
      <c r="FGD7" s="9">
        <f t="shared" si="67"/>
        <v>1.019803902718557</v>
      </c>
      <c r="FGE7" s="9">
        <f t="shared" si="67"/>
        <v>1.019803902718557</v>
      </c>
      <c r="FGF7" s="9">
        <f t="shared" si="67"/>
        <v>1.019803902718557</v>
      </c>
      <c r="FGG7" s="9">
        <f t="shared" si="67"/>
        <v>1.019803902718557</v>
      </c>
      <c r="FGH7" s="9">
        <f t="shared" si="67"/>
        <v>1.019803902718557</v>
      </c>
      <c r="FGI7" s="9">
        <f t="shared" si="67"/>
        <v>1.019803902718557</v>
      </c>
      <c r="FGJ7" s="9">
        <f t="shared" si="67"/>
        <v>1.019803902718557</v>
      </c>
      <c r="FGK7" s="9">
        <f t="shared" si="67"/>
        <v>1.019803902718557</v>
      </c>
      <c r="FGL7" s="9">
        <f t="shared" si="67"/>
        <v>1.019803902718557</v>
      </c>
      <c r="FGM7" s="9">
        <f t="shared" si="67"/>
        <v>1.019803902718557</v>
      </c>
      <c r="FGN7" s="9">
        <f t="shared" si="67"/>
        <v>1.019803902718557</v>
      </c>
      <c r="FGO7" s="9">
        <f t="shared" si="67"/>
        <v>1.019803902718557</v>
      </c>
      <c r="FGP7" s="9">
        <f t="shared" si="67"/>
        <v>1.019803902718557</v>
      </c>
      <c r="FGQ7" s="9">
        <f t="shared" si="67"/>
        <v>1.019803902718557</v>
      </c>
      <c r="FGR7" s="9">
        <f t="shared" si="67"/>
        <v>1.019803902718557</v>
      </c>
      <c r="FGS7" s="9">
        <f t="shared" si="67"/>
        <v>1.019803902718557</v>
      </c>
      <c r="FGT7" s="9">
        <f t="shared" si="67"/>
        <v>1.019803902718557</v>
      </c>
      <c r="FGU7" s="9">
        <f t="shared" si="67"/>
        <v>1.019803902718557</v>
      </c>
      <c r="FGV7" s="9">
        <f t="shared" si="67"/>
        <v>1.019803902718557</v>
      </c>
      <c r="FGW7" s="9">
        <f t="shared" si="67"/>
        <v>1.019803902718557</v>
      </c>
      <c r="FGX7" s="9">
        <f t="shared" si="67"/>
        <v>1.019803902718557</v>
      </c>
      <c r="FGY7" s="9">
        <f t="shared" si="67"/>
        <v>1.019803902718557</v>
      </c>
      <c r="FGZ7" s="9">
        <f t="shared" si="67"/>
        <v>1.019803902718557</v>
      </c>
      <c r="FHA7" s="9">
        <f t="shared" si="67"/>
        <v>1.019803902718557</v>
      </c>
      <c r="FHB7" s="9">
        <f t="shared" si="67"/>
        <v>1.019803902718557</v>
      </c>
      <c r="FHC7" s="9">
        <f t="shared" si="67"/>
        <v>1.019803902718557</v>
      </c>
      <c r="FHD7" s="9">
        <f t="shared" si="67"/>
        <v>1.019803902718557</v>
      </c>
      <c r="FHE7" s="9">
        <f t="shared" si="67"/>
        <v>1.019803902718557</v>
      </c>
      <c r="FHF7" s="9">
        <f t="shared" si="67"/>
        <v>1.019803902718557</v>
      </c>
      <c r="FHG7" s="9">
        <f t="shared" si="67"/>
        <v>1.019803902718557</v>
      </c>
      <c r="FHH7" s="9">
        <f t="shared" si="67"/>
        <v>1.019803902718557</v>
      </c>
      <c r="FHI7" s="9">
        <f t="shared" si="67"/>
        <v>1.019803902718557</v>
      </c>
      <c r="FHJ7" s="9">
        <f t="shared" si="67"/>
        <v>1.019803902718557</v>
      </c>
      <c r="FHK7" s="9">
        <f t="shared" si="67"/>
        <v>1.019803902718557</v>
      </c>
      <c r="FHL7" s="9">
        <f t="shared" si="67"/>
        <v>1.019803902718557</v>
      </c>
      <c r="FHM7" s="9">
        <f t="shared" si="67"/>
        <v>1.019803902718557</v>
      </c>
      <c r="FHN7" s="9">
        <f t="shared" si="67"/>
        <v>1.019803902718557</v>
      </c>
      <c r="FHO7" s="9">
        <f t="shared" si="67"/>
        <v>1.019803902718557</v>
      </c>
      <c r="FHP7" s="9">
        <f t="shared" si="67"/>
        <v>1.019803902718557</v>
      </c>
      <c r="FHQ7" s="9">
        <f t="shared" si="67"/>
        <v>1.019803902718557</v>
      </c>
      <c r="FHR7" s="9">
        <f t="shared" si="67"/>
        <v>1.019803902718557</v>
      </c>
      <c r="FHS7" s="9">
        <f t="shared" si="67"/>
        <v>1.019803902718557</v>
      </c>
      <c r="FHT7" s="9">
        <f t="shared" si="67"/>
        <v>1.019803902718557</v>
      </c>
      <c r="FHU7" s="9">
        <f t="shared" si="67"/>
        <v>1.019803902718557</v>
      </c>
      <c r="FHV7" s="9">
        <f t="shared" si="67"/>
        <v>1.019803902718557</v>
      </c>
      <c r="FHW7" s="9">
        <f t="shared" si="67"/>
        <v>1.019803902718557</v>
      </c>
      <c r="FHX7" s="9">
        <f t="shared" si="67"/>
        <v>1.019803902718557</v>
      </c>
      <c r="FHY7" s="9">
        <f t="shared" si="67"/>
        <v>1.019803902718557</v>
      </c>
      <c r="FHZ7" s="9">
        <f t="shared" si="67"/>
        <v>1.019803902718557</v>
      </c>
      <c r="FIA7" s="9">
        <f t="shared" si="67"/>
        <v>1.019803902718557</v>
      </c>
      <c r="FIB7" s="9">
        <f t="shared" si="67"/>
        <v>1.019803902718557</v>
      </c>
      <c r="FIC7" s="9">
        <f t="shared" si="67"/>
        <v>1.019803902718557</v>
      </c>
      <c r="FID7" s="9">
        <f t="shared" si="67"/>
        <v>1.019803902718557</v>
      </c>
      <c r="FIE7" s="9">
        <f t="shared" si="67"/>
        <v>1.019803902718557</v>
      </c>
      <c r="FIF7" s="9">
        <f t="shared" si="67"/>
        <v>1.019803902718557</v>
      </c>
      <c r="FIG7" s="9">
        <f t="shared" si="67"/>
        <v>1.019803902718557</v>
      </c>
      <c r="FIH7" s="9">
        <f t="shared" ref="FIH7:FKS7" si="68">1/((1+$F$6) ^(FIH3-$F$7))</f>
        <v>1.019803902718557</v>
      </c>
      <c r="FII7" s="9">
        <f t="shared" si="68"/>
        <v>1.019803902718557</v>
      </c>
      <c r="FIJ7" s="9">
        <f t="shared" si="68"/>
        <v>1.019803902718557</v>
      </c>
      <c r="FIK7" s="9">
        <f t="shared" si="68"/>
        <v>1.019803902718557</v>
      </c>
      <c r="FIL7" s="9">
        <f t="shared" si="68"/>
        <v>1.019803902718557</v>
      </c>
      <c r="FIM7" s="9">
        <f t="shared" si="68"/>
        <v>1.019803902718557</v>
      </c>
      <c r="FIN7" s="9">
        <f t="shared" si="68"/>
        <v>1.019803902718557</v>
      </c>
      <c r="FIO7" s="9">
        <f t="shared" si="68"/>
        <v>1.019803902718557</v>
      </c>
      <c r="FIP7" s="9">
        <f t="shared" si="68"/>
        <v>1.019803902718557</v>
      </c>
      <c r="FIQ7" s="9">
        <f t="shared" si="68"/>
        <v>1.019803902718557</v>
      </c>
      <c r="FIR7" s="9">
        <f t="shared" si="68"/>
        <v>1.019803902718557</v>
      </c>
      <c r="FIS7" s="9">
        <f t="shared" si="68"/>
        <v>1.019803902718557</v>
      </c>
      <c r="FIT7" s="9">
        <f t="shared" si="68"/>
        <v>1.019803902718557</v>
      </c>
      <c r="FIU7" s="9">
        <f t="shared" si="68"/>
        <v>1.019803902718557</v>
      </c>
      <c r="FIV7" s="9">
        <f t="shared" si="68"/>
        <v>1.019803902718557</v>
      </c>
      <c r="FIW7" s="9">
        <f t="shared" si="68"/>
        <v>1.019803902718557</v>
      </c>
      <c r="FIX7" s="9">
        <f t="shared" si="68"/>
        <v>1.019803902718557</v>
      </c>
      <c r="FIY7" s="9">
        <f t="shared" si="68"/>
        <v>1.019803902718557</v>
      </c>
      <c r="FIZ7" s="9">
        <f t="shared" si="68"/>
        <v>1.019803902718557</v>
      </c>
      <c r="FJA7" s="9">
        <f t="shared" si="68"/>
        <v>1.019803902718557</v>
      </c>
      <c r="FJB7" s="9">
        <f t="shared" si="68"/>
        <v>1.019803902718557</v>
      </c>
      <c r="FJC7" s="9">
        <f t="shared" si="68"/>
        <v>1.019803902718557</v>
      </c>
      <c r="FJD7" s="9">
        <f t="shared" si="68"/>
        <v>1.019803902718557</v>
      </c>
      <c r="FJE7" s="9">
        <f t="shared" si="68"/>
        <v>1.019803902718557</v>
      </c>
      <c r="FJF7" s="9">
        <f t="shared" si="68"/>
        <v>1.019803902718557</v>
      </c>
      <c r="FJG7" s="9">
        <f t="shared" si="68"/>
        <v>1.019803902718557</v>
      </c>
      <c r="FJH7" s="9">
        <f t="shared" si="68"/>
        <v>1.019803902718557</v>
      </c>
      <c r="FJI7" s="9">
        <f t="shared" si="68"/>
        <v>1.019803902718557</v>
      </c>
      <c r="FJJ7" s="9">
        <f t="shared" si="68"/>
        <v>1.019803902718557</v>
      </c>
      <c r="FJK7" s="9">
        <f t="shared" si="68"/>
        <v>1.019803902718557</v>
      </c>
      <c r="FJL7" s="9">
        <f t="shared" si="68"/>
        <v>1.019803902718557</v>
      </c>
      <c r="FJM7" s="9">
        <f t="shared" si="68"/>
        <v>1.019803902718557</v>
      </c>
      <c r="FJN7" s="9">
        <f t="shared" si="68"/>
        <v>1.019803902718557</v>
      </c>
      <c r="FJO7" s="9">
        <f t="shared" si="68"/>
        <v>1.019803902718557</v>
      </c>
      <c r="FJP7" s="9">
        <f t="shared" si="68"/>
        <v>1.019803902718557</v>
      </c>
      <c r="FJQ7" s="9">
        <f t="shared" si="68"/>
        <v>1.019803902718557</v>
      </c>
      <c r="FJR7" s="9">
        <f t="shared" si="68"/>
        <v>1.019803902718557</v>
      </c>
      <c r="FJS7" s="9">
        <f t="shared" si="68"/>
        <v>1.019803902718557</v>
      </c>
      <c r="FJT7" s="9">
        <f t="shared" si="68"/>
        <v>1.019803902718557</v>
      </c>
      <c r="FJU7" s="9">
        <f t="shared" si="68"/>
        <v>1.019803902718557</v>
      </c>
      <c r="FJV7" s="9">
        <f t="shared" si="68"/>
        <v>1.019803902718557</v>
      </c>
      <c r="FJW7" s="9">
        <f t="shared" si="68"/>
        <v>1.019803902718557</v>
      </c>
      <c r="FJX7" s="9">
        <f t="shared" si="68"/>
        <v>1.019803902718557</v>
      </c>
      <c r="FJY7" s="9">
        <f t="shared" si="68"/>
        <v>1.019803902718557</v>
      </c>
      <c r="FJZ7" s="9">
        <f t="shared" si="68"/>
        <v>1.019803902718557</v>
      </c>
      <c r="FKA7" s="9">
        <f t="shared" si="68"/>
        <v>1.019803902718557</v>
      </c>
      <c r="FKB7" s="9">
        <f t="shared" si="68"/>
        <v>1.019803902718557</v>
      </c>
      <c r="FKC7" s="9">
        <f t="shared" si="68"/>
        <v>1.019803902718557</v>
      </c>
      <c r="FKD7" s="9">
        <f t="shared" si="68"/>
        <v>1.019803902718557</v>
      </c>
      <c r="FKE7" s="9">
        <f t="shared" si="68"/>
        <v>1.019803902718557</v>
      </c>
      <c r="FKF7" s="9">
        <f t="shared" si="68"/>
        <v>1.019803902718557</v>
      </c>
      <c r="FKG7" s="9">
        <f t="shared" si="68"/>
        <v>1.019803902718557</v>
      </c>
      <c r="FKH7" s="9">
        <f t="shared" si="68"/>
        <v>1.019803902718557</v>
      </c>
      <c r="FKI7" s="9">
        <f t="shared" si="68"/>
        <v>1.019803902718557</v>
      </c>
      <c r="FKJ7" s="9">
        <f t="shared" si="68"/>
        <v>1.019803902718557</v>
      </c>
      <c r="FKK7" s="9">
        <f t="shared" si="68"/>
        <v>1.019803902718557</v>
      </c>
      <c r="FKL7" s="9">
        <f t="shared" si="68"/>
        <v>1.019803902718557</v>
      </c>
      <c r="FKM7" s="9">
        <f t="shared" si="68"/>
        <v>1.019803902718557</v>
      </c>
      <c r="FKN7" s="9">
        <f t="shared" si="68"/>
        <v>1.019803902718557</v>
      </c>
      <c r="FKO7" s="9">
        <f t="shared" si="68"/>
        <v>1.019803902718557</v>
      </c>
      <c r="FKP7" s="9">
        <f t="shared" si="68"/>
        <v>1.019803902718557</v>
      </c>
      <c r="FKQ7" s="9">
        <f t="shared" si="68"/>
        <v>1.019803902718557</v>
      </c>
      <c r="FKR7" s="9">
        <f t="shared" si="68"/>
        <v>1.019803902718557</v>
      </c>
      <c r="FKS7" s="9">
        <f t="shared" si="68"/>
        <v>1.019803902718557</v>
      </c>
      <c r="FKT7" s="9">
        <f t="shared" ref="FKT7:FNE7" si="69">1/((1+$F$6) ^(FKT3-$F$7))</f>
        <v>1.019803902718557</v>
      </c>
      <c r="FKU7" s="9">
        <f t="shared" si="69"/>
        <v>1.019803902718557</v>
      </c>
      <c r="FKV7" s="9">
        <f t="shared" si="69"/>
        <v>1.019803902718557</v>
      </c>
      <c r="FKW7" s="9">
        <f t="shared" si="69"/>
        <v>1.019803902718557</v>
      </c>
      <c r="FKX7" s="9">
        <f t="shared" si="69"/>
        <v>1.019803902718557</v>
      </c>
      <c r="FKY7" s="9">
        <f t="shared" si="69"/>
        <v>1.019803902718557</v>
      </c>
      <c r="FKZ7" s="9">
        <f t="shared" si="69"/>
        <v>1.019803902718557</v>
      </c>
      <c r="FLA7" s="9">
        <f t="shared" si="69"/>
        <v>1.019803902718557</v>
      </c>
      <c r="FLB7" s="9">
        <f t="shared" si="69"/>
        <v>1.019803902718557</v>
      </c>
      <c r="FLC7" s="9">
        <f t="shared" si="69"/>
        <v>1.019803902718557</v>
      </c>
      <c r="FLD7" s="9">
        <f t="shared" si="69"/>
        <v>1.019803902718557</v>
      </c>
      <c r="FLE7" s="9">
        <f t="shared" si="69"/>
        <v>1.019803902718557</v>
      </c>
      <c r="FLF7" s="9">
        <f t="shared" si="69"/>
        <v>1.019803902718557</v>
      </c>
      <c r="FLG7" s="9">
        <f t="shared" si="69"/>
        <v>1.019803902718557</v>
      </c>
      <c r="FLH7" s="9">
        <f t="shared" si="69"/>
        <v>1.019803902718557</v>
      </c>
      <c r="FLI7" s="9">
        <f t="shared" si="69"/>
        <v>1.019803902718557</v>
      </c>
      <c r="FLJ7" s="9">
        <f t="shared" si="69"/>
        <v>1.019803902718557</v>
      </c>
      <c r="FLK7" s="9">
        <f t="shared" si="69"/>
        <v>1.019803902718557</v>
      </c>
      <c r="FLL7" s="9">
        <f t="shared" si="69"/>
        <v>1.019803902718557</v>
      </c>
      <c r="FLM7" s="9">
        <f t="shared" si="69"/>
        <v>1.019803902718557</v>
      </c>
      <c r="FLN7" s="9">
        <f t="shared" si="69"/>
        <v>1.019803902718557</v>
      </c>
      <c r="FLO7" s="9">
        <f t="shared" si="69"/>
        <v>1.019803902718557</v>
      </c>
      <c r="FLP7" s="9">
        <f t="shared" si="69"/>
        <v>1.019803902718557</v>
      </c>
      <c r="FLQ7" s="9">
        <f t="shared" si="69"/>
        <v>1.019803902718557</v>
      </c>
      <c r="FLR7" s="9">
        <f t="shared" si="69"/>
        <v>1.019803902718557</v>
      </c>
      <c r="FLS7" s="9">
        <f t="shared" si="69"/>
        <v>1.019803902718557</v>
      </c>
      <c r="FLT7" s="9">
        <f t="shared" si="69"/>
        <v>1.019803902718557</v>
      </c>
      <c r="FLU7" s="9">
        <f t="shared" si="69"/>
        <v>1.019803902718557</v>
      </c>
      <c r="FLV7" s="9">
        <f t="shared" si="69"/>
        <v>1.019803902718557</v>
      </c>
      <c r="FLW7" s="9">
        <f t="shared" si="69"/>
        <v>1.019803902718557</v>
      </c>
      <c r="FLX7" s="9">
        <f t="shared" si="69"/>
        <v>1.019803902718557</v>
      </c>
      <c r="FLY7" s="9">
        <f t="shared" si="69"/>
        <v>1.019803902718557</v>
      </c>
      <c r="FLZ7" s="9">
        <f t="shared" si="69"/>
        <v>1.019803902718557</v>
      </c>
      <c r="FMA7" s="9">
        <f t="shared" si="69"/>
        <v>1.019803902718557</v>
      </c>
      <c r="FMB7" s="9">
        <f t="shared" si="69"/>
        <v>1.019803902718557</v>
      </c>
      <c r="FMC7" s="9">
        <f t="shared" si="69"/>
        <v>1.019803902718557</v>
      </c>
      <c r="FMD7" s="9">
        <f t="shared" si="69"/>
        <v>1.019803902718557</v>
      </c>
      <c r="FME7" s="9">
        <f t="shared" si="69"/>
        <v>1.019803902718557</v>
      </c>
      <c r="FMF7" s="9">
        <f t="shared" si="69"/>
        <v>1.019803902718557</v>
      </c>
      <c r="FMG7" s="9">
        <f t="shared" si="69"/>
        <v>1.019803902718557</v>
      </c>
      <c r="FMH7" s="9">
        <f t="shared" si="69"/>
        <v>1.019803902718557</v>
      </c>
      <c r="FMI7" s="9">
        <f t="shared" si="69"/>
        <v>1.019803902718557</v>
      </c>
      <c r="FMJ7" s="9">
        <f t="shared" si="69"/>
        <v>1.019803902718557</v>
      </c>
      <c r="FMK7" s="9">
        <f t="shared" si="69"/>
        <v>1.019803902718557</v>
      </c>
      <c r="FML7" s="9">
        <f t="shared" si="69"/>
        <v>1.019803902718557</v>
      </c>
      <c r="FMM7" s="9">
        <f t="shared" si="69"/>
        <v>1.019803902718557</v>
      </c>
      <c r="FMN7" s="9">
        <f t="shared" si="69"/>
        <v>1.019803902718557</v>
      </c>
      <c r="FMO7" s="9">
        <f t="shared" si="69"/>
        <v>1.019803902718557</v>
      </c>
      <c r="FMP7" s="9">
        <f t="shared" si="69"/>
        <v>1.019803902718557</v>
      </c>
      <c r="FMQ7" s="9">
        <f t="shared" si="69"/>
        <v>1.019803902718557</v>
      </c>
      <c r="FMR7" s="9">
        <f t="shared" si="69"/>
        <v>1.019803902718557</v>
      </c>
      <c r="FMS7" s="9">
        <f t="shared" si="69"/>
        <v>1.019803902718557</v>
      </c>
      <c r="FMT7" s="9">
        <f t="shared" si="69"/>
        <v>1.019803902718557</v>
      </c>
      <c r="FMU7" s="9">
        <f t="shared" si="69"/>
        <v>1.019803902718557</v>
      </c>
      <c r="FMV7" s="9">
        <f t="shared" si="69"/>
        <v>1.019803902718557</v>
      </c>
      <c r="FMW7" s="9">
        <f t="shared" si="69"/>
        <v>1.019803902718557</v>
      </c>
      <c r="FMX7" s="9">
        <f t="shared" si="69"/>
        <v>1.019803902718557</v>
      </c>
      <c r="FMY7" s="9">
        <f t="shared" si="69"/>
        <v>1.019803902718557</v>
      </c>
      <c r="FMZ7" s="9">
        <f t="shared" si="69"/>
        <v>1.019803902718557</v>
      </c>
      <c r="FNA7" s="9">
        <f t="shared" si="69"/>
        <v>1.019803902718557</v>
      </c>
      <c r="FNB7" s="9">
        <f t="shared" si="69"/>
        <v>1.019803902718557</v>
      </c>
      <c r="FNC7" s="9">
        <f t="shared" si="69"/>
        <v>1.019803902718557</v>
      </c>
      <c r="FND7" s="9">
        <f t="shared" si="69"/>
        <v>1.019803902718557</v>
      </c>
      <c r="FNE7" s="9">
        <f t="shared" si="69"/>
        <v>1.019803902718557</v>
      </c>
      <c r="FNF7" s="9">
        <f t="shared" ref="FNF7:FPQ7" si="70">1/((1+$F$6) ^(FNF3-$F$7))</f>
        <v>1.019803902718557</v>
      </c>
      <c r="FNG7" s="9">
        <f t="shared" si="70"/>
        <v>1.019803902718557</v>
      </c>
      <c r="FNH7" s="9">
        <f t="shared" si="70"/>
        <v>1.019803902718557</v>
      </c>
      <c r="FNI7" s="9">
        <f t="shared" si="70"/>
        <v>1.019803902718557</v>
      </c>
      <c r="FNJ7" s="9">
        <f t="shared" si="70"/>
        <v>1.019803902718557</v>
      </c>
      <c r="FNK7" s="9">
        <f t="shared" si="70"/>
        <v>1.019803902718557</v>
      </c>
      <c r="FNL7" s="9">
        <f t="shared" si="70"/>
        <v>1.019803902718557</v>
      </c>
      <c r="FNM7" s="9">
        <f t="shared" si="70"/>
        <v>1.019803902718557</v>
      </c>
      <c r="FNN7" s="9">
        <f t="shared" si="70"/>
        <v>1.019803902718557</v>
      </c>
      <c r="FNO7" s="9">
        <f t="shared" si="70"/>
        <v>1.019803902718557</v>
      </c>
      <c r="FNP7" s="9">
        <f t="shared" si="70"/>
        <v>1.019803902718557</v>
      </c>
      <c r="FNQ7" s="9">
        <f t="shared" si="70"/>
        <v>1.019803902718557</v>
      </c>
      <c r="FNR7" s="9">
        <f t="shared" si="70"/>
        <v>1.019803902718557</v>
      </c>
      <c r="FNS7" s="9">
        <f t="shared" si="70"/>
        <v>1.019803902718557</v>
      </c>
      <c r="FNT7" s="9">
        <f t="shared" si="70"/>
        <v>1.019803902718557</v>
      </c>
      <c r="FNU7" s="9">
        <f t="shared" si="70"/>
        <v>1.019803902718557</v>
      </c>
      <c r="FNV7" s="9">
        <f t="shared" si="70"/>
        <v>1.019803902718557</v>
      </c>
      <c r="FNW7" s="9">
        <f t="shared" si="70"/>
        <v>1.019803902718557</v>
      </c>
      <c r="FNX7" s="9">
        <f t="shared" si="70"/>
        <v>1.019803902718557</v>
      </c>
      <c r="FNY7" s="9">
        <f t="shared" si="70"/>
        <v>1.019803902718557</v>
      </c>
      <c r="FNZ7" s="9">
        <f t="shared" si="70"/>
        <v>1.019803902718557</v>
      </c>
      <c r="FOA7" s="9">
        <f t="shared" si="70"/>
        <v>1.019803902718557</v>
      </c>
      <c r="FOB7" s="9">
        <f t="shared" si="70"/>
        <v>1.019803902718557</v>
      </c>
      <c r="FOC7" s="9">
        <f t="shared" si="70"/>
        <v>1.019803902718557</v>
      </c>
      <c r="FOD7" s="9">
        <f t="shared" si="70"/>
        <v>1.019803902718557</v>
      </c>
      <c r="FOE7" s="9">
        <f t="shared" si="70"/>
        <v>1.019803902718557</v>
      </c>
      <c r="FOF7" s="9">
        <f t="shared" si="70"/>
        <v>1.019803902718557</v>
      </c>
      <c r="FOG7" s="9">
        <f t="shared" si="70"/>
        <v>1.019803902718557</v>
      </c>
      <c r="FOH7" s="9">
        <f t="shared" si="70"/>
        <v>1.019803902718557</v>
      </c>
      <c r="FOI7" s="9">
        <f t="shared" si="70"/>
        <v>1.019803902718557</v>
      </c>
      <c r="FOJ7" s="9">
        <f t="shared" si="70"/>
        <v>1.019803902718557</v>
      </c>
      <c r="FOK7" s="9">
        <f t="shared" si="70"/>
        <v>1.019803902718557</v>
      </c>
      <c r="FOL7" s="9">
        <f t="shared" si="70"/>
        <v>1.019803902718557</v>
      </c>
      <c r="FOM7" s="9">
        <f t="shared" si="70"/>
        <v>1.019803902718557</v>
      </c>
      <c r="FON7" s="9">
        <f t="shared" si="70"/>
        <v>1.019803902718557</v>
      </c>
      <c r="FOO7" s="9">
        <f t="shared" si="70"/>
        <v>1.019803902718557</v>
      </c>
      <c r="FOP7" s="9">
        <f t="shared" si="70"/>
        <v>1.019803902718557</v>
      </c>
      <c r="FOQ7" s="9">
        <f t="shared" si="70"/>
        <v>1.019803902718557</v>
      </c>
      <c r="FOR7" s="9">
        <f t="shared" si="70"/>
        <v>1.019803902718557</v>
      </c>
      <c r="FOS7" s="9">
        <f t="shared" si="70"/>
        <v>1.019803902718557</v>
      </c>
      <c r="FOT7" s="9">
        <f t="shared" si="70"/>
        <v>1.019803902718557</v>
      </c>
      <c r="FOU7" s="9">
        <f t="shared" si="70"/>
        <v>1.019803902718557</v>
      </c>
      <c r="FOV7" s="9">
        <f t="shared" si="70"/>
        <v>1.019803902718557</v>
      </c>
      <c r="FOW7" s="9">
        <f t="shared" si="70"/>
        <v>1.019803902718557</v>
      </c>
      <c r="FOX7" s="9">
        <f t="shared" si="70"/>
        <v>1.019803902718557</v>
      </c>
      <c r="FOY7" s="9">
        <f t="shared" si="70"/>
        <v>1.019803902718557</v>
      </c>
      <c r="FOZ7" s="9">
        <f t="shared" si="70"/>
        <v>1.019803902718557</v>
      </c>
      <c r="FPA7" s="9">
        <f t="shared" si="70"/>
        <v>1.019803902718557</v>
      </c>
      <c r="FPB7" s="9">
        <f t="shared" si="70"/>
        <v>1.019803902718557</v>
      </c>
      <c r="FPC7" s="9">
        <f t="shared" si="70"/>
        <v>1.019803902718557</v>
      </c>
      <c r="FPD7" s="9">
        <f t="shared" si="70"/>
        <v>1.019803902718557</v>
      </c>
      <c r="FPE7" s="9">
        <f t="shared" si="70"/>
        <v>1.019803902718557</v>
      </c>
      <c r="FPF7" s="9">
        <f t="shared" si="70"/>
        <v>1.019803902718557</v>
      </c>
      <c r="FPG7" s="9">
        <f t="shared" si="70"/>
        <v>1.019803902718557</v>
      </c>
      <c r="FPH7" s="9">
        <f t="shared" si="70"/>
        <v>1.019803902718557</v>
      </c>
      <c r="FPI7" s="9">
        <f t="shared" si="70"/>
        <v>1.019803902718557</v>
      </c>
      <c r="FPJ7" s="9">
        <f t="shared" si="70"/>
        <v>1.019803902718557</v>
      </c>
      <c r="FPK7" s="9">
        <f t="shared" si="70"/>
        <v>1.019803902718557</v>
      </c>
      <c r="FPL7" s="9">
        <f t="shared" si="70"/>
        <v>1.019803902718557</v>
      </c>
      <c r="FPM7" s="9">
        <f t="shared" si="70"/>
        <v>1.019803902718557</v>
      </c>
      <c r="FPN7" s="9">
        <f t="shared" si="70"/>
        <v>1.019803902718557</v>
      </c>
      <c r="FPO7" s="9">
        <f t="shared" si="70"/>
        <v>1.019803902718557</v>
      </c>
      <c r="FPP7" s="9">
        <f t="shared" si="70"/>
        <v>1.019803902718557</v>
      </c>
      <c r="FPQ7" s="9">
        <f t="shared" si="70"/>
        <v>1.019803902718557</v>
      </c>
      <c r="FPR7" s="9">
        <f t="shared" ref="FPR7:FSC7" si="71">1/((1+$F$6) ^(FPR3-$F$7))</f>
        <v>1.019803902718557</v>
      </c>
      <c r="FPS7" s="9">
        <f t="shared" si="71"/>
        <v>1.019803902718557</v>
      </c>
      <c r="FPT7" s="9">
        <f t="shared" si="71"/>
        <v>1.019803902718557</v>
      </c>
      <c r="FPU7" s="9">
        <f t="shared" si="71"/>
        <v>1.019803902718557</v>
      </c>
      <c r="FPV7" s="9">
        <f t="shared" si="71"/>
        <v>1.019803902718557</v>
      </c>
      <c r="FPW7" s="9">
        <f t="shared" si="71"/>
        <v>1.019803902718557</v>
      </c>
      <c r="FPX7" s="9">
        <f t="shared" si="71"/>
        <v>1.019803902718557</v>
      </c>
      <c r="FPY7" s="9">
        <f t="shared" si="71"/>
        <v>1.019803902718557</v>
      </c>
      <c r="FPZ7" s="9">
        <f t="shared" si="71"/>
        <v>1.019803902718557</v>
      </c>
      <c r="FQA7" s="9">
        <f t="shared" si="71"/>
        <v>1.019803902718557</v>
      </c>
      <c r="FQB7" s="9">
        <f t="shared" si="71"/>
        <v>1.019803902718557</v>
      </c>
      <c r="FQC7" s="9">
        <f t="shared" si="71"/>
        <v>1.019803902718557</v>
      </c>
      <c r="FQD7" s="9">
        <f t="shared" si="71"/>
        <v>1.019803902718557</v>
      </c>
      <c r="FQE7" s="9">
        <f t="shared" si="71"/>
        <v>1.019803902718557</v>
      </c>
      <c r="FQF7" s="9">
        <f t="shared" si="71"/>
        <v>1.019803902718557</v>
      </c>
      <c r="FQG7" s="9">
        <f t="shared" si="71"/>
        <v>1.019803902718557</v>
      </c>
      <c r="FQH7" s="9">
        <f t="shared" si="71"/>
        <v>1.019803902718557</v>
      </c>
      <c r="FQI7" s="9">
        <f t="shared" si="71"/>
        <v>1.019803902718557</v>
      </c>
      <c r="FQJ7" s="9">
        <f t="shared" si="71"/>
        <v>1.019803902718557</v>
      </c>
      <c r="FQK7" s="9">
        <f t="shared" si="71"/>
        <v>1.019803902718557</v>
      </c>
      <c r="FQL7" s="9">
        <f t="shared" si="71"/>
        <v>1.019803902718557</v>
      </c>
      <c r="FQM7" s="9">
        <f t="shared" si="71"/>
        <v>1.019803902718557</v>
      </c>
      <c r="FQN7" s="9">
        <f t="shared" si="71"/>
        <v>1.019803902718557</v>
      </c>
      <c r="FQO7" s="9">
        <f t="shared" si="71"/>
        <v>1.019803902718557</v>
      </c>
      <c r="FQP7" s="9">
        <f t="shared" si="71"/>
        <v>1.019803902718557</v>
      </c>
      <c r="FQQ7" s="9">
        <f t="shared" si="71"/>
        <v>1.019803902718557</v>
      </c>
      <c r="FQR7" s="9">
        <f t="shared" si="71"/>
        <v>1.019803902718557</v>
      </c>
      <c r="FQS7" s="9">
        <f t="shared" si="71"/>
        <v>1.019803902718557</v>
      </c>
      <c r="FQT7" s="9">
        <f t="shared" si="71"/>
        <v>1.019803902718557</v>
      </c>
      <c r="FQU7" s="9">
        <f t="shared" si="71"/>
        <v>1.019803902718557</v>
      </c>
      <c r="FQV7" s="9">
        <f t="shared" si="71"/>
        <v>1.019803902718557</v>
      </c>
      <c r="FQW7" s="9">
        <f t="shared" si="71"/>
        <v>1.019803902718557</v>
      </c>
      <c r="FQX7" s="9">
        <f t="shared" si="71"/>
        <v>1.019803902718557</v>
      </c>
      <c r="FQY7" s="9">
        <f t="shared" si="71"/>
        <v>1.019803902718557</v>
      </c>
      <c r="FQZ7" s="9">
        <f t="shared" si="71"/>
        <v>1.019803902718557</v>
      </c>
      <c r="FRA7" s="9">
        <f t="shared" si="71"/>
        <v>1.019803902718557</v>
      </c>
      <c r="FRB7" s="9">
        <f t="shared" si="71"/>
        <v>1.019803902718557</v>
      </c>
      <c r="FRC7" s="9">
        <f t="shared" si="71"/>
        <v>1.019803902718557</v>
      </c>
      <c r="FRD7" s="9">
        <f t="shared" si="71"/>
        <v>1.019803902718557</v>
      </c>
      <c r="FRE7" s="9">
        <f t="shared" si="71"/>
        <v>1.019803902718557</v>
      </c>
      <c r="FRF7" s="9">
        <f t="shared" si="71"/>
        <v>1.019803902718557</v>
      </c>
      <c r="FRG7" s="9">
        <f t="shared" si="71"/>
        <v>1.019803902718557</v>
      </c>
      <c r="FRH7" s="9">
        <f t="shared" si="71"/>
        <v>1.019803902718557</v>
      </c>
      <c r="FRI7" s="9">
        <f t="shared" si="71"/>
        <v>1.019803902718557</v>
      </c>
      <c r="FRJ7" s="9">
        <f t="shared" si="71"/>
        <v>1.019803902718557</v>
      </c>
      <c r="FRK7" s="9">
        <f t="shared" si="71"/>
        <v>1.019803902718557</v>
      </c>
      <c r="FRL7" s="9">
        <f t="shared" si="71"/>
        <v>1.019803902718557</v>
      </c>
      <c r="FRM7" s="9">
        <f t="shared" si="71"/>
        <v>1.019803902718557</v>
      </c>
      <c r="FRN7" s="9">
        <f t="shared" si="71"/>
        <v>1.019803902718557</v>
      </c>
      <c r="FRO7" s="9">
        <f t="shared" si="71"/>
        <v>1.019803902718557</v>
      </c>
      <c r="FRP7" s="9">
        <f t="shared" si="71"/>
        <v>1.019803902718557</v>
      </c>
      <c r="FRQ7" s="9">
        <f t="shared" si="71"/>
        <v>1.019803902718557</v>
      </c>
      <c r="FRR7" s="9">
        <f t="shared" si="71"/>
        <v>1.019803902718557</v>
      </c>
      <c r="FRS7" s="9">
        <f t="shared" si="71"/>
        <v>1.019803902718557</v>
      </c>
      <c r="FRT7" s="9">
        <f t="shared" si="71"/>
        <v>1.019803902718557</v>
      </c>
      <c r="FRU7" s="9">
        <f t="shared" si="71"/>
        <v>1.019803902718557</v>
      </c>
      <c r="FRV7" s="9">
        <f t="shared" si="71"/>
        <v>1.019803902718557</v>
      </c>
      <c r="FRW7" s="9">
        <f t="shared" si="71"/>
        <v>1.019803902718557</v>
      </c>
      <c r="FRX7" s="9">
        <f t="shared" si="71"/>
        <v>1.019803902718557</v>
      </c>
      <c r="FRY7" s="9">
        <f t="shared" si="71"/>
        <v>1.019803902718557</v>
      </c>
      <c r="FRZ7" s="9">
        <f t="shared" si="71"/>
        <v>1.019803902718557</v>
      </c>
      <c r="FSA7" s="9">
        <f t="shared" si="71"/>
        <v>1.019803902718557</v>
      </c>
      <c r="FSB7" s="9">
        <f t="shared" si="71"/>
        <v>1.019803902718557</v>
      </c>
      <c r="FSC7" s="9">
        <f t="shared" si="71"/>
        <v>1.019803902718557</v>
      </c>
      <c r="FSD7" s="9">
        <f t="shared" ref="FSD7:FUO7" si="72">1/((1+$F$6) ^(FSD3-$F$7))</f>
        <v>1.019803902718557</v>
      </c>
      <c r="FSE7" s="9">
        <f t="shared" si="72"/>
        <v>1.019803902718557</v>
      </c>
      <c r="FSF7" s="9">
        <f t="shared" si="72"/>
        <v>1.019803902718557</v>
      </c>
      <c r="FSG7" s="9">
        <f t="shared" si="72"/>
        <v>1.019803902718557</v>
      </c>
      <c r="FSH7" s="9">
        <f t="shared" si="72"/>
        <v>1.019803902718557</v>
      </c>
      <c r="FSI7" s="9">
        <f t="shared" si="72"/>
        <v>1.019803902718557</v>
      </c>
      <c r="FSJ7" s="9">
        <f t="shared" si="72"/>
        <v>1.019803902718557</v>
      </c>
      <c r="FSK7" s="9">
        <f t="shared" si="72"/>
        <v>1.019803902718557</v>
      </c>
      <c r="FSL7" s="9">
        <f t="shared" si="72"/>
        <v>1.019803902718557</v>
      </c>
      <c r="FSM7" s="9">
        <f t="shared" si="72"/>
        <v>1.019803902718557</v>
      </c>
      <c r="FSN7" s="9">
        <f t="shared" si="72"/>
        <v>1.019803902718557</v>
      </c>
      <c r="FSO7" s="9">
        <f t="shared" si="72"/>
        <v>1.019803902718557</v>
      </c>
      <c r="FSP7" s="9">
        <f t="shared" si="72"/>
        <v>1.019803902718557</v>
      </c>
      <c r="FSQ7" s="9">
        <f t="shared" si="72"/>
        <v>1.019803902718557</v>
      </c>
      <c r="FSR7" s="9">
        <f t="shared" si="72"/>
        <v>1.019803902718557</v>
      </c>
      <c r="FSS7" s="9">
        <f t="shared" si="72"/>
        <v>1.019803902718557</v>
      </c>
      <c r="FST7" s="9">
        <f t="shared" si="72"/>
        <v>1.019803902718557</v>
      </c>
      <c r="FSU7" s="9">
        <f t="shared" si="72"/>
        <v>1.019803902718557</v>
      </c>
      <c r="FSV7" s="9">
        <f t="shared" si="72"/>
        <v>1.019803902718557</v>
      </c>
      <c r="FSW7" s="9">
        <f t="shared" si="72"/>
        <v>1.019803902718557</v>
      </c>
      <c r="FSX7" s="9">
        <f t="shared" si="72"/>
        <v>1.019803902718557</v>
      </c>
      <c r="FSY7" s="9">
        <f t="shared" si="72"/>
        <v>1.019803902718557</v>
      </c>
      <c r="FSZ7" s="9">
        <f t="shared" si="72"/>
        <v>1.019803902718557</v>
      </c>
      <c r="FTA7" s="9">
        <f t="shared" si="72"/>
        <v>1.019803902718557</v>
      </c>
      <c r="FTB7" s="9">
        <f t="shared" si="72"/>
        <v>1.019803902718557</v>
      </c>
      <c r="FTC7" s="9">
        <f t="shared" si="72"/>
        <v>1.019803902718557</v>
      </c>
      <c r="FTD7" s="9">
        <f t="shared" si="72"/>
        <v>1.019803902718557</v>
      </c>
      <c r="FTE7" s="9">
        <f t="shared" si="72"/>
        <v>1.019803902718557</v>
      </c>
      <c r="FTF7" s="9">
        <f t="shared" si="72"/>
        <v>1.019803902718557</v>
      </c>
      <c r="FTG7" s="9">
        <f t="shared" si="72"/>
        <v>1.019803902718557</v>
      </c>
      <c r="FTH7" s="9">
        <f t="shared" si="72"/>
        <v>1.019803902718557</v>
      </c>
      <c r="FTI7" s="9">
        <f t="shared" si="72"/>
        <v>1.019803902718557</v>
      </c>
      <c r="FTJ7" s="9">
        <f t="shared" si="72"/>
        <v>1.019803902718557</v>
      </c>
      <c r="FTK7" s="9">
        <f t="shared" si="72"/>
        <v>1.019803902718557</v>
      </c>
      <c r="FTL7" s="9">
        <f t="shared" si="72"/>
        <v>1.019803902718557</v>
      </c>
      <c r="FTM7" s="9">
        <f t="shared" si="72"/>
        <v>1.019803902718557</v>
      </c>
      <c r="FTN7" s="9">
        <f t="shared" si="72"/>
        <v>1.019803902718557</v>
      </c>
      <c r="FTO7" s="9">
        <f t="shared" si="72"/>
        <v>1.019803902718557</v>
      </c>
      <c r="FTP7" s="9">
        <f t="shared" si="72"/>
        <v>1.019803902718557</v>
      </c>
      <c r="FTQ7" s="9">
        <f t="shared" si="72"/>
        <v>1.019803902718557</v>
      </c>
      <c r="FTR7" s="9">
        <f t="shared" si="72"/>
        <v>1.019803902718557</v>
      </c>
      <c r="FTS7" s="9">
        <f t="shared" si="72"/>
        <v>1.019803902718557</v>
      </c>
      <c r="FTT7" s="9">
        <f t="shared" si="72"/>
        <v>1.019803902718557</v>
      </c>
      <c r="FTU7" s="9">
        <f t="shared" si="72"/>
        <v>1.019803902718557</v>
      </c>
      <c r="FTV7" s="9">
        <f t="shared" si="72"/>
        <v>1.019803902718557</v>
      </c>
      <c r="FTW7" s="9">
        <f t="shared" si="72"/>
        <v>1.019803902718557</v>
      </c>
      <c r="FTX7" s="9">
        <f t="shared" si="72"/>
        <v>1.019803902718557</v>
      </c>
      <c r="FTY7" s="9">
        <f t="shared" si="72"/>
        <v>1.019803902718557</v>
      </c>
      <c r="FTZ7" s="9">
        <f t="shared" si="72"/>
        <v>1.019803902718557</v>
      </c>
      <c r="FUA7" s="9">
        <f t="shared" si="72"/>
        <v>1.019803902718557</v>
      </c>
      <c r="FUB7" s="9">
        <f t="shared" si="72"/>
        <v>1.019803902718557</v>
      </c>
      <c r="FUC7" s="9">
        <f t="shared" si="72"/>
        <v>1.019803902718557</v>
      </c>
      <c r="FUD7" s="9">
        <f t="shared" si="72"/>
        <v>1.019803902718557</v>
      </c>
      <c r="FUE7" s="9">
        <f t="shared" si="72"/>
        <v>1.019803902718557</v>
      </c>
      <c r="FUF7" s="9">
        <f t="shared" si="72"/>
        <v>1.019803902718557</v>
      </c>
      <c r="FUG7" s="9">
        <f t="shared" si="72"/>
        <v>1.019803902718557</v>
      </c>
      <c r="FUH7" s="9">
        <f t="shared" si="72"/>
        <v>1.019803902718557</v>
      </c>
      <c r="FUI7" s="9">
        <f t="shared" si="72"/>
        <v>1.019803902718557</v>
      </c>
      <c r="FUJ7" s="9">
        <f t="shared" si="72"/>
        <v>1.019803902718557</v>
      </c>
      <c r="FUK7" s="9">
        <f t="shared" si="72"/>
        <v>1.019803902718557</v>
      </c>
      <c r="FUL7" s="9">
        <f t="shared" si="72"/>
        <v>1.019803902718557</v>
      </c>
      <c r="FUM7" s="9">
        <f t="shared" si="72"/>
        <v>1.019803902718557</v>
      </c>
      <c r="FUN7" s="9">
        <f t="shared" si="72"/>
        <v>1.019803902718557</v>
      </c>
      <c r="FUO7" s="9">
        <f t="shared" si="72"/>
        <v>1.019803902718557</v>
      </c>
      <c r="FUP7" s="9">
        <f t="shared" ref="FUP7:FXA7" si="73">1/((1+$F$6) ^(FUP3-$F$7))</f>
        <v>1.019803902718557</v>
      </c>
      <c r="FUQ7" s="9">
        <f t="shared" si="73"/>
        <v>1.019803902718557</v>
      </c>
      <c r="FUR7" s="9">
        <f t="shared" si="73"/>
        <v>1.019803902718557</v>
      </c>
      <c r="FUS7" s="9">
        <f t="shared" si="73"/>
        <v>1.019803902718557</v>
      </c>
      <c r="FUT7" s="9">
        <f t="shared" si="73"/>
        <v>1.019803902718557</v>
      </c>
      <c r="FUU7" s="9">
        <f t="shared" si="73"/>
        <v>1.019803902718557</v>
      </c>
      <c r="FUV7" s="9">
        <f t="shared" si="73"/>
        <v>1.019803902718557</v>
      </c>
      <c r="FUW7" s="9">
        <f t="shared" si="73"/>
        <v>1.019803902718557</v>
      </c>
      <c r="FUX7" s="9">
        <f t="shared" si="73"/>
        <v>1.019803902718557</v>
      </c>
      <c r="FUY7" s="9">
        <f t="shared" si="73"/>
        <v>1.019803902718557</v>
      </c>
      <c r="FUZ7" s="9">
        <f t="shared" si="73"/>
        <v>1.019803902718557</v>
      </c>
      <c r="FVA7" s="9">
        <f t="shared" si="73"/>
        <v>1.019803902718557</v>
      </c>
      <c r="FVB7" s="9">
        <f t="shared" si="73"/>
        <v>1.019803902718557</v>
      </c>
      <c r="FVC7" s="9">
        <f t="shared" si="73"/>
        <v>1.019803902718557</v>
      </c>
      <c r="FVD7" s="9">
        <f t="shared" si="73"/>
        <v>1.019803902718557</v>
      </c>
      <c r="FVE7" s="9">
        <f t="shared" si="73"/>
        <v>1.019803902718557</v>
      </c>
      <c r="FVF7" s="9">
        <f t="shared" si="73"/>
        <v>1.019803902718557</v>
      </c>
      <c r="FVG7" s="9">
        <f t="shared" si="73"/>
        <v>1.019803902718557</v>
      </c>
      <c r="FVH7" s="9">
        <f t="shared" si="73"/>
        <v>1.019803902718557</v>
      </c>
      <c r="FVI7" s="9">
        <f t="shared" si="73"/>
        <v>1.019803902718557</v>
      </c>
      <c r="FVJ7" s="9">
        <f t="shared" si="73"/>
        <v>1.019803902718557</v>
      </c>
      <c r="FVK7" s="9">
        <f t="shared" si="73"/>
        <v>1.019803902718557</v>
      </c>
      <c r="FVL7" s="9">
        <f t="shared" si="73"/>
        <v>1.019803902718557</v>
      </c>
      <c r="FVM7" s="9">
        <f t="shared" si="73"/>
        <v>1.019803902718557</v>
      </c>
      <c r="FVN7" s="9">
        <f t="shared" si="73"/>
        <v>1.019803902718557</v>
      </c>
      <c r="FVO7" s="9">
        <f t="shared" si="73"/>
        <v>1.019803902718557</v>
      </c>
      <c r="FVP7" s="9">
        <f t="shared" si="73"/>
        <v>1.019803902718557</v>
      </c>
      <c r="FVQ7" s="9">
        <f t="shared" si="73"/>
        <v>1.019803902718557</v>
      </c>
      <c r="FVR7" s="9">
        <f t="shared" si="73"/>
        <v>1.019803902718557</v>
      </c>
      <c r="FVS7" s="9">
        <f t="shared" si="73"/>
        <v>1.019803902718557</v>
      </c>
      <c r="FVT7" s="9">
        <f t="shared" si="73"/>
        <v>1.019803902718557</v>
      </c>
      <c r="FVU7" s="9">
        <f t="shared" si="73"/>
        <v>1.019803902718557</v>
      </c>
      <c r="FVV7" s="9">
        <f t="shared" si="73"/>
        <v>1.019803902718557</v>
      </c>
      <c r="FVW7" s="9">
        <f t="shared" si="73"/>
        <v>1.019803902718557</v>
      </c>
      <c r="FVX7" s="9">
        <f t="shared" si="73"/>
        <v>1.019803902718557</v>
      </c>
      <c r="FVY7" s="9">
        <f t="shared" si="73"/>
        <v>1.019803902718557</v>
      </c>
      <c r="FVZ7" s="9">
        <f t="shared" si="73"/>
        <v>1.019803902718557</v>
      </c>
      <c r="FWA7" s="9">
        <f t="shared" si="73"/>
        <v>1.019803902718557</v>
      </c>
      <c r="FWB7" s="9">
        <f t="shared" si="73"/>
        <v>1.019803902718557</v>
      </c>
      <c r="FWC7" s="9">
        <f t="shared" si="73"/>
        <v>1.019803902718557</v>
      </c>
      <c r="FWD7" s="9">
        <f t="shared" si="73"/>
        <v>1.019803902718557</v>
      </c>
      <c r="FWE7" s="9">
        <f t="shared" si="73"/>
        <v>1.019803902718557</v>
      </c>
      <c r="FWF7" s="9">
        <f t="shared" si="73"/>
        <v>1.019803902718557</v>
      </c>
      <c r="FWG7" s="9">
        <f t="shared" si="73"/>
        <v>1.019803902718557</v>
      </c>
      <c r="FWH7" s="9">
        <f t="shared" si="73"/>
        <v>1.019803902718557</v>
      </c>
      <c r="FWI7" s="9">
        <f t="shared" si="73"/>
        <v>1.019803902718557</v>
      </c>
      <c r="FWJ7" s="9">
        <f t="shared" si="73"/>
        <v>1.019803902718557</v>
      </c>
      <c r="FWK7" s="9">
        <f t="shared" si="73"/>
        <v>1.019803902718557</v>
      </c>
      <c r="FWL7" s="9">
        <f t="shared" si="73"/>
        <v>1.019803902718557</v>
      </c>
      <c r="FWM7" s="9">
        <f t="shared" si="73"/>
        <v>1.019803902718557</v>
      </c>
      <c r="FWN7" s="9">
        <f t="shared" si="73"/>
        <v>1.019803902718557</v>
      </c>
      <c r="FWO7" s="9">
        <f t="shared" si="73"/>
        <v>1.019803902718557</v>
      </c>
      <c r="FWP7" s="9">
        <f t="shared" si="73"/>
        <v>1.019803902718557</v>
      </c>
      <c r="FWQ7" s="9">
        <f t="shared" si="73"/>
        <v>1.019803902718557</v>
      </c>
      <c r="FWR7" s="9">
        <f t="shared" si="73"/>
        <v>1.019803902718557</v>
      </c>
      <c r="FWS7" s="9">
        <f t="shared" si="73"/>
        <v>1.019803902718557</v>
      </c>
      <c r="FWT7" s="9">
        <f t="shared" si="73"/>
        <v>1.019803902718557</v>
      </c>
      <c r="FWU7" s="9">
        <f t="shared" si="73"/>
        <v>1.019803902718557</v>
      </c>
      <c r="FWV7" s="9">
        <f t="shared" si="73"/>
        <v>1.019803902718557</v>
      </c>
      <c r="FWW7" s="9">
        <f t="shared" si="73"/>
        <v>1.019803902718557</v>
      </c>
      <c r="FWX7" s="9">
        <f t="shared" si="73"/>
        <v>1.019803902718557</v>
      </c>
      <c r="FWY7" s="9">
        <f t="shared" si="73"/>
        <v>1.019803902718557</v>
      </c>
      <c r="FWZ7" s="9">
        <f t="shared" si="73"/>
        <v>1.019803902718557</v>
      </c>
      <c r="FXA7" s="9">
        <f t="shared" si="73"/>
        <v>1.019803902718557</v>
      </c>
      <c r="FXB7" s="9">
        <f t="shared" ref="FXB7:FZM7" si="74">1/((1+$F$6) ^(FXB3-$F$7))</f>
        <v>1.019803902718557</v>
      </c>
      <c r="FXC7" s="9">
        <f t="shared" si="74"/>
        <v>1.019803902718557</v>
      </c>
      <c r="FXD7" s="9">
        <f t="shared" si="74"/>
        <v>1.019803902718557</v>
      </c>
      <c r="FXE7" s="9">
        <f t="shared" si="74"/>
        <v>1.019803902718557</v>
      </c>
      <c r="FXF7" s="9">
        <f t="shared" si="74"/>
        <v>1.019803902718557</v>
      </c>
      <c r="FXG7" s="9">
        <f t="shared" si="74"/>
        <v>1.019803902718557</v>
      </c>
      <c r="FXH7" s="9">
        <f t="shared" si="74"/>
        <v>1.019803902718557</v>
      </c>
      <c r="FXI7" s="9">
        <f t="shared" si="74"/>
        <v>1.019803902718557</v>
      </c>
      <c r="FXJ7" s="9">
        <f t="shared" si="74"/>
        <v>1.019803902718557</v>
      </c>
      <c r="FXK7" s="9">
        <f t="shared" si="74"/>
        <v>1.019803902718557</v>
      </c>
      <c r="FXL7" s="9">
        <f t="shared" si="74"/>
        <v>1.019803902718557</v>
      </c>
      <c r="FXM7" s="9">
        <f t="shared" si="74"/>
        <v>1.019803902718557</v>
      </c>
      <c r="FXN7" s="9">
        <f t="shared" si="74"/>
        <v>1.019803902718557</v>
      </c>
      <c r="FXO7" s="9">
        <f t="shared" si="74"/>
        <v>1.019803902718557</v>
      </c>
      <c r="FXP7" s="9">
        <f t="shared" si="74"/>
        <v>1.019803902718557</v>
      </c>
      <c r="FXQ7" s="9">
        <f t="shared" si="74"/>
        <v>1.019803902718557</v>
      </c>
      <c r="FXR7" s="9">
        <f t="shared" si="74"/>
        <v>1.019803902718557</v>
      </c>
      <c r="FXS7" s="9">
        <f t="shared" si="74"/>
        <v>1.019803902718557</v>
      </c>
      <c r="FXT7" s="9">
        <f t="shared" si="74"/>
        <v>1.019803902718557</v>
      </c>
      <c r="FXU7" s="9">
        <f t="shared" si="74"/>
        <v>1.019803902718557</v>
      </c>
      <c r="FXV7" s="9">
        <f t="shared" si="74"/>
        <v>1.019803902718557</v>
      </c>
      <c r="FXW7" s="9">
        <f t="shared" si="74"/>
        <v>1.019803902718557</v>
      </c>
      <c r="FXX7" s="9">
        <f t="shared" si="74"/>
        <v>1.019803902718557</v>
      </c>
      <c r="FXY7" s="9">
        <f t="shared" si="74"/>
        <v>1.019803902718557</v>
      </c>
      <c r="FXZ7" s="9">
        <f t="shared" si="74"/>
        <v>1.019803902718557</v>
      </c>
      <c r="FYA7" s="9">
        <f t="shared" si="74"/>
        <v>1.019803902718557</v>
      </c>
      <c r="FYB7" s="9">
        <f t="shared" si="74"/>
        <v>1.019803902718557</v>
      </c>
      <c r="FYC7" s="9">
        <f t="shared" si="74"/>
        <v>1.019803902718557</v>
      </c>
      <c r="FYD7" s="9">
        <f t="shared" si="74"/>
        <v>1.019803902718557</v>
      </c>
      <c r="FYE7" s="9">
        <f t="shared" si="74"/>
        <v>1.019803902718557</v>
      </c>
      <c r="FYF7" s="9">
        <f t="shared" si="74"/>
        <v>1.019803902718557</v>
      </c>
      <c r="FYG7" s="9">
        <f t="shared" si="74"/>
        <v>1.019803902718557</v>
      </c>
      <c r="FYH7" s="9">
        <f t="shared" si="74"/>
        <v>1.019803902718557</v>
      </c>
      <c r="FYI7" s="9">
        <f t="shared" si="74"/>
        <v>1.019803902718557</v>
      </c>
      <c r="FYJ7" s="9">
        <f t="shared" si="74"/>
        <v>1.019803902718557</v>
      </c>
      <c r="FYK7" s="9">
        <f t="shared" si="74"/>
        <v>1.019803902718557</v>
      </c>
      <c r="FYL7" s="9">
        <f t="shared" si="74"/>
        <v>1.019803902718557</v>
      </c>
      <c r="FYM7" s="9">
        <f t="shared" si="74"/>
        <v>1.019803902718557</v>
      </c>
      <c r="FYN7" s="9">
        <f t="shared" si="74"/>
        <v>1.019803902718557</v>
      </c>
      <c r="FYO7" s="9">
        <f t="shared" si="74"/>
        <v>1.019803902718557</v>
      </c>
      <c r="FYP7" s="9">
        <f t="shared" si="74"/>
        <v>1.019803902718557</v>
      </c>
      <c r="FYQ7" s="9">
        <f t="shared" si="74"/>
        <v>1.019803902718557</v>
      </c>
      <c r="FYR7" s="9">
        <f t="shared" si="74"/>
        <v>1.019803902718557</v>
      </c>
      <c r="FYS7" s="9">
        <f t="shared" si="74"/>
        <v>1.019803902718557</v>
      </c>
      <c r="FYT7" s="9">
        <f t="shared" si="74"/>
        <v>1.019803902718557</v>
      </c>
      <c r="FYU7" s="9">
        <f t="shared" si="74"/>
        <v>1.019803902718557</v>
      </c>
      <c r="FYV7" s="9">
        <f t="shared" si="74"/>
        <v>1.019803902718557</v>
      </c>
      <c r="FYW7" s="9">
        <f t="shared" si="74"/>
        <v>1.019803902718557</v>
      </c>
      <c r="FYX7" s="9">
        <f t="shared" si="74"/>
        <v>1.019803902718557</v>
      </c>
      <c r="FYY7" s="9">
        <f t="shared" si="74"/>
        <v>1.019803902718557</v>
      </c>
      <c r="FYZ7" s="9">
        <f t="shared" si="74"/>
        <v>1.019803902718557</v>
      </c>
      <c r="FZA7" s="9">
        <f t="shared" si="74"/>
        <v>1.019803902718557</v>
      </c>
      <c r="FZB7" s="9">
        <f t="shared" si="74"/>
        <v>1.019803902718557</v>
      </c>
      <c r="FZC7" s="9">
        <f t="shared" si="74"/>
        <v>1.019803902718557</v>
      </c>
      <c r="FZD7" s="9">
        <f t="shared" si="74"/>
        <v>1.019803902718557</v>
      </c>
      <c r="FZE7" s="9">
        <f t="shared" si="74"/>
        <v>1.019803902718557</v>
      </c>
      <c r="FZF7" s="9">
        <f t="shared" si="74"/>
        <v>1.019803902718557</v>
      </c>
      <c r="FZG7" s="9">
        <f t="shared" si="74"/>
        <v>1.019803902718557</v>
      </c>
      <c r="FZH7" s="9">
        <f t="shared" si="74"/>
        <v>1.019803902718557</v>
      </c>
      <c r="FZI7" s="9">
        <f t="shared" si="74"/>
        <v>1.019803902718557</v>
      </c>
      <c r="FZJ7" s="9">
        <f t="shared" si="74"/>
        <v>1.019803902718557</v>
      </c>
      <c r="FZK7" s="9">
        <f t="shared" si="74"/>
        <v>1.019803902718557</v>
      </c>
      <c r="FZL7" s="9">
        <f t="shared" si="74"/>
        <v>1.019803902718557</v>
      </c>
      <c r="FZM7" s="9">
        <f t="shared" si="74"/>
        <v>1.019803902718557</v>
      </c>
      <c r="FZN7" s="9">
        <f t="shared" ref="FZN7:GBY7" si="75">1/((1+$F$6) ^(FZN3-$F$7))</f>
        <v>1.019803902718557</v>
      </c>
      <c r="FZO7" s="9">
        <f t="shared" si="75"/>
        <v>1.019803902718557</v>
      </c>
      <c r="FZP7" s="9">
        <f t="shared" si="75"/>
        <v>1.019803902718557</v>
      </c>
      <c r="FZQ7" s="9">
        <f t="shared" si="75"/>
        <v>1.019803902718557</v>
      </c>
      <c r="FZR7" s="9">
        <f t="shared" si="75"/>
        <v>1.019803902718557</v>
      </c>
      <c r="FZS7" s="9">
        <f t="shared" si="75"/>
        <v>1.019803902718557</v>
      </c>
      <c r="FZT7" s="9">
        <f t="shared" si="75"/>
        <v>1.019803902718557</v>
      </c>
      <c r="FZU7" s="9">
        <f t="shared" si="75"/>
        <v>1.019803902718557</v>
      </c>
      <c r="FZV7" s="9">
        <f t="shared" si="75"/>
        <v>1.019803902718557</v>
      </c>
      <c r="FZW7" s="9">
        <f t="shared" si="75"/>
        <v>1.019803902718557</v>
      </c>
      <c r="FZX7" s="9">
        <f t="shared" si="75"/>
        <v>1.019803902718557</v>
      </c>
      <c r="FZY7" s="9">
        <f t="shared" si="75"/>
        <v>1.019803902718557</v>
      </c>
      <c r="FZZ7" s="9">
        <f t="shared" si="75"/>
        <v>1.019803902718557</v>
      </c>
      <c r="GAA7" s="9">
        <f t="shared" si="75"/>
        <v>1.019803902718557</v>
      </c>
      <c r="GAB7" s="9">
        <f t="shared" si="75"/>
        <v>1.019803902718557</v>
      </c>
      <c r="GAC7" s="9">
        <f t="shared" si="75"/>
        <v>1.019803902718557</v>
      </c>
      <c r="GAD7" s="9">
        <f t="shared" si="75"/>
        <v>1.019803902718557</v>
      </c>
      <c r="GAE7" s="9">
        <f t="shared" si="75"/>
        <v>1.019803902718557</v>
      </c>
      <c r="GAF7" s="9">
        <f t="shared" si="75"/>
        <v>1.019803902718557</v>
      </c>
      <c r="GAG7" s="9">
        <f t="shared" si="75"/>
        <v>1.019803902718557</v>
      </c>
      <c r="GAH7" s="9">
        <f t="shared" si="75"/>
        <v>1.019803902718557</v>
      </c>
      <c r="GAI7" s="9">
        <f t="shared" si="75"/>
        <v>1.019803902718557</v>
      </c>
      <c r="GAJ7" s="9">
        <f t="shared" si="75"/>
        <v>1.019803902718557</v>
      </c>
      <c r="GAK7" s="9">
        <f t="shared" si="75"/>
        <v>1.019803902718557</v>
      </c>
      <c r="GAL7" s="9">
        <f t="shared" si="75"/>
        <v>1.019803902718557</v>
      </c>
      <c r="GAM7" s="9">
        <f t="shared" si="75"/>
        <v>1.019803902718557</v>
      </c>
      <c r="GAN7" s="9">
        <f t="shared" si="75"/>
        <v>1.019803902718557</v>
      </c>
      <c r="GAO7" s="9">
        <f t="shared" si="75"/>
        <v>1.019803902718557</v>
      </c>
      <c r="GAP7" s="9">
        <f t="shared" si="75"/>
        <v>1.019803902718557</v>
      </c>
      <c r="GAQ7" s="9">
        <f t="shared" si="75"/>
        <v>1.019803902718557</v>
      </c>
      <c r="GAR7" s="9">
        <f t="shared" si="75"/>
        <v>1.019803902718557</v>
      </c>
      <c r="GAS7" s="9">
        <f t="shared" si="75"/>
        <v>1.019803902718557</v>
      </c>
      <c r="GAT7" s="9">
        <f t="shared" si="75"/>
        <v>1.019803902718557</v>
      </c>
      <c r="GAU7" s="9">
        <f t="shared" si="75"/>
        <v>1.019803902718557</v>
      </c>
      <c r="GAV7" s="9">
        <f t="shared" si="75"/>
        <v>1.019803902718557</v>
      </c>
      <c r="GAW7" s="9">
        <f t="shared" si="75"/>
        <v>1.019803902718557</v>
      </c>
      <c r="GAX7" s="9">
        <f t="shared" si="75"/>
        <v>1.019803902718557</v>
      </c>
      <c r="GAY7" s="9">
        <f t="shared" si="75"/>
        <v>1.019803902718557</v>
      </c>
      <c r="GAZ7" s="9">
        <f t="shared" si="75"/>
        <v>1.019803902718557</v>
      </c>
      <c r="GBA7" s="9">
        <f t="shared" si="75"/>
        <v>1.019803902718557</v>
      </c>
      <c r="GBB7" s="9">
        <f t="shared" si="75"/>
        <v>1.019803902718557</v>
      </c>
      <c r="GBC7" s="9">
        <f t="shared" si="75"/>
        <v>1.019803902718557</v>
      </c>
      <c r="GBD7" s="9">
        <f t="shared" si="75"/>
        <v>1.019803902718557</v>
      </c>
      <c r="GBE7" s="9">
        <f t="shared" si="75"/>
        <v>1.019803902718557</v>
      </c>
      <c r="GBF7" s="9">
        <f t="shared" si="75"/>
        <v>1.019803902718557</v>
      </c>
      <c r="GBG7" s="9">
        <f t="shared" si="75"/>
        <v>1.019803902718557</v>
      </c>
      <c r="GBH7" s="9">
        <f t="shared" si="75"/>
        <v>1.019803902718557</v>
      </c>
      <c r="GBI7" s="9">
        <f t="shared" si="75"/>
        <v>1.019803902718557</v>
      </c>
      <c r="GBJ7" s="9">
        <f t="shared" si="75"/>
        <v>1.019803902718557</v>
      </c>
      <c r="GBK7" s="9">
        <f t="shared" si="75"/>
        <v>1.019803902718557</v>
      </c>
      <c r="GBL7" s="9">
        <f t="shared" si="75"/>
        <v>1.019803902718557</v>
      </c>
      <c r="GBM7" s="9">
        <f t="shared" si="75"/>
        <v>1.019803902718557</v>
      </c>
      <c r="GBN7" s="9">
        <f t="shared" si="75"/>
        <v>1.019803902718557</v>
      </c>
      <c r="GBO7" s="9">
        <f t="shared" si="75"/>
        <v>1.019803902718557</v>
      </c>
      <c r="GBP7" s="9">
        <f t="shared" si="75"/>
        <v>1.019803902718557</v>
      </c>
      <c r="GBQ7" s="9">
        <f t="shared" si="75"/>
        <v>1.019803902718557</v>
      </c>
      <c r="GBR7" s="9">
        <f t="shared" si="75"/>
        <v>1.019803902718557</v>
      </c>
      <c r="GBS7" s="9">
        <f t="shared" si="75"/>
        <v>1.019803902718557</v>
      </c>
      <c r="GBT7" s="9">
        <f t="shared" si="75"/>
        <v>1.019803902718557</v>
      </c>
      <c r="GBU7" s="9">
        <f t="shared" si="75"/>
        <v>1.019803902718557</v>
      </c>
      <c r="GBV7" s="9">
        <f t="shared" si="75"/>
        <v>1.019803902718557</v>
      </c>
      <c r="GBW7" s="9">
        <f t="shared" si="75"/>
        <v>1.019803902718557</v>
      </c>
      <c r="GBX7" s="9">
        <f t="shared" si="75"/>
        <v>1.019803902718557</v>
      </c>
      <c r="GBY7" s="9">
        <f t="shared" si="75"/>
        <v>1.019803902718557</v>
      </c>
      <c r="GBZ7" s="9">
        <f t="shared" ref="GBZ7:GEK7" si="76">1/((1+$F$6) ^(GBZ3-$F$7))</f>
        <v>1.019803902718557</v>
      </c>
      <c r="GCA7" s="9">
        <f t="shared" si="76"/>
        <v>1.019803902718557</v>
      </c>
      <c r="GCB7" s="9">
        <f t="shared" si="76"/>
        <v>1.019803902718557</v>
      </c>
      <c r="GCC7" s="9">
        <f t="shared" si="76"/>
        <v>1.019803902718557</v>
      </c>
      <c r="GCD7" s="9">
        <f t="shared" si="76"/>
        <v>1.019803902718557</v>
      </c>
      <c r="GCE7" s="9">
        <f t="shared" si="76"/>
        <v>1.019803902718557</v>
      </c>
      <c r="GCF7" s="9">
        <f t="shared" si="76"/>
        <v>1.019803902718557</v>
      </c>
      <c r="GCG7" s="9">
        <f t="shared" si="76"/>
        <v>1.019803902718557</v>
      </c>
      <c r="GCH7" s="9">
        <f t="shared" si="76"/>
        <v>1.019803902718557</v>
      </c>
      <c r="GCI7" s="9">
        <f t="shared" si="76"/>
        <v>1.019803902718557</v>
      </c>
      <c r="GCJ7" s="9">
        <f t="shared" si="76"/>
        <v>1.019803902718557</v>
      </c>
      <c r="GCK7" s="9">
        <f t="shared" si="76"/>
        <v>1.019803902718557</v>
      </c>
      <c r="GCL7" s="9">
        <f t="shared" si="76"/>
        <v>1.019803902718557</v>
      </c>
      <c r="GCM7" s="9">
        <f t="shared" si="76"/>
        <v>1.019803902718557</v>
      </c>
      <c r="GCN7" s="9">
        <f t="shared" si="76"/>
        <v>1.019803902718557</v>
      </c>
      <c r="GCO7" s="9">
        <f t="shared" si="76"/>
        <v>1.019803902718557</v>
      </c>
      <c r="GCP7" s="9">
        <f t="shared" si="76"/>
        <v>1.019803902718557</v>
      </c>
      <c r="GCQ7" s="9">
        <f t="shared" si="76"/>
        <v>1.019803902718557</v>
      </c>
      <c r="GCR7" s="9">
        <f t="shared" si="76"/>
        <v>1.019803902718557</v>
      </c>
      <c r="GCS7" s="9">
        <f t="shared" si="76"/>
        <v>1.019803902718557</v>
      </c>
      <c r="GCT7" s="9">
        <f t="shared" si="76"/>
        <v>1.019803902718557</v>
      </c>
      <c r="GCU7" s="9">
        <f t="shared" si="76"/>
        <v>1.019803902718557</v>
      </c>
      <c r="GCV7" s="9">
        <f t="shared" si="76"/>
        <v>1.019803902718557</v>
      </c>
      <c r="GCW7" s="9">
        <f t="shared" si="76"/>
        <v>1.019803902718557</v>
      </c>
      <c r="GCX7" s="9">
        <f t="shared" si="76"/>
        <v>1.019803902718557</v>
      </c>
      <c r="GCY7" s="9">
        <f t="shared" si="76"/>
        <v>1.019803902718557</v>
      </c>
      <c r="GCZ7" s="9">
        <f t="shared" si="76"/>
        <v>1.019803902718557</v>
      </c>
      <c r="GDA7" s="9">
        <f t="shared" si="76"/>
        <v>1.019803902718557</v>
      </c>
      <c r="GDB7" s="9">
        <f t="shared" si="76"/>
        <v>1.019803902718557</v>
      </c>
      <c r="GDC7" s="9">
        <f t="shared" si="76"/>
        <v>1.019803902718557</v>
      </c>
      <c r="GDD7" s="9">
        <f t="shared" si="76"/>
        <v>1.019803902718557</v>
      </c>
      <c r="GDE7" s="9">
        <f t="shared" si="76"/>
        <v>1.019803902718557</v>
      </c>
      <c r="GDF7" s="9">
        <f t="shared" si="76"/>
        <v>1.019803902718557</v>
      </c>
      <c r="GDG7" s="9">
        <f t="shared" si="76"/>
        <v>1.019803902718557</v>
      </c>
      <c r="GDH7" s="9">
        <f t="shared" si="76"/>
        <v>1.019803902718557</v>
      </c>
      <c r="GDI7" s="9">
        <f t="shared" si="76"/>
        <v>1.019803902718557</v>
      </c>
      <c r="GDJ7" s="9">
        <f t="shared" si="76"/>
        <v>1.019803902718557</v>
      </c>
      <c r="GDK7" s="9">
        <f t="shared" si="76"/>
        <v>1.019803902718557</v>
      </c>
      <c r="GDL7" s="9">
        <f t="shared" si="76"/>
        <v>1.019803902718557</v>
      </c>
      <c r="GDM7" s="9">
        <f t="shared" si="76"/>
        <v>1.019803902718557</v>
      </c>
      <c r="GDN7" s="9">
        <f t="shared" si="76"/>
        <v>1.019803902718557</v>
      </c>
      <c r="GDO7" s="9">
        <f t="shared" si="76"/>
        <v>1.019803902718557</v>
      </c>
      <c r="GDP7" s="9">
        <f t="shared" si="76"/>
        <v>1.019803902718557</v>
      </c>
      <c r="GDQ7" s="9">
        <f t="shared" si="76"/>
        <v>1.019803902718557</v>
      </c>
      <c r="GDR7" s="9">
        <f t="shared" si="76"/>
        <v>1.019803902718557</v>
      </c>
      <c r="GDS7" s="9">
        <f t="shared" si="76"/>
        <v>1.019803902718557</v>
      </c>
      <c r="GDT7" s="9">
        <f t="shared" si="76"/>
        <v>1.019803902718557</v>
      </c>
      <c r="GDU7" s="9">
        <f t="shared" si="76"/>
        <v>1.019803902718557</v>
      </c>
      <c r="GDV7" s="9">
        <f t="shared" si="76"/>
        <v>1.019803902718557</v>
      </c>
      <c r="GDW7" s="9">
        <f t="shared" si="76"/>
        <v>1.019803902718557</v>
      </c>
      <c r="GDX7" s="9">
        <f t="shared" si="76"/>
        <v>1.019803902718557</v>
      </c>
      <c r="GDY7" s="9">
        <f t="shared" si="76"/>
        <v>1.019803902718557</v>
      </c>
      <c r="GDZ7" s="9">
        <f t="shared" si="76"/>
        <v>1.019803902718557</v>
      </c>
      <c r="GEA7" s="9">
        <f t="shared" si="76"/>
        <v>1.019803902718557</v>
      </c>
      <c r="GEB7" s="9">
        <f t="shared" si="76"/>
        <v>1.019803902718557</v>
      </c>
      <c r="GEC7" s="9">
        <f t="shared" si="76"/>
        <v>1.019803902718557</v>
      </c>
      <c r="GED7" s="9">
        <f t="shared" si="76"/>
        <v>1.019803902718557</v>
      </c>
      <c r="GEE7" s="9">
        <f t="shared" si="76"/>
        <v>1.019803902718557</v>
      </c>
      <c r="GEF7" s="9">
        <f t="shared" si="76"/>
        <v>1.019803902718557</v>
      </c>
      <c r="GEG7" s="9">
        <f t="shared" si="76"/>
        <v>1.019803902718557</v>
      </c>
      <c r="GEH7" s="9">
        <f t="shared" si="76"/>
        <v>1.019803902718557</v>
      </c>
      <c r="GEI7" s="9">
        <f t="shared" si="76"/>
        <v>1.019803902718557</v>
      </c>
      <c r="GEJ7" s="9">
        <f t="shared" si="76"/>
        <v>1.019803902718557</v>
      </c>
      <c r="GEK7" s="9">
        <f t="shared" si="76"/>
        <v>1.019803902718557</v>
      </c>
      <c r="GEL7" s="9">
        <f t="shared" ref="GEL7:GGW7" si="77">1/((1+$F$6) ^(GEL3-$F$7))</f>
        <v>1.019803902718557</v>
      </c>
      <c r="GEM7" s="9">
        <f t="shared" si="77"/>
        <v>1.019803902718557</v>
      </c>
      <c r="GEN7" s="9">
        <f t="shared" si="77"/>
        <v>1.019803902718557</v>
      </c>
      <c r="GEO7" s="9">
        <f t="shared" si="77"/>
        <v>1.019803902718557</v>
      </c>
      <c r="GEP7" s="9">
        <f t="shared" si="77"/>
        <v>1.019803902718557</v>
      </c>
      <c r="GEQ7" s="9">
        <f t="shared" si="77"/>
        <v>1.019803902718557</v>
      </c>
      <c r="GER7" s="9">
        <f t="shared" si="77"/>
        <v>1.019803902718557</v>
      </c>
      <c r="GES7" s="9">
        <f t="shared" si="77"/>
        <v>1.019803902718557</v>
      </c>
      <c r="GET7" s="9">
        <f t="shared" si="77"/>
        <v>1.019803902718557</v>
      </c>
      <c r="GEU7" s="9">
        <f t="shared" si="77"/>
        <v>1.019803902718557</v>
      </c>
      <c r="GEV7" s="9">
        <f t="shared" si="77"/>
        <v>1.019803902718557</v>
      </c>
      <c r="GEW7" s="9">
        <f t="shared" si="77"/>
        <v>1.019803902718557</v>
      </c>
      <c r="GEX7" s="9">
        <f t="shared" si="77"/>
        <v>1.019803902718557</v>
      </c>
      <c r="GEY7" s="9">
        <f t="shared" si="77"/>
        <v>1.019803902718557</v>
      </c>
      <c r="GEZ7" s="9">
        <f t="shared" si="77"/>
        <v>1.019803902718557</v>
      </c>
      <c r="GFA7" s="9">
        <f t="shared" si="77"/>
        <v>1.019803902718557</v>
      </c>
      <c r="GFB7" s="9">
        <f t="shared" si="77"/>
        <v>1.019803902718557</v>
      </c>
      <c r="GFC7" s="9">
        <f t="shared" si="77"/>
        <v>1.019803902718557</v>
      </c>
      <c r="GFD7" s="9">
        <f t="shared" si="77"/>
        <v>1.019803902718557</v>
      </c>
      <c r="GFE7" s="9">
        <f t="shared" si="77"/>
        <v>1.019803902718557</v>
      </c>
      <c r="GFF7" s="9">
        <f t="shared" si="77"/>
        <v>1.019803902718557</v>
      </c>
      <c r="GFG7" s="9">
        <f t="shared" si="77"/>
        <v>1.019803902718557</v>
      </c>
      <c r="GFH7" s="9">
        <f t="shared" si="77"/>
        <v>1.019803902718557</v>
      </c>
      <c r="GFI7" s="9">
        <f t="shared" si="77"/>
        <v>1.019803902718557</v>
      </c>
      <c r="GFJ7" s="9">
        <f t="shared" si="77"/>
        <v>1.019803902718557</v>
      </c>
      <c r="GFK7" s="9">
        <f t="shared" si="77"/>
        <v>1.019803902718557</v>
      </c>
      <c r="GFL7" s="9">
        <f t="shared" si="77"/>
        <v>1.019803902718557</v>
      </c>
      <c r="GFM7" s="9">
        <f t="shared" si="77"/>
        <v>1.019803902718557</v>
      </c>
      <c r="GFN7" s="9">
        <f t="shared" si="77"/>
        <v>1.019803902718557</v>
      </c>
      <c r="GFO7" s="9">
        <f t="shared" si="77"/>
        <v>1.019803902718557</v>
      </c>
      <c r="GFP7" s="9">
        <f t="shared" si="77"/>
        <v>1.019803902718557</v>
      </c>
      <c r="GFQ7" s="9">
        <f t="shared" si="77"/>
        <v>1.019803902718557</v>
      </c>
      <c r="GFR7" s="9">
        <f t="shared" si="77"/>
        <v>1.019803902718557</v>
      </c>
      <c r="GFS7" s="9">
        <f t="shared" si="77"/>
        <v>1.019803902718557</v>
      </c>
      <c r="GFT7" s="9">
        <f t="shared" si="77"/>
        <v>1.019803902718557</v>
      </c>
      <c r="GFU7" s="9">
        <f t="shared" si="77"/>
        <v>1.019803902718557</v>
      </c>
      <c r="GFV7" s="9">
        <f t="shared" si="77"/>
        <v>1.019803902718557</v>
      </c>
      <c r="GFW7" s="9">
        <f t="shared" si="77"/>
        <v>1.019803902718557</v>
      </c>
      <c r="GFX7" s="9">
        <f t="shared" si="77"/>
        <v>1.019803902718557</v>
      </c>
      <c r="GFY7" s="9">
        <f t="shared" si="77"/>
        <v>1.019803902718557</v>
      </c>
      <c r="GFZ7" s="9">
        <f t="shared" si="77"/>
        <v>1.019803902718557</v>
      </c>
      <c r="GGA7" s="9">
        <f t="shared" si="77"/>
        <v>1.019803902718557</v>
      </c>
      <c r="GGB7" s="9">
        <f t="shared" si="77"/>
        <v>1.019803902718557</v>
      </c>
      <c r="GGC7" s="9">
        <f t="shared" si="77"/>
        <v>1.019803902718557</v>
      </c>
      <c r="GGD7" s="9">
        <f t="shared" si="77"/>
        <v>1.019803902718557</v>
      </c>
      <c r="GGE7" s="9">
        <f t="shared" si="77"/>
        <v>1.019803902718557</v>
      </c>
      <c r="GGF7" s="9">
        <f t="shared" si="77"/>
        <v>1.019803902718557</v>
      </c>
      <c r="GGG7" s="9">
        <f t="shared" si="77"/>
        <v>1.019803902718557</v>
      </c>
      <c r="GGH7" s="9">
        <f t="shared" si="77"/>
        <v>1.019803902718557</v>
      </c>
      <c r="GGI7" s="9">
        <f t="shared" si="77"/>
        <v>1.019803902718557</v>
      </c>
      <c r="GGJ7" s="9">
        <f t="shared" si="77"/>
        <v>1.019803902718557</v>
      </c>
      <c r="GGK7" s="9">
        <f t="shared" si="77"/>
        <v>1.019803902718557</v>
      </c>
      <c r="GGL7" s="9">
        <f t="shared" si="77"/>
        <v>1.019803902718557</v>
      </c>
      <c r="GGM7" s="9">
        <f t="shared" si="77"/>
        <v>1.019803902718557</v>
      </c>
      <c r="GGN7" s="9">
        <f t="shared" si="77"/>
        <v>1.019803902718557</v>
      </c>
      <c r="GGO7" s="9">
        <f t="shared" si="77"/>
        <v>1.019803902718557</v>
      </c>
      <c r="GGP7" s="9">
        <f t="shared" si="77"/>
        <v>1.019803902718557</v>
      </c>
      <c r="GGQ7" s="9">
        <f t="shared" si="77"/>
        <v>1.019803902718557</v>
      </c>
      <c r="GGR7" s="9">
        <f t="shared" si="77"/>
        <v>1.019803902718557</v>
      </c>
      <c r="GGS7" s="9">
        <f t="shared" si="77"/>
        <v>1.019803902718557</v>
      </c>
      <c r="GGT7" s="9">
        <f t="shared" si="77"/>
        <v>1.019803902718557</v>
      </c>
      <c r="GGU7" s="9">
        <f t="shared" si="77"/>
        <v>1.019803902718557</v>
      </c>
      <c r="GGV7" s="9">
        <f t="shared" si="77"/>
        <v>1.019803902718557</v>
      </c>
      <c r="GGW7" s="9">
        <f t="shared" si="77"/>
        <v>1.019803902718557</v>
      </c>
      <c r="GGX7" s="9">
        <f t="shared" ref="GGX7:GJI7" si="78">1/((1+$F$6) ^(GGX3-$F$7))</f>
        <v>1.019803902718557</v>
      </c>
      <c r="GGY7" s="9">
        <f t="shared" si="78"/>
        <v>1.019803902718557</v>
      </c>
      <c r="GGZ7" s="9">
        <f t="shared" si="78"/>
        <v>1.019803902718557</v>
      </c>
      <c r="GHA7" s="9">
        <f t="shared" si="78"/>
        <v>1.019803902718557</v>
      </c>
      <c r="GHB7" s="9">
        <f t="shared" si="78"/>
        <v>1.019803902718557</v>
      </c>
      <c r="GHC7" s="9">
        <f t="shared" si="78"/>
        <v>1.019803902718557</v>
      </c>
      <c r="GHD7" s="9">
        <f t="shared" si="78"/>
        <v>1.019803902718557</v>
      </c>
      <c r="GHE7" s="9">
        <f t="shared" si="78"/>
        <v>1.019803902718557</v>
      </c>
      <c r="GHF7" s="9">
        <f t="shared" si="78"/>
        <v>1.019803902718557</v>
      </c>
      <c r="GHG7" s="9">
        <f t="shared" si="78"/>
        <v>1.019803902718557</v>
      </c>
      <c r="GHH7" s="9">
        <f t="shared" si="78"/>
        <v>1.019803902718557</v>
      </c>
      <c r="GHI7" s="9">
        <f t="shared" si="78"/>
        <v>1.019803902718557</v>
      </c>
      <c r="GHJ7" s="9">
        <f t="shared" si="78"/>
        <v>1.019803902718557</v>
      </c>
      <c r="GHK7" s="9">
        <f t="shared" si="78"/>
        <v>1.019803902718557</v>
      </c>
      <c r="GHL7" s="9">
        <f t="shared" si="78"/>
        <v>1.019803902718557</v>
      </c>
      <c r="GHM7" s="9">
        <f t="shared" si="78"/>
        <v>1.019803902718557</v>
      </c>
      <c r="GHN7" s="9">
        <f t="shared" si="78"/>
        <v>1.019803902718557</v>
      </c>
      <c r="GHO7" s="9">
        <f t="shared" si="78"/>
        <v>1.019803902718557</v>
      </c>
      <c r="GHP7" s="9">
        <f t="shared" si="78"/>
        <v>1.019803902718557</v>
      </c>
      <c r="GHQ7" s="9">
        <f t="shared" si="78"/>
        <v>1.019803902718557</v>
      </c>
      <c r="GHR7" s="9">
        <f t="shared" si="78"/>
        <v>1.019803902718557</v>
      </c>
      <c r="GHS7" s="9">
        <f t="shared" si="78"/>
        <v>1.019803902718557</v>
      </c>
      <c r="GHT7" s="9">
        <f t="shared" si="78"/>
        <v>1.019803902718557</v>
      </c>
      <c r="GHU7" s="9">
        <f t="shared" si="78"/>
        <v>1.019803902718557</v>
      </c>
      <c r="GHV7" s="9">
        <f t="shared" si="78"/>
        <v>1.019803902718557</v>
      </c>
      <c r="GHW7" s="9">
        <f t="shared" si="78"/>
        <v>1.019803902718557</v>
      </c>
      <c r="GHX7" s="9">
        <f t="shared" si="78"/>
        <v>1.019803902718557</v>
      </c>
      <c r="GHY7" s="9">
        <f t="shared" si="78"/>
        <v>1.019803902718557</v>
      </c>
      <c r="GHZ7" s="9">
        <f t="shared" si="78"/>
        <v>1.019803902718557</v>
      </c>
      <c r="GIA7" s="9">
        <f t="shared" si="78"/>
        <v>1.019803902718557</v>
      </c>
      <c r="GIB7" s="9">
        <f t="shared" si="78"/>
        <v>1.019803902718557</v>
      </c>
      <c r="GIC7" s="9">
        <f t="shared" si="78"/>
        <v>1.019803902718557</v>
      </c>
      <c r="GID7" s="9">
        <f t="shared" si="78"/>
        <v>1.019803902718557</v>
      </c>
      <c r="GIE7" s="9">
        <f t="shared" si="78"/>
        <v>1.019803902718557</v>
      </c>
      <c r="GIF7" s="9">
        <f t="shared" si="78"/>
        <v>1.019803902718557</v>
      </c>
      <c r="GIG7" s="9">
        <f t="shared" si="78"/>
        <v>1.019803902718557</v>
      </c>
      <c r="GIH7" s="9">
        <f t="shared" si="78"/>
        <v>1.019803902718557</v>
      </c>
      <c r="GII7" s="9">
        <f t="shared" si="78"/>
        <v>1.019803902718557</v>
      </c>
      <c r="GIJ7" s="9">
        <f t="shared" si="78"/>
        <v>1.019803902718557</v>
      </c>
      <c r="GIK7" s="9">
        <f t="shared" si="78"/>
        <v>1.019803902718557</v>
      </c>
      <c r="GIL7" s="9">
        <f t="shared" si="78"/>
        <v>1.019803902718557</v>
      </c>
      <c r="GIM7" s="9">
        <f t="shared" si="78"/>
        <v>1.019803902718557</v>
      </c>
      <c r="GIN7" s="9">
        <f t="shared" si="78"/>
        <v>1.019803902718557</v>
      </c>
      <c r="GIO7" s="9">
        <f t="shared" si="78"/>
        <v>1.019803902718557</v>
      </c>
      <c r="GIP7" s="9">
        <f t="shared" si="78"/>
        <v>1.019803902718557</v>
      </c>
      <c r="GIQ7" s="9">
        <f t="shared" si="78"/>
        <v>1.019803902718557</v>
      </c>
      <c r="GIR7" s="9">
        <f t="shared" si="78"/>
        <v>1.019803902718557</v>
      </c>
      <c r="GIS7" s="9">
        <f t="shared" si="78"/>
        <v>1.019803902718557</v>
      </c>
      <c r="GIT7" s="9">
        <f t="shared" si="78"/>
        <v>1.019803902718557</v>
      </c>
      <c r="GIU7" s="9">
        <f t="shared" si="78"/>
        <v>1.019803902718557</v>
      </c>
      <c r="GIV7" s="9">
        <f t="shared" si="78"/>
        <v>1.019803902718557</v>
      </c>
      <c r="GIW7" s="9">
        <f t="shared" si="78"/>
        <v>1.019803902718557</v>
      </c>
      <c r="GIX7" s="9">
        <f t="shared" si="78"/>
        <v>1.019803902718557</v>
      </c>
      <c r="GIY7" s="9">
        <f t="shared" si="78"/>
        <v>1.019803902718557</v>
      </c>
      <c r="GIZ7" s="9">
        <f t="shared" si="78"/>
        <v>1.019803902718557</v>
      </c>
      <c r="GJA7" s="9">
        <f t="shared" si="78"/>
        <v>1.019803902718557</v>
      </c>
      <c r="GJB7" s="9">
        <f t="shared" si="78"/>
        <v>1.019803902718557</v>
      </c>
      <c r="GJC7" s="9">
        <f t="shared" si="78"/>
        <v>1.019803902718557</v>
      </c>
      <c r="GJD7" s="9">
        <f t="shared" si="78"/>
        <v>1.019803902718557</v>
      </c>
      <c r="GJE7" s="9">
        <f t="shared" si="78"/>
        <v>1.019803902718557</v>
      </c>
      <c r="GJF7" s="9">
        <f t="shared" si="78"/>
        <v>1.019803902718557</v>
      </c>
      <c r="GJG7" s="9">
        <f t="shared" si="78"/>
        <v>1.019803902718557</v>
      </c>
      <c r="GJH7" s="9">
        <f t="shared" si="78"/>
        <v>1.019803902718557</v>
      </c>
      <c r="GJI7" s="9">
        <f t="shared" si="78"/>
        <v>1.019803902718557</v>
      </c>
      <c r="GJJ7" s="9">
        <f t="shared" ref="GJJ7:GLU7" si="79">1/((1+$F$6) ^(GJJ3-$F$7))</f>
        <v>1.019803902718557</v>
      </c>
      <c r="GJK7" s="9">
        <f t="shared" si="79"/>
        <v>1.019803902718557</v>
      </c>
      <c r="GJL7" s="9">
        <f t="shared" si="79"/>
        <v>1.019803902718557</v>
      </c>
      <c r="GJM7" s="9">
        <f t="shared" si="79"/>
        <v>1.019803902718557</v>
      </c>
      <c r="GJN7" s="9">
        <f t="shared" si="79"/>
        <v>1.019803902718557</v>
      </c>
      <c r="GJO7" s="9">
        <f t="shared" si="79"/>
        <v>1.019803902718557</v>
      </c>
      <c r="GJP7" s="9">
        <f t="shared" si="79"/>
        <v>1.019803902718557</v>
      </c>
      <c r="GJQ7" s="9">
        <f t="shared" si="79"/>
        <v>1.019803902718557</v>
      </c>
      <c r="GJR7" s="9">
        <f t="shared" si="79"/>
        <v>1.019803902718557</v>
      </c>
      <c r="GJS7" s="9">
        <f t="shared" si="79"/>
        <v>1.019803902718557</v>
      </c>
      <c r="GJT7" s="9">
        <f t="shared" si="79"/>
        <v>1.019803902718557</v>
      </c>
      <c r="GJU7" s="9">
        <f t="shared" si="79"/>
        <v>1.019803902718557</v>
      </c>
      <c r="GJV7" s="9">
        <f t="shared" si="79"/>
        <v>1.019803902718557</v>
      </c>
      <c r="GJW7" s="9">
        <f t="shared" si="79"/>
        <v>1.019803902718557</v>
      </c>
      <c r="GJX7" s="9">
        <f t="shared" si="79"/>
        <v>1.019803902718557</v>
      </c>
      <c r="GJY7" s="9">
        <f t="shared" si="79"/>
        <v>1.019803902718557</v>
      </c>
      <c r="GJZ7" s="9">
        <f t="shared" si="79"/>
        <v>1.019803902718557</v>
      </c>
      <c r="GKA7" s="9">
        <f t="shared" si="79"/>
        <v>1.019803902718557</v>
      </c>
      <c r="GKB7" s="9">
        <f t="shared" si="79"/>
        <v>1.019803902718557</v>
      </c>
      <c r="GKC7" s="9">
        <f t="shared" si="79"/>
        <v>1.019803902718557</v>
      </c>
      <c r="GKD7" s="9">
        <f t="shared" si="79"/>
        <v>1.019803902718557</v>
      </c>
      <c r="GKE7" s="9">
        <f t="shared" si="79"/>
        <v>1.019803902718557</v>
      </c>
      <c r="GKF7" s="9">
        <f t="shared" si="79"/>
        <v>1.019803902718557</v>
      </c>
      <c r="GKG7" s="9">
        <f t="shared" si="79"/>
        <v>1.019803902718557</v>
      </c>
      <c r="GKH7" s="9">
        <f t="shared" si="79"/>
        <v>1.019803902718557</v>
      </c>
      <c r="GKI7" s="9">
        <f t="shared" si="79"/>
        <v>1.019803902718557</v>
      </c>
      <c r="GKJ7" s="9">
        <f t="shared" si="79"/>
        <v>1.019803902718557</v>
      </c>
      <c r="GKK7" s="9">
        <f t="shared" si="79"/>
        <v>1.019803902718557</v>
      </c>
      <c r="GKL7" s="9">
        <f t="shared" si="79"/>
        <v>1.019803902718557</v>
      </c>
      <c r="GKM7" s="9">
        <f t="shared" si="79"/>
        <v>1.019803902718557</v>
      </c>
      <c r="GKN7" s="9">
        <f t="shared" si="79"/>
        <v>1.019803902718557</v>
      </c>
      <c r="GKO7" s="9">
        <f t="shared" si="79"/>
        <v>1.019803902718557</v>
      </c>
      <c r="GKP7" s="9">
        <f t="shared" si="79"/>
        <v>1.019803902718557</v>
      </c>
      <c r="GKQ7" s="9">
        <f t="shared" si="79"/>
        <v>1.019803902718557</v>
      </c>
      <c r="GKR7" s="9">
        <f t="shared" si="79"/>
        <v>1.019803902718557</v>
      </c>
      <c r="GKS7" s="9">
        <f t="shared" si="79"/>
        <v>1.019803902718557</v>
      </c>
      <c r="GKT7" s="9">
        <f t="shared" si="79"/>
        <v>1.019803902718557</v>
      </c>
      <c r="GKU7" s="9">
        <f t="shared" si="79"/>
        <v>1.019803902718557</v>
      </c>
      <c r="GKV7" s="9">
        <f t="shared" si="79"/>
        <v>1.019803902718557</v>
      </c>
      <c r="GKW7" s="9">
        <f t="shared" si="79"/>
        <v>1.019803902718557</v>
      </c>
      <c r="GKX7" s="9">
        <f t="shared" si="79"/>
        <v>1.019803902718557</v>
      </c>
      <c r="GKY7" s="9">
        <f t="shared" si="79"/>
        <v>1.019803902718557</v>
      </c>
      <c r="GKZ7" s="9">
        <f t="shared" si="79"/>
        <v>1.019803902718557</v>
      </c>
      <c r="GLA7" s="9">
        <f t="shared" si="79"/>
        <v>1.019803902718557</v>
      </c>
      <c r="GLB7" s="9">
        <f t="shared" si="79"/>
        <v>1.019803902718557</v>
      </c>
      <c r="GLC7" s="9">
        <f t="shared" si="79"/>
        <v>1.019803902718557</v>
      </c>
      <c r="GLD7" s="9">
        <f t="shared" si="79"/>
        <v>1.019803902718557</v>
      </c>
      <c r="GLE7" s="9">
        <f t="shared" si="79"/>
        <v>1.019803902718557</v>
      </c>
      <c r="GLF7" s="9">
        <f t="shared" si="79"/>
        <v>1.019803902718557</v>
      </c>
      <c r="GLG7" s="9">
        <f t="shared" si="79"/>
        <v>1.019803902718557</v>
      </c>
      <c r="GLH7" s="9">
        <f t="shared" si="79"/>
        <v>1.019803902718557</v>
      </c>
      <c r="GLI7" s="9">
        <f t="shared" si="79"/>
        <v>1.019803902718557</v>
      </c>
      <c r="GLJ7" s="9">
        <f t="shared" si="79"/>
        <v>1.019803902718557</v>
      </c>
      <c r="GLK7" s="9">
        <f t="shared" si="79"/>
        <v>1.019803902718557</v>
      </c>
      <c r="GLL7" s="9">
        <f t="shared" si="79"/>
        <v>1.019803902718557</v>
      </c>
      <c r="GLM7" s="9">
        <f t="shared" si="79"/>
        <v>1.019803902718557</v>
      </c>
      <c r="GLN7" s="9">
        <f t="shared" si="79"/>
        <v>1.019803902718557</v>
      </c>
      <c r="GLO7" s="9">
        <f t="shared" si="79"/>
        <v>1.019803902718557</v>
      </c>
      <c r="GLP7" s="9">
        <f t="shared" si="79"/>
        <v>1.019803902718557</v>
      </c>
      <c r="GLQ7" s="9">
        <f t="shared" si="79"/>
        <v>1.019803902718557</v>
      </c>
      <c r="GLR7" s="9">
        <f t="shared" si="79"/>
        <v>1.019803902718557</v>
      </c>
      <c r="GLS7" s="9">
        <f t="shared" si="79"/>
        <v>1.019803902718557</v>
      </c>
      <c r="GLT7" s="9">
        <f t="shared" si="79"/>
        <v>1.019803902718557</v>
      </c>
      <c r="GLU7" s="9">
        <f t="shared" si="79"/>
        <v>1.019803902718557</v>
      </c>
      <c r="GLV7" s="9">
        <f t="shared" ref="GLV7:GOG7" si="80">1/((1+$F$6) ^(GLV3-$F$7))</f>
        <v>1.019803902718557</v>
      </c>
      <c r="GLW7" s="9">
        <f t="shared" si="80"/>
        <v>1.019803902718557</v>
      </c>
      <c r="GLX7" s="9">
        <f t="shared" si="80"/>
        <v>1.019803902718557</v>
      </c>
      <c r="GLY7" s="9">
        <f t="shared" si="80"/>
        <v>1.019803902718557</v>
      </c>
      <c r="GLZ7" s="9">
        <f t="shared" si="80"/>
        <v>1.019803902718557</v>
      </c>
      <c r="GMA7" s="9">
        <f t="shared" si="80"/>
        <v>1.019803902718557</v>
      </c>
      <c r="GMB7" s="9">
        <f t="shared" si="80"/>
        <v>1.019803902718557</v>
      </c>
      <c r="GMC7" s="9">
        <f t="shared" si="80"/>
        <v>1.019803902718557</v>
      </c>
      <c r="GMD7" s="9">
        <f t="shared" si="80"/>
        <v>1.019803902718557</v>
      </c>
      <c r="GME7" s="9">
        <f t="shared" si="80"/>
        <v>1.019803902718557</v>
      </c>
      <c r="GMF7" s="9">
        <f t="shared" si="80"/>
        <v>1.019803902718557</v>
      </c>
      <c r="GMG7" s="9">
        <f t="shared" si="80"/>
        <v>1.019803902718557</v>
      </c>
      <c r="GMH7" s="9">
        <f t="shared" si="80"/>
        <v>1.019803902718557</v>
      </c>
      <c r="GMI7" s="9">
        <f t="shared" si="80"/>
        <v>1.019803902718557</v>
      </c>
      <c r="GMJ7" s="9">
        <f t="shared" si="80"/>
        <v>1.019803902718557</v>
      </c>
      <c r="GMK7" s="9">
        <f t="shared" si="80"/>
        <v>1.019803902718557</v>
      </c>
      <c r="GML7" s="9">
        <f t="shared" si="80"/>
        <v>1.019803902718557</v>
      </c>
      <c r="GMM7" s="9">
        <f t="shared" si="80"/>
        <v>1.019803902718557</v>
      </c>
      <c r="GMN7" s="9">
        <f t="shared" si="80"/>
        <v>1.019803902718557</v>
      </c>
      <c r="GMO7" s="9">
        <f t="shared" si="80"/>
        <v>1.019803902718557</v>
      </c>
      <c r="GMP7" s="9">
        <f t="shared" si="80"/>
        <v>1.019803902718557</v>
      </c>
      <c r="GMQ7" s="9">
        <f t="shared" si="80"/>
        <v>1.019803902718557</v>
      </c>
      <c r="GMR7" s="9">
        <f t="shared" si="80"/>
        <v>1.019803902718557</v>
      </c>
      <c r="GMS7" s="9">
        <f t="shared" si="80"/>
        <v>1.019803902718557</v>
      </c>
      <c r="GMT7" s="9">
        <f t="shared" si="80"/>
        <v>1.019803902718557</v>
      </c>
      <c r="GMU7" s="9">
        <f t="shared" si="80"/>
        <v>1.019803902718557</v>
      </c>
      <c r="GMV7" s="9">
        <f t="shared" si="80"/>
        <v>1.019803902718557</v>
      </c>
      <c r="GMW7" s="9">
        <f t="shared" si="80"/>
        <v>1.019803902718557</v>
      </c>
      <c r="GMX7" s="9">
        <f t="shared" si="80"/>
        <v>1.019803902718557</v>
      </c>
      <c r="GMY7" s="9">
        <f t="shared" si="80"/>
        <v>1.019803902718557</v>
      </c>
      <c r="GMZ7" s="9">
        <f t="shared" si="80"/>
        <v>1.019803902718557</v>
      </c>
      <c r="GNA7" s="9">
        <f t="shared" si="80"/>
        <v>1.019803902718557</v>
      </c>
      <c r="GNB7" s="9">
        <f t="shared" si="80"/>
        <v>1.019803902718557</v>
      </c>
      <c r="GNC7" s="9">
        <f t="shared" si="80"/>
        <v>1.019803902718557</v>
      </c>
      <c r="GND7" s="9">
        <f t="shared" si="80"/>
        <v>1.019803902718557</v>
      </c>
      <c r="GNE7" s="9">
        <f t="shared" si="80"/>
        <v>1.019803902718557</v>
      </c>
      <c r="GNF7" s="9">
        <f t="shared" si="80"/>
        <v>1.019803902718557</v>
      </c>
      <c r="GNG7" s="9">
        <f t="shared" si="80"/>
        <v>1.019803902718557</v>
      </c>
      <c r="GNH7" s="9">
        <f t="shared" si="80"/>
        <v>1.019803902718557</v>
      </c>
      <c r="GNI7" s="9">
        <f t="shared" si="80"/>
        <v>1.019803902718557</v>
      </c>
      <c r="GNJ7" s="9">
        <f t="shared" si="80"/>
        <v>1.019803902718557</v>
      </c>
      <c r="GNK7" s="9">
        <f t="shared" si="80"/>
        <v>1.019803902718557</v>
      </c>
      <c r="GNL7" s="9">
        <f t="shared" si="80"/>
        <v>1.019803902718557</v>
      </c>
      <c r="GNM7" s="9">
        <f t="shared" si="80"/>
        <v>1.019803902718557</v>
      </c>
      <c r="GNN7" s="9">
        <f t="shared" si="80"/>
        <v>1.019803902718557</v>
      </c>
      <c r="GNO7" s="9">
        <f t="shared" si="80"/>
        <v>1.019803902718557</v>
      </c>
      <c r="GNP7" s="9">
        <f t="shared" si="80"/>
        <v>1.019803902718557</v>
      </c>
      <c r="GNQ7" s="9">
        <f t="shared" si="80"/>
        <v>1.019803902718557</v>
      </c>
      <c r="GNR7" s="9">
        <f t="shared" si="80"/>
        <v>1.019803902718557</v>
      </c>
      <c r="GNS7" s="9">
        <f t="shared" si="80"/>
        <v>1.019803902718557</v>
      </c>
      <c r="GNT7" s="9">
        <f t="shared" si="80"/>
        <v>1.019803902718557</v>
      </c>
      <c r="GNU7" s="9">
        <f t="shared" si="80"/>
        <v>1.019803902718557</v>
      </c>
      <c r="GNV7" s="9">
        <f t="shared" si="80"/>
        <v>1.019803902718557</v>
      </c>
      <c r="GNW7" s="9">
        <f t="shared" si="80"/>
        <v>1.019803902718557</v>
      </c>
      <c r="GNX7" s="9">
        <f t="shared" si="80"/>
        <v>1.019803902718557</v>
      </c>
      <c r="GNY7" s="9">
        <f t="shared" si="80"/>
        <v>1.019803902718557</v>
      </c>
      <c r="GNZ7" s="9">
        <f t="shared" si="80"/>
        <v>1.019803902718557</v>
      </c>
      <c r="GOA7" s="9">
        <f t="shared" si="80"/>
        <v>1.019803902718557</v>
      </c>
      <c r="GOB7" s="9">
        <f t="shared" si="80"/>
        <v>1.019803902718557</v>
      </c>
      <c r="GOC7" s="9">
        <f t="shared" si="80"/>
        <v>1.019803902718557</v>
      </c>
      <c r="GOD7" s="9">
        <f t="shared" si="80"/>
        <v>1.019803902718557</v>
      </c>
      <c r="GOE7" s="9">
        <f t="shared" si="80"/>
        <v>1.019803902718557</v>
      </c>
      <c r="GOF7" s="9">
        <f t="shared" si="80"/>
        <v>1.019803902718557</v>
      </c>
      <c r="GOG7" s="9">
        <f t="shared" si="80"/>
        <v>1.019803902718557</v>
      </c>
      <c r="GOH7" s="9">
        <f t="shared" ref="GOH7:GQS7" si="81">1/((1+$F$6) ^(GOH3-$F$7))</f>
        <v>1.019803902718557</v>
      </c>
      <c r="GOI7" s="9">
        <f t="shared" si="81"/>
        <v>1.019803902718557</v>
      </c>
      <c r="GOJ7" s="9">
        <f t="shared" si="81"/>
        <v>1.019803902718557</v>
      </c>
      <c r="GOK7" s="9">
        <f t="shared" si="81"/>
        <v>1.019803902718557</v>
      </c>
      <c r="GOL7" s="9">
        <f t="shared" si="81"/>
        <v>1.019803902718557</v>
      </c>
      <c r="GOM7" s="9">
        <f t="shared" si="81"/>
        <v>1.019803902718557</v>
      </c>
      <c r="GON7" s="9">
        <f t="shared" si="81"/>
        <v>1.019803902718557</v>
      </c>
      <c r="GOO7" s="9">
        <f t="shared" si="81"/>
        <v>1.019803902718557</v>
      </c>
      <c r="GOP7" s="9">
        <f t="shared" si="81"/>
        <v>1.019803902718557</v>
      </c>
      <c r="GOQ7" s="9">
        <f t="shared" si="81"/>
        <v>1.019803902718557</v>
      </c>
      <c r="GOR7" s="9">
        <f t="shared" si="81"/>
        <v>1.019803902718557</v>
      </c>
      <c r="GOS7" s="9">
        <f t="shared" si="81"/>
        <v>1.019803902718557</v>
      </c>
      <c r="GOT7" s="9">
        <f t="shared" si="81"/>
        <v>1.019803902718557</v>
      </c>
      <c r="GOU7" s="9">
        <f t="shared" si="81"/>
        <v>1.019803902718557</v>
      </c>
      <c r="GOV7" s="9">
        <f t="shared" si="81"/>
        <v>1.019803902718557</v>
      </c>
      <c r="GOW7" s="9">
        <f t="shared" si="81"/>
        <v>1.019803902718557</v>
      </c>
      <c r="GOX7" s="9">
        <f t="shared" si="81"/>
        <v>1.019803902718557</v>
      </c>
      <c r="GOY7" s="9">
        <f t="shared" si="81"/>
        <v>1.019803902718557</v>
      </c>
      <c r="GOZ7" s="9">
        <f t="shared" si="81"/>
        <v>1.019803902718557</v>
      </c>
      <c r="GPA7" s="9">
        <f t="shared" si="81"/>
        <v>1.019803902718557</v>
      </c>
      <c r="GPB7" s="9">
        <f t="shared" si="81"/>
        <v>1.019803902718557</v>
      </c>
      <c r="GPC7" s="9">
        <f t="shared" si="81"/>
        <v>1.019803902718557</v>
      </c>
      <c r="GPD7" s="9">
        <f t="shared" si="81"/>
        <v>1.019803902718557</v>
      </c>
      <c r="GPE7" s="9">
        <f t="shared" si="81"/>
        <v>1.019803902718557</v>
      </c>
      <c r="GPF7" s="9">
        <f t="shared" si="81"/>
        <v>1.019803902718557</v>
      </c>
      <c r="GPG7" s="9">
        <f t="shared" si="81"/>
        <v>1.019803902718557</v>
      </c>
      <c r="GPH7" s="9">
        <f t="shared" si="81"/>
        <v>1.019803902718557</v>
      </c>
      <c r="GPI7" s="9">
        <f t="shared" si="81"/>
        <v>1.019803902718557</v>
      </c>
      <c r="GPJ7" s="9">
        <f t="shared" si="81"/>
        <v>1.019803902718557</v>
      </c>
      <c r="GPK7" s="9">
        <f t="shared" si="81"/>
        <v>1.019803902718557</v>
      </c>
      <c r="GPL7" s="9">
        <f t="shared" si="81"/>
        <v>1.019803902718557</v>
      </c>
      <c r="GPM7" s="9">
        <f t="shared" si="81"/>
        <v>1.019803902718557</v>
      </c>
      <c r="GPN7" s="9">
        <f t="shared" si="81"/>
        <v>1.019803902718557</v>
      </c>
      <c r="GPO7" s="9">
        <f t="shared" si="81"/>
        <v>1.019803902718557</v>
      </c>
      <c r="GPP7" s="9">
        <f t="shared" si="81"/>
        <v>1.019803902718557</v>
      </c>
      <c r="GPQ7" s="9">
        <f t="shared" si="81"/>
        <v>1.019803902718557</v>
      </c>
      <c r="GPR7" s="9">
        <f t="shared" si="81"/>
        <v>1.019803902718557</v>
      </c>
      <c r="GPS7" s="9">
        <f t="shared" si="81"/>
        <v>1.019803902718557</v>
      </c>
      <c r="GPT7" s="9">
        <f t="shared" si="81"/>
        <v>1.019803902718557</v>
      </c>
      <c r="GPU7" s="9">
        <f t="shared" si="81"/>
        <v>1.019803902718557</v>
      </c>
      <c r="GPV7" s="9">
        <f t="shared" si="81"/>
        <v>1.019803902718557</v>
      </c>
      <c r="GPW7" s="9">
        <f t="shared" si="81"/>
        <v>1.019803902718557</v>
      </c>
      <c r="GPX7" s="9">
        <f t="shared" si="81"/>
        <v>1.019803902718557</v>
      </c>
      <c r="GPY7" s="9">
        <f t="shared" si="81"/>
        <v>1.019803902718557</v>
      </c>
      <c r="GPZ7" s="9">
        <f t="shared" si="81"/>
        <v>1.019803902718557</v>
      </c>
      <c r="GQA7" s="9">
        <f t="shared" si="81"/>
        <v>1.019803902718557</v>
      </c>
      <c r="GQB7" s="9">
        <f t="shared" si="81"/>
        <v>1.019803902718557</v>
      </c>
      <c r="GQC7" s="9">
        <f t="shared" si="81"/>
        <v>1.019803902718557</v>
      </c>
      <c r="GQD7" s="9">
        <f t="shared" si="81"/>
        <v>1.019803902718557</v>
      </c>
      <c r="GQE7" s="9">
        <f t="shared" si="81"/>
        <v>1.019803902718557</v>
      </c>
      <c r="GQF7" s="9">
        <f t="shared" si="81"/>
        <v>1.019803902718557</v>
      </c>
      <c r="GQG7" s="9">
        <f t="shared" si="81"/>
        <v>1.019803902718557</v>
      </c>
      <c r="GQH7" s="9">
        <f t="shared" si="81"/>
        <v>1.019803902718557</v>
      </c>
      <c r="GQI7" s="9">
        <f t="shared" si="81"/>
        <v>1.019803902718557</v>
      </c>
      <c r="GQJ7" s="9">
        <f t="shared" si="81"/>
        <v>1.019803902718557</v>
      </c>
      <c r="GQK7" s="9">
        <f t="shared" si="81"/>
        <v>1.019803902718557</v>
      </c>
      <c r="GQL7" s="9">
        <f t="shared" si="81"/>
        <v>1.019803902718557</v>
      </c>
      <c r="GQM7" s="9">
        <f t="shared" si="81"/>
        <v>1.019803902718557</v>
      </c>
      <c r="GQN7" s="9">
        <f t="shared" si="81"/>
        <v>1.019803902718557</v>
      </c>
      <c r="GQO7" s="9">
        <f t="shared" si="81"/>
        <v>1.019803902718557</v>
      </c>
      <c r="GQP7" s="9">
        <f t="shared" si="81"/>
        <v>1.019803902718557</v>
      </c>
      <c r="GQQ7" s="9">
        <f t="shared" si="81"/>
        <v>1.019803902718557</v>
      </c>
      <c r="GQR7" s="9">
        <f t="shared" si="81"/>
        <v>1.019803902718557</v>
      </c>
      <c r="GQS7" s="9">
        <f t="shared" si="81"/>
        <v>1.019803902718557</v>
      </c>
      <c r="GQT7" s="9">
        <f t="shared" ref="GQT7:GTE7" si="82">1/((1+$F$6) ^(GQT3-$F$7))</f>
        <v>1.019803902718557</v>
      </c>
      <c r="GQU7" s="9">
        <f t="shared" si="82"/>
        <v>1.019803902718557</v>
      </c>
      <c r="GQV7" s="9">
        <f t="shared" si="82"/>
        <v>1.019803902718557</v>
      </c>
      <c r="GQW7" s="9">
        <f t="shared" si="82"/>
        <v>1.019803902718557</v>
      </c>
      <c r="GQX7" s="9">
        <f t="shared" si="82"/>
        <v>1.019803902718557</v>
      </c>
      <c r="GQY7" s="9">
        <f t="shared" si="82"/>
        <v>1.019803902718557</v>
      </c>
      <c r="GQZ7" s="9">
        <f t="shared" si="82"/>
        <v>1.019803902718557</v>
      </c>
      <c r="GRA7" s="9">
        <f t="shared" si="82"/>
        <v>1.019803902718557</v>
      </c>
      <c r="GRB7" s="9">
        <f t="shared" si="82"/>
        <v>1.019803902718557</v>
      </c>
      <c r="GRC7" s="9">
        <f t="shared" si="82"/>
        <v>1.019803902718557</v>
      </c>
      <c r="GRD7" s="9">
        <f t="shared" si="82"/>
        <v>1.019803902718557</v>
      </c>
      <c r="GRE7" s="9">
        <f t="shared" si="82"/>
        <v>1.019803902718557</v>
      </c>
      <c r="GRF7" s="9">
        <f t="shared" si="82"/>
        <v>1.019803902718557</v>
      </c>
      <c r="GRG7" s="9">
        <f t="shared" si="82"/>
        <v>1.019803902718557</v>
      </c>
      <c r="GRH7" s="9">
        <f t="shared" si="82"/>
        <v>1.019803902718557</v>
      </c>
      <c r="GRI7" s="9">
        <f t="shared" si="82"/>
        <v>1.019803902718557</v>
      </c>
      <c r="GRJ7" s="9">
        <f t="shared" si="82"/>
        <v>1.019803902718557</v>
      </c>
      <c r="GRK7" s="9">
        <f t="shared" si="82"/>
        <v>1.019803902718557</v>
      </c>
      <c r="GRL7" s="9">
        <f t="shared" si="82"/>
        <v>1.019803902718557</v>
      </c>
      <c r="GRM7" s="9">
        <f t="shared" si="82"/>
        <v>1.019803902718557</v>
      </c>
      <c r="GRN7" s="9">
        <f t="shared" si="82"/>
        <v>1.019803902718557</v>
      </c>
      <c r="GRO7" s="9">
        <f t="shared" si="82"/>
        <v>1.019803902718557</v>
      </c>
      <c r="GRP7" s="9">
        <f t="shared" si="82"/>
        <v>1.019803902718557</v>
      </c>
      <c r="GRQ7" s="9">
        <f t="shared" si="82"/>
        <v>1.019803902718557</v>
      </c>
      <c r="GRR7" s="9">
        <f t="shared" si="82"/>
        <v>1.019803902718557</v>
      </c>
      <c r="GRS7" s="9">
        <f t="shared" si="82"/>
        <v>1.019803902718557</v>
      </c>
      <c r="GRT7" s="9">
        <f t="shared" si="82"/>
        <v>1.019803902718557</v>
      </c>
      <c r="GRU7" s="9">
        <f t="shared" si="82"/>
        <v>1.019803902718557</v>
      </c>
      <c r="GRV7" s="9">
        <f t="shared" si="82"/>
        <v>1.019803902718557</v>
      </c>
      <c r="GRW7" s="9">
        <f t="shared" si="82"/>
        <v>1.019803902718557</v>
      </c>
      <c r="GRX7" s="9">
        <f t="shared" si="82"/>
        <v>1.019803902718557</v>
      </c>
      <c r="GRY7" s="9">
        <f t="shared" si="82"/>
        <v>1.019803902718557</v>
      </c>
      <c r="GRZ7" s="9">
        <f t="shared" si="82"/>
        <v>1.019803902718557</v>
      </c>
      <c r="GSA7" s="9">
        <f t="shared" si="82"/>
        <v>1.019803902718557</v>
      </c>
      <c r="GSB7" s="9">
        <f t="shared" si="82"/>
        <v>1.019803902718557</v>
      </c>
      <c r="GSC7" s="9">
        <f t="shared" si="82"/>
        <v>1.019803902718557</v>
      </c>
      <c r="GSD7" s="9">
        <f t="shared" si="82"/>
        <v>1.019803902718557</v>
      </c>
      <c r="GSE7" s="9">
        <f t="shared" si="82"/>
        <v>1.019803902718557</v>
      </c>
      <c r="GSF7" s="9">
        <f t="shared" si="82"/>
        <v>1.019803902718557</v>
      </c>
      <c r="GSG7" s="9">
        <f t="shared" si="82"/>
        <v>1.019803902718557</v>
      </c>
      <c r="GSH7" s="9">
        <f t="shared" si="82"/>
        <v>1.019803902718557</v>
      </c>
      <c r="GSI7" s="9">
        <f t="shared" si="82"/>
        <v>1.019803902718557</v>
      </c>
      <c r="GSJ7" s="9">
        <f t="shared" si="82"/>
        <v>1.019803902718557</v>
      </c>
      <c r="GSK7" s="9">
        <f t="shared" si="82"/>
        <v>1.019803902718557</v>
      </c>
      <c r="GSL7" s="9">
        <f t="shared" si="82"/>
        <v>1.019803902718557</v>
      </c>
      <c r="GSM7" s="9">
        <f t="shared" si="82"/>
        <v>1.019803902718557</v>
      </c>
      <c r="GSN7" s="9">
        <f t="shared" si="82"/>
        <v>1.019803902718557</v>
      </c>
      <c r="GSO7" s="9">
        <f t="shared" si="82"/>
        <v>1.019803902718557</v>
      </c>
      <c r="GSP7" s="9">
        <f t="shared" si="82"/>
        <v>1.019803902718557</v>
      </c>
      <c r="GSQ7" s="9">
        <f t="shared" si="82"/>
        <v>1.019803902718557</v>
      </c>
      <c r="GSR7" s="9">
        <f t="shared" si="82"/>
        <v>1.019803902718557</v>
      </c>
      <c r="GSS7" s="9">
        <f t="shared" si="82"/>
        <v>1.019803902718557</v>
      </c>
      <c r="GST7" s="9">
        <f t="shared" si="82"/>
        <v>1.019803902718557</v>
      </c>
      <c r="GSU7" s="9">
        <f t="shared" si="82"/>
        <v>1.019803902718557</v>
      </c>
      <c r="GSV7" s="9">
        <f t="shared" si="82"/>
        <v>1.019803902718557</v>
      </c>
      <c r="GSW7" s="9">
        <f t="shared" si="82"/>
        <v>1.019803902718557</v>
      </c>
      <c r="GSX7" s="9">
        <f t="shared" si="82"/>
        <v>1.019803902718557</v>
      </c>
      <c r="GSY7" s="9">
        <f t="shared" si="82"/>
        <v>1.019803902718557</v>
      </c>
      <c r="GSZ7" s="9">
        <f t="shared" si="82"/>
        <v>1.019803902718557</v>
      </c>
      <c r="GTA7" s="9">
        <f t="shared" si="82"/>
        <v>1.019803902718557</v>
      </c>
      <c r="GTB7" s="9">
        <f t="shared" si="82"/>
        <v>1.019803902718557</v>
      </c>
      <c r="GTC7" s="9">
        <f t="shared" si="82"/>
        <v>1.019803902718557</v>
      </c>
      <c r="GTD7" s="9">
        <f t="shared" si="82"/>
        <v>1.019803902718557</v>
      </c>
      <c r="GTE7" s="9">
        <f t="shared" si="82"/>
        <v>1.019803902718557</v>
      </c>
      <c r="GTF7" s="9">
        <f t="shared" ref="GTF7:GVQ7" si="83">1/((1+$F$6) ^(GTF3-$F$7))</f>
        <v>1.019803902718557</v>
      </c>
      <c r="GTG7" s="9">
        <f t="shared" si="83"/>
        <v>1.019803902718557</v>
      </c>
      <c r="GTH7" s="9">
        <f t="shared" si="83"/>
        <v>1.019803902718557</v>
      </c>
      <c r="GTI7" s="9">
        <f t="shared" si="83"/>
        <v>1.019803902718557</v>
      </c>
      <c r="GTJ7" s="9">
        <f t="shared" si="83"/>
        <v>1.019803902718557</v>
      </c>
      <c r="GTK7" s="9">
        <f t="shared" si="83"/>
        <v>1.019803902718557</v>
      </c>
      <c r="GTL7" s="9">
        <f t="shared" si="83"/>
        <v>1.019803902718557</v>
      </c>
      <c r="GTM7" s="9">
        <f t="shared" si="83"/>
        <v>1.019803902718557</v>
      </c>
      <c r="GTN7" s="9">
        <f t="shared" si="83"/>
        <v>1.019803902718557</v>
      </c>
      <c r="GTO7" s="9">
        <f t="shared" si="83"/>
        <v>1.019803902718557</v>
      </c>
      <c r="GTP7" s="9">
        <f t="shared" si="83"/>
        <v>1.019803902718557</v>
      </c>
      <c r="GTQ7" s="9">
        <f t="shared" si="83"/>
        <v>1.019803902718557</v>
      </c>
      <c r="GTR7" s="9">
        <f t="shared" si="83"/>
        <v>1.019803902718557</v>
      </c>
      <c r="GTS7" s="9">
        <f t="shared" si="83"/>
        <v>1.019803902718557</v>
      </c>
      <c r="GTT7" s="9">
        <f t="shared" si="83"/>
        <v>1.019803902718557</v>
      </c>
      <c r="GTU7" s="9">
        <f t="shared" si="83"/>
        <v>1.019803902718557</v>
      </c>
      <c r="GTV7" s="9">
        <f t="shared" si="83"/>
        <v>1.019803902718557</v>
      </c>
      <c r="GTW7" s="9">
        <f t="shared" si="83"/>
        <v>1.019803902718557</v>
      </c>
      <c r="GTX7" s="9">
        <f t="shared" si="83"/>
        <v>1.019803902718557</v>
      </c>
      <c r="GTY7" s="9">
        <f t="shared" si="83"/>
        <v>1.019803902718557</v>
      </c>
      <c r="GTZ7" s="9">
        <f t="shared" si="83"/>
        <v>1.019803902718557</v>
      </c>
      <c r="GUA7" s="9">
        <f t="shared" si="83"/>
        <v>1.019803902718557</v>
      </c>
      <c r="GUB7" s="9">
        <f t="shared" si="83"/>
        <v>1.019803902718557</v>
      </c>
      <c r="GUC7" s="9">
        <f t="shared" si="83"/>
        <v>1.019803902718557</v>
      </c>
      <c r="GUD7" s="9">
        <f t="shared" si="83"/>
        <v>1.019803902718557</v>
      </c>
      <c r="GUE7" s="9">
        <f t="shared" si="83"/>
        <v>1.019803902718557</v>
      </c>
      <c r="GUF7" s="9">
        <f t="shared" si="83"/>
        <v>1.019803902718557</v>
      </c>
      <c r="GUG7" s="9">
        <f t="shared" si="83"/>
        <v>1.019803902718557</v>
      </c>
      <c r="GUH7" s="9">
        <f t="shared" si="83"/>
        <v>1.019803902718557</v>
      </c>
      <c r="GUI7" s="9">
        <f t="shared" si="83"/>
        <v>1.019803902718557</v>
      </c>
      <c r="GUJ7" s="9">
        <f t="shared" si="83"/>
        <v>1.019803902718557</v>
      </c>
      <c r="GUK7" s="9">
        <f t="shared" si="83"/>
        <v>1.019803902718557</v>
      </c>
      <c r="GUL7" s="9">
        <f t="shared" si="83"/>
        <v>1.019803902718557</v>
      </c>
      <c r="GUM7" s="9">
        <f t="shared" si="83"/>
        <v>1.019803902718557</v>
      </c>
      <c r="GUN7" s="9">
        <f t="shared" si="83"/>
        <v>1.019803902718557</v>
      </c>
      <c r="GUO7" s="9">
        <f t="shared" si="83"/>
        <v>1.019803902718557</v>
      </c>
      <c r="GUP7" s="9">
        <f t="shared" si="83"/>
        <v>1.019803902718557</v>
      </c>
      <c r="GUQ7" s="9">
        <f t="shared" si="83"/>
        <v>1.019803902718557</v>
      </c>
      <c r="GUR7" s="9">
        <f t="shared" si="83"/>
        <v>1.019803902718557</v>
      </c>
      <c r="GUS7" s="9">
        <f t="shared" si="83"/>
        <v>1.019803902718557</v>
      </c>
      <c r="GUT7" s="9">
        <f t="shared" si="83"/>
        <v>1.019803902718557</v>
      </c>
      <c r="GUU7" s="9">
        <f t="shared" si="83"/>
        <v>1.019803902718557</v>
      </c>
      <c r="GUV7" s="9">
        <f t="shared" si="83"/>
        <v>1.019803902718557</v>
      </c>
      <c r="GUW7" s="9">
        <f t="shared" si="83"/>
        <v>1.019803902718557</v>
      </c>
      <c r="GUX7" s="9">
        <f t="shared" si="83"/>
        <v>1.019803902718557</v>
      </c>
      <c r="GUY7" s="9">
        <f t="shared" si="83"/>
        <v>1.019803902718557</v>
      </c>
      <c r="GUZ7" s="9">
        <f t="shared" si="83"/>
        <v>1.019803902718557</v>
      </c>
      <c r="GVA7" s="9">
        <f t="shared" si="83"/>
        <v>1.019803902718557</v>
      </c>
      <c r="GVB7" s="9">
        <f t="shared" si="83"/>
        <v>1.019803902718557</v>
      </c>
      <c r="GVC7" s="9">
        <f t="shared" si="83"/>
        <v>1.019803902718557</v>
      </c>
      <c r="GVD7" s="9">
        <f t="shared" si="83"/>
        <v>1.019803902718557</v>
      </c>
      <c r="GVE7" s="9">
        <f t="shared" si="83"/>
        <v>1.019803902718557</v>
      </c>
      <c r="GVF7" s="9">
        <f t="shared" si="83"/>
        <v>1.019803902718557</v>
      </c>
      <c r="GVG7" s="9">
        <f t="shared" si="83"/>
        <v>1.019803902718557</v>
      </c>
      <c r="GVH7" s="9">
        <f t="shared" si="83"/>
        <v>1.019803902718557</v>
      </c>
      <c r="GVI7" s="9">
        <f t="shared" si="83"/>
        <v>1.019803902718557</v>
      </c>
      <c r="GVJ7" s="9">
        <f t="shared" si="83"/>
        <v>1.019803902718557</v>
      </c>
      <c r="GVK7" s="9">
        <f t="shared" si="83"/>
        <v>1.019803902718557</v>
      </c>
      <c r="GVL7" s="9">
        <f t="shared" si="83"/>
        <v>1.019803902718557</v>
      </c>
      <c r="GVM7" s="9">
        <f t="shared" si="83"/>
        <v>1.019803902718557</v>
      </c>
      <c r="GVN7" s="9">
        <f t="shared" si="83"/>
        <v>1.019803902718557</v>
      </c>
      <c r="GVO7" s="9">
        <f t="shared" si="83"/>
        <v>1.019803902718557</v>
      </c>
      <c r="GVP7" s="9">
        <f t="shared" si="83"/>
        <v>1.019803902718557</v>
      </c>
      <c r="GVQ7" s="9">
        <f t="shared" si="83"/>
        <v>1.019803902718557</v>
      </c>
      <c r="GVR7" s="9">
        <f t="shared" ref="GVR7:GYC7" si="84">1/((1+$F$6) ^(GVR3-$F$7))</f>
        <v>1.019803902718557</v>
      </c>
      <c r="GVS7" s="9">
        <f t="shared" si="84"/>
        <v>1.019803902718557</v>
      </c>
      <c r="GVT7" s="9">
        <f t="shared" si="84"/>
        <v>1.019803902718557</v>
      </c>
      <c r="GVU7" s="9">
        <f t="shared" si="84"/>
        <v>1.019803902718557</v>
      </c>
      <c r="GVV7" s="9">
        <f t="shared" si="84"/>
        <v>1.019803902718557</v>
      </c>
      <c r="GVW7" s="9">
        <f t="shared" si="84"/>
        <v>1.019803902718557</v>
      </c>
      <c r="GVX7" s="9">
        <f t="shared" si="84"/>
        <v>1.019803902718557</v>
      </c>
      <c r="GVY7" s="9">
        <f t="shared" si="84"/>
        <v>1.019803902718557</v>
      </c>
      <c r="GVZ7" s="9">
        <f t="shared" si="84"/>
        <v>1.019803902718557</v>
      </c>
      <c r="GWA7" s="9">
        <f t="shared" si="84"/>
        <v>1.019803902718557</v>
      </c>
      <c r="GWB7" s="9">
        <f t="shared" si="84"/>
        <v>1.019803902718557</v>
      </c>
      <c r="GWC7" s="9">
        <f t="shared" si="84"/>
        <v>1.019803902718557</v>
      </c>
      <c r="GWD7" s="9">
        <f t="shared" si="84"/>
        <v>1.019803902718557</v>
      </c>
      <c r="GWE7" s="9">
        <f t="shared" si="84"/>
        <v>1.019803902718557</v>
      </c>
      <c r="GWF7" s="9">
        <f t="shared" si="84"/>
        <v>1.019803902718557</v>
      </c>
      <c r="GWG7" s="9">
        <f t="shared" si="84"/>
        <v>1.019803902718557</v>
      </c>
      <c r="GWH7" s="9">
        <f t="shared" si="84"/>
        <v>1.019803902718557</v>
      </c>
      <c r="GWI7" s="9">
        <f t="shared" si="84"/>
        <v>1.019803902718557</v>
      </c>
      <c r="GWJ7" s="9">
        <f t="shared" si="84"/>
        <v>1.019803902718557</v>
      </c>
      <c r="GWK7" s="9">
        <f t="shared" si="84"/>
        <v>1.019803902718557</v>
      </c>
      <c r="GWL7" s="9">
        <f t="shared" si="84"/>
        <v>1.019803902718557</v>
      </c>
      <c r="GWM7" s="9">
        <f t="shared" si="84"/>
        <v>1.019803902718557</v>
      </c>
      <c r="GWN7" s="9">
        <f t="shared" si="84"/>
        <v>1.019803902718557</v>
      </c>
      <c r="GWO7" s="9">
        <f t="shared" si="84"/>
        <v>1.019803902718557</v>
      </c>
      <c r="GWP7" s="9">
        <f t="shared" si="84"/>
        <v>1.019803902718557</v>
      </c>
      <c r="GWQ7" s="9">
        <f t="shared" si="84"/>
        <v>1.019803902718557</v>
      </c>
      <c r="GWR7" s="9">
        <f t="shared" si="84"/>
        <v>1.019803902718557</v>
      </c>
      <c r="GWS7" s="9">
        <f t="shared" si="84"/>
        <v>1.019803902718557</v>
      </c>
      <c r="GWT7" s="9">
        <f t="shared" si="84"/>
        <v>1.019803902718557</v>
      </c>
      <c r="GWU7" s="9">
        <f t="shared" si="84"/>
        <v>1.019803902718557</v>
      </c>
      <c r="GWV7" s="9">
        <f t="shared" si="84"/>
        <v>1.019803902718557</v>
      </c>
      <c r="GWW7" s="9">
        <f t="shared" si="84"/>
        <v>1.019803902718557</v>
      </c>
      <c r="GWX7" s="9">
        <f t="shared" si="84"/>
        <v>1.019803902718557</v>
      </c>
      <c r="GWY7" s="9">
        <f t="shared" si="84"/>
        <v>1.019803902718557</v>
      </c>
      <c r="GWZ7" s="9">
        <f t="shared" si="84"/>
        <v>1.019803902718557</v>
      </c>
      <c r="GXA7" s="9">
        <f t="shared" si="84"/>
        <v>1.019803902718557</v>
      </c>
      <c r="GXB7" s="9">
        <f t="shared" si="84"/>
        <v>1.019803902718557</v>
      </c>
      <c r="GXC7" s="9">
        <f t="shared" si="84"/>
        <v>1.019803902718557</v>
      </c>
      <c r="GXD7" s="9">
        <f t="shared" si="84"/>
        <v>1.019803902718557</v>
      </c>
      <c r="GXE7" s="9">
        <f t="shared" si="84"/>
        <v>1.019803902718557</v>
      </c>
      <c r="GXF7" s="9">
        <f t="shared" si="84"/>
        <v>1.019803902718557</v>
      </c>
      <c r="GXG7" s="9">
        <f t="shared" si="84"/>
        <v>1.019803902718557</v>
      </c>
      <c r="GXH7" s="9">
        <f t="shared" si="84"/>
        <v>1.019803902718557</v>
      </c>
      <c r="GXI7" s="9">
        <f t="shared" si="84"/>
        <v>1.019803902718557</v>
      </c>
      <c r="GXJ7" s="9">
        <f t="shared" si="84"/>
        <v>1.019803902718557</v>
      </c>
      <c r="GXK7" s="9">
        <f t="shared" si="84"/>
        <v>1.019803902718557</v>
      </c>
      <c r="GXL7" s="9">
        <f t="shared" si="84"/>
        <v>1.019803902718557</v>
      </c>
      <c r="GXM7" s="9">
        <f t="shared" si="84"/>
        <v>1.019803902718557</v>
      </c>
      <c r="GXN7" s="9">
        <f t="shared" si="84"/>
        <v>1.019803902718557</v>
      </c>
      <c r="GXO7" s="9">
        <f t="shared" si="84"/>
        <v>1.019803902718557</v>
      </c>
      <c r="GXP7" s="9">
        <f t="shared" si="84"/>
        <v>1.019803902718557</v>
      </c>
      <c r="GXQ7" s="9">
        <f t="shared" si="84"/>
        <v>1.019803902718557</v>
      </c>
      <c r="GXR7" s="9">
        <f t="shared" si="84"/>
        <v>1.019803902718557</v>
      </c>
      <c r="GXS7" s="9">
        <f t="shared" si="84"/>
        <v>1.019803902718557</v>
      </c>
      <c r="GXT7" s="9">
        <f t="shared" si="84"/>
        <v>1.019803902718557</v>
      </c>
      <c r="GXU7" s="9">
        <f t="shared" si="84"/>
        <v>1.019803902718557</v>
      </c>
      <c r="GXV7" s="9">
        <f t="shared" si="84"/>
        <v>1.019803902718557</v>
      </c>
      <c r="GXW7" s="9">
        <f t="shared" si="84"/>
        <v>1.019803902718557</v>
      </c>
      <c r="GXX7" s="9">
        <f t="shared" si="84"/>
        <v>1.019803902718557</v>
      </c>
      <c r="GXY7" s="9">
        <f t="shared" si="84"/>
        <v>1.019803902718557</v>
      </c>
      <c r="GXZ7" s="9">
        <f t="shared" si="84"/>
        <v>1.019803902718557</v>
      </c>
      <c r="GYA7" s="9">
        <f t="shared" si="84"/>
        <v>1.019803902718557</v>
      </c>
      <c r="GYB7" s="9">
        <f t="shared" si="84"/>
        <v>1.019803902718557</v>
      </c>
      <c r="GYC7" s="9">
        <f t="shared" si="84"/>
        <v>1.019803902718557</v>
      </c>
      <c r="GYD7" s="9">
        <f t="shared" ref="GYD7:HAO7" si="85">1/((1+$F$6) ^(GYD3-$F$7))</f>
        <v>1.019803902718557</v>
      </c>
      <c r="GYE7" s="9">
        <f t="shared" si="85"/>
        <v>1.019803902718557</v>
      </c>
      <c r="GYF7" s="9">
        <f t="shared" si="85"/>
        <v>1.019803902718557</v>
      </c>
      <c r="GYG7" s="9">
        <f t="shared" si="85"/>
        <v>1.019803902718557</v>
      </c>
      <c r="GYH7" s="9">
        <f t="shared" si="85"/>
        <v>1.019803902718557</v>
      </c>
      <c r="GYI7" s="9">
        <f t="shared" si="85"/>
        <v>1.019803902718557</v>
      </c>
      <c r="GYJ7" s="9">
        <f t="shared" si="85"/>
        <v>1.019803902718557</v>
      </c>
      <c r="GYK7" s="9">
        <f t="shared" si="85"/>
        <v>1.019803902718557</v>
      </c>
      <c r="GYL7" s="9">
        <f t="shared" si="85"/>
        <v>1.019803902718557</v>
      </c>
      <c r="GYM7" s="9">
        <f t="shared" si="85"/>
        <v>1.019803902718557</v>
      </c>
      <c r="GYN7" s="9">
        <f t="shared" si="85"/>
        <v>1.019803902718557</v>
      </c>
      <c r="GYO7" s="9">
        <f t="shared" si="85"/>
        <v>1.019803902718557</v>
      </c>
      <c r="GYP7" s="9">
        <f t="shared" si="85"/>
        <v>1.019803902718557</v>
      </c>
      <c r="GYQ7" s="9">
        <f t="shared" si="85"/>
        <v>1.019803902718557</v>
      </c>
      <c r="GYR7" s="9">
        <f t="shared" si="85"/>
        <v>1.019803902718557</v>
      </c>
      <c r="GYS7" s="9">
        <f t="shared" si="85"/>
        <v>1.019803902718557</v>
      </c>
      <c r="GYT7" s="9">
        <f t="shared" si="85"/>
        <v>1.019803902718557</v>
      </c>
      <c r="GYU7" s="9">
        <f t="shared" si="85"/>
        <v>1.019803902718557</v>
      </c>
      <c r="GYV7" s="9">
        <f t="shared" si="85"/>
        <v>1.019803902718557</v>
      </c>
      <c r="GYW7" s="9">
        <f t="shared" si="85"/>
        <v>1.019803902718557</v>
      </c>
      <c r="GYX7" s="9">
        <f t="shared" si="85"/>
        <v>1.019803902718557</v>
      </c>
      <c r="GYY7" s="9">
        <f t="shared" si="85"/>
        <v>1.019803902718557</v>
      </c>
      <c r="GYZ7" s="9">
        <f t="shared" si="85"/>
        <v>1.019803902718557</v>
      </c>
      <c r="GZA7" s="9">
        <f t="shared" si="85"/>
        <v>1.019803902718557</v>
      </c>
      <c r="GZB7" s="9">
        <f t="shared" si="85"/>
        <v>1.019803902718557</v>
      </c>
      <c r="GZC7" s="9">
        <f t="shared" si="85"/>
        <v>1.019803902718557</v>
      </c>
      <c r="GZD7" s="9">
        <f t="shared" si="85"/>
        <v>1.019803902718557</v>
      </c>
      <c r="GZE7" s="9">
        <f t="shared" si="85"/>
        <v>1.019803902718557</v>
      </c>
      <c r="GZF7" s="9">
        <f t="shared" si="85"/>
        <v>1.019803902718557</v>
      </c>
      <c r="GZG7" s="9">
        <f t="shared" si="85"/>
        <v>1.019803902718557</v>
      </c>
      <c r="GZH7" s="9">
        <f t="shared" si="85"/>
        <v>1.019803902718557</v>
      </c>
      <c r="GZI7" s="9">
        <f t="shared" si="85"/>
        <v>1.019803902718557</v>
      </c>
      <c r="GZJ7" s="9">
        <f t="shared" si="85"/>
        <v>1.019803902718557</v>
      </c>
      <c r="GZK7" s="9">
        <f t="shared" si="85"/>
        <v>1.019803902718557</v>
      </c>
      <c r="GZL7" s="9">
        <f t="shared" si="85"/>
        <v>1.019803902718557</v>
      </c>
      <c r="GZM7" s="9">
        <f t="shared" si="85"/>
        <v>1.019803902718557</v>
      </c>
      <c r="GZN7" s="9">
        <f t="shared" si="85"/>
        <v>1.019803902718557</v>
      </c>
      <c r="GZO7" s="9">
        <f t="shared" si="85"/>
        <v>1.019803902718557</v>
      </c>
      <c r="GZP7" s="9">
        <f t="shared" si="85"/>
        <v>1.019803902718557</v>
      </c>
      <c r="GZQ7" s="9">
        <f t="shared" si="85"/>
        <v>1.019803902718557</v>
      </c>
      <c r="GZR7" s="9">
        <f t="shared" si="85"/>
        <v>1.019803902718557</v>
      </c>
      <c r="GZS7" s="9">
        <f t="shared" si="85"/>
        <v>1.019803902718557</v>
      </c>
      <c r="GZT7" s="9">
        <f t="shared" si="85"/>
        <v>1.019803902718557</v>
      </c>
      <c r="GZU7" s="9">
        <f t="shared" si="85"/>
        <v>1.019803902718557</v>
      </c>
      <c r="GZV7" s="9">
        <f t="shared" si="85"/>
        <v>1.019803902718557</v>
      </c>
      <c r="GZW7" s="9">
        <f t="shared" si="85"/>
        <v>1.019803902718557</v>
      </c>
      <c r="GZX7" s="9">
        <f t="shared" si="85"/>
        <v>1.019803902718557</v>
      </c>
      <c r="GZY7" s="9">
        <f t="shared" si="85"/>
        <v>1.019803902718557</v>
      </c>
      <c r="GZZ7" s="9">
        <f t="shared" si="85"/>
        <v>1.019803902718557</v>
      </c>
      <c r="HAA7" s="9">
        <f t="shared" si="85"/>
        <v>1.019803902718557</v>
      </c>
      <c r="HAB7" s="9">
        <f t="shared" si="85"/>
        <v>1.019803902718557</v>
      </c>
      <c r="HAC7" s="9">
        <f t="shared" si="85"/>
        <v>1.019803902718557</v>
      </c>
      <c r="HAD7" s="9">
        <f t="shared" si="85"/>
        <v>1.019803902718557</v>
      </c>
      <c r="HAE7" s="9">
        <f t="shared" si="85"/>
        <v>1.019803902718557</v>
      </c>
      <c r="HAF7" s="9">
        <f t="shared" si="85"/>
        <v>1.019803902718557</v>
      </c>
      <c r="HAG7" s="9">
        <f t="shared" si="85"/>
        <v>1.019803902718557</v>
      </c>
      <c r="HAH7" s="9">
        <f t="shared" si="85"/>
        <v>1.019803902718557</v>
      </c>
      <c r="HAI7" s="9">
        <f t="shared" si="85"/>
        <v>1.019803902718557</v>
      </c>
      <c r="HAJ7" s="9">
        <f t="shared" si="85"/>
        <v>1.019803902718557</v>
      </c>
      <c r="HAK7" s="9">
        <f t="shared" si="85"/>
        <v>1.019803902718557</v>
      </c>
      <c r="HAL7" s="9">
        <f t="shared" si="85"/>
        <v>1.019803902718557</v>
      </c>
      <c r="HAM7" s="9">
        <f t="shared" si="85"/>
        <v>1.019803902718557</v>
      </c>
      <c r="HAN7" s="9">
        <f t="shared" si="85"/>
        <v>1.019803902718557</v>
      </c>
      <c r="HAO7" s="9">
        <f t="shared" si="85"/>
        <v>1.019803902718557</v>
      </c>
      <c r="HAP7" s="9">
        <f t="shared" ref="HAP7:HDA7" si="86">1/((1+$F$6) ^(HAP3-$F$7))</f>
        <v>1.019803902718557</v>
      </c>
      <c r="HAQ7" s="9">
        <f t="shared" si="86"/>
        <v>1.019803902718557</v>
      </c>
      <c r="HAR7" s="9">
        <f t="shared" si="86"/>
        <v>1.019803902718557</v>
      </c>
      <c r="HAS7" s="9">
        <f t="shared" si="86"/>
        <v>1.019803902718557</v>
      </c>
      <c r="HAT7" s="9">
        <f t="shared" si="86"/>
        <v>1.019803902718557</v>
      </c>
      <c r="HAU7" s="9">
        <f t="shared" si="86"/>
        <v>1.019803902718557</v>
      </c>
      <c r="HAV7" s="9">
        <f t="shared" si="86"/>
        <v>1.019803902718557</v>
      </c>
      <c r="HAW7" s="9">
        <f t="shared" si="86"/>
        <v>1.019803902718557</v>
      </c>
      <c r="HAX7" s="9">
        <f t="shared" si="86"/>
        <v>1.019803902718557</v>
      </c>
      <c r="HAY7" s="9">
        <f t="shared" si="86"/>
        <v>1.019803902718557</v>
      </c>
      <c r="HAZ7" s="9">
        <f t="shared" si="86"/>
        <v>1.019803902718557</v>
      </c>
      <c r="HBA7" s="9">
        <f t="shared" si="86"/>
        <v>1.019803902718557</v>
      </c>
      <c r="HBB7" s="9">
        <f t="shared" si="86"/>
        <v>1.019803902718557</v>
      </c>
      <c r="HBC7" s="9">
        <f t="shared" si="86"/>
        <v>1.019803902718557</v>
      </c>
      <c r="HBD7" s="9">
        <f t="shared" si="86"/>
        <v>1.019803902718557</v>
      </c>
      <c r="HBE7" s="9">
        <f t="shared" si="86"/>
        <v>1.019803902718557</v>
      </c>
      <c r="HBF7" s="9">
        <f t="shared" si="86"/>
        <v>1.019803902718557</v>
      </c>
      <c r="HBG7" s="9">
        <f t="shared" si="86"/>
        <v>1.019803902718557</v>
      </c>
      <c r="HBH7" s="9">
        <f t="shared" si="86"/>
        <v>1.019803902718557</v>
      </c>
      <c r="HBI7" s="9">
        <f t="shared" si="86"/>
        <v>1.019803902718557</v>
      </c>
      <c r="HBJ7" s="9">
        <f t="shared" si="86"/>
        <v>1.019803902718557</v>
      </c>
      <c r="HBK7" s="9">
        <f t="shared" si="86"/>
        <v>1.019803902718557</v>
      </c>
      <c r="HBL7" s="9">
        <f t="shared" si="86"/>
        <v>1.019803902718557</v>
      </c>
      <c r="HBM7" s="9">
        <f t="shared" si="86"/>
        <v>1.019803902718557</v>
      </c>
      <c r="HBN7" s="9">
        <f t="shared" si="86"/>
        <v>1.019803902718557</v>
      </c>
      <c r="HBO7" s="9">
        <f t="shared" si="86"/>
        <v>1.019803902718557</v>
      </c>
      <c r="HBP7" s="9">
        <f t="shared" si="86"/>
        <v>1.019803902718557</v>
      </c>
      <c r="HBQ7" s="9">
        <f t="shared" si="86"/>
        <v>1.019803902718557</v>
      </c>
      <c r="HBR7" s="9">
        <f t="shared" si="86"/>
        <v>1.019803902718557</v>
      </c>
      <c r="HBS7" s="9">
        <f t="shared" si="86"/>
        <v>1.019803902718557</v>
      </c>
      <c r="HBT7" s="9">
        <f t="shared" si="86"/>
        <v>1.019803902718557</v>
      </c>
      <c r="HBU7" s="9">
        <f t="shared" si="86"/>
        <v>1.019803902718557</v>
      </c>
      <c r="HBV7" s="9">
        <f t="shared" si="86"/>
        <v>1.019803902718557</v>
      </c>
      <c r="HBW7" s="9">
        <f t="shared" si="86"/>
        <v>1.019803902718557</v>
      </c>
      <c r="HBX7" s="9">
        <f t="shared" si="86"/>
        <v>1.019803902718557</v>
      </c>
      <c r="HBY7" s="9">
        <f t="shared" si="86"/>
        <v>1.019803902718557</v>
      </c>
      <c r="HBZ7" s="9">
        <f t="shared" si="86"/>
        <v>1.019803902718557</v>
      </c>
      <c r="HCA7" s="9">
        <f t="shared" si="86"/>
        <v>1.019803902718557</v>
      </c>
      <c r="HCB7" s="9">
        <f t="shared" si="86"/>
        <v>1.019803902718557</v>
      </c>
      <c r="HCC7" s="9">
        <f t="shared" si="86"/>
        <v>1.019803902718557</v>
      </c>
      <c r="HCD7" s="9">
        <f t="shared" si="86"/>
        <v>1.019803902718557</v>
      </c>
      <c r="HCE7" s="9">
        <f t="shared" si="86"/>
        <v>1.019803902718557</v>
      </c>
      <c r="HCF7" s="9">
        <f t="shared" si="86"/>
        <v>1.019803902718557</v>
      </c>
      <c r="HCG7" s="9">
        <f t="shared" si="86"/>
        <v>1.019803902718557</v>
      </c>
      <c r="HCH7" s="9">
        <f t="shared" si="86"/>
        <v>1.019803902718557</v>
      </c>
      <c r="HCI7" s="9">
        <f t="shared" si="86"/>
        <v>1.019803902718557</v>
      </c>
      <c r="HCJ7" s="9">
        <f t="shared" si="86"/>
        <v>1.019803902718557</v>
      </c>
      <c r="HCK7" s="9">
        <f t="shared" si="86"/>
        <v>1.019803902718557</v>
      </c>
      <c r="HCL7" s="9">
        <f t="shared" si="86"/>
        <v>1.019803902718557</v>
      </c>
      <c r="HCM7" s="9">
        <f t="shared" si="86"/>
        <v>1.019803902718557</v>
      </c>
      <c r="HCN7" s="9">
        <f t="shared" si="86"/>
        <v>1.019803902718557</v>
      </c>
      <c r="HCO7" s="9">
        <f t="shared" si="86"/>
        <v>1.019803902718557</v>
      </c>
      <c r="HCP7" s="9">
        <f t="shared" si="86"/>
        <v>1.019803902718557</v>
      </c>
      <c r="HCQ7" s="9">
        <f t="shared" si="86"/>
        <v>1.019803902718557</v>
      </c>
      <c r="HCR7" s="9">
        <f t="shared" si="86"/>
        <v>1.019803902718557</v>
      </c>
      <c r="HCS7" s="9">
        <f t="shared" si="86"/>
        <v>1.019803902718557</v>
      </c>
      <c r="HCT7" s="9">
        <f t="shared" si="86"/>
        <v>1.019803902718557</v>
      </c>
      <c r="HCU7" s="9">
        <f t="shared" si="86"/>
        <v>1.019803902718557</v>
      </c>
      <c r="HCV7" s="9">
        <f t="shared" si="86"/>
        <v>1.019803902718557</v>
      </c>
      <c r="HCW7" s="9">
        <f t="shared" si="86"/>
        <v>1.019803902718557</v>
      </c>
      <c r="HCX7" s="9">
        <f t="shared" si="86"/>
        <v>1.019803902718557</v>
      </c>
      <c r="HCY7" s="9">
        <f t="shared" si="86"/>
        <v>1.019803902718557</v>
      </c>
      <c r="HCZ7" s="9">
        <f t="shared" si="86"/>
        <v>1.019803902718557</v>
      </c>
      <c r="HDA7" s="9">
        <f t="shared" si="86"/>
        <v>1.019803902718557</v>
      </c>
      <c r="HDB7" s="9">
        <f t="shared" ref="HDB7:HFM7" si="87">1/((1+$F$6) ^(HDB3-$F$7))</f>
        <v>1.019803902718557</v>
      </c>
      <c r="HDC7" s="9">
        <f t="shared" si="87"/>
        <v>1.019803902718557</v>
      </c>
      <c r="HDD7" s="9">
        <f t="shared" si="87"/>
        <v>1.019803902718557</v>
      </c>
      <c r="HDE7" s="9">
        <f t="shared" si="87"/>
        <v>1.019803902718557</v>
      </c>
      <c r="HDF7" s="9">
        <f t="shared" si="87"/>
        <v>1.019803902718557</v>
      </c>
      <c r="HDG7" s="9">
        <f t="shared" si="87"/>
        <v>1.019803902718557</v>
      </c>
      <c r="HDH7" s="9">
        <f t="shared" si="87"/>
        <v>1.019803902718557</v>
      </c>
      <c r="HDI7" s="9">
        <f t="shared" si="87"/>
        <v>1.019803902718557</v>
      </c>
      <c r="HDJ7" s="9">
        <f t="shared" si="87"/>
        <v>1.019803902718557</v>
      </c>
      <c r="HDK7" s="9">
        <f t="shared" si="87"/>
        <v>1.019803902718557</v>
      </c>
      <c r="HDL7" s="9">
        <f t="shared" si="87"/>
        <v>1.019803902718557</v>
      </c>
      <c r="HDM7" s="9">
        <f t="shared" si="87"/>
        <v>1.019803902718557</v>
      </c>
      <c r="HDN7" s="9">
        <f t="shared" si="87"/>
        <v>1.019803902718557</v>
      </c>
      <c r="HDO7" s="9">
        <f t="shared" si="87"/>
        <v>1.019803902718557</v>
      </c>
      <c r="HDP7" s="9">
        <f t="shared" si="87"/>
        <v>1.019803902718557</v>
      </c>
      <c r="HDQ7" s="9">
        <f t="shared" si="87"/>
        <v>1.019803902718557</v>
      </c>
      <c r="HDR7" s="9">
        <f t="shared" si="87"/>
        <v>1.019803902718557</v>
      </c>
      <c r="HDS7" s="9">
        <f t="shared" si="87"/>
        <v>1.019803902718557</v>
      </c>
      <c r="HDT7" s="9">
        <f t="shared" si="87"/>
        <v>1.019803902718557</v>
      </c>
      <c r="HDU7" s="9">
        <f t="shared" si="87"/>
        <v>1.019803902718557</v>
      </c>
      <c r="HDV7" s="9">
        <f t="shared" si="87"/>
        <v>1.019803902718557</v>
      </c>
      <c r="HDW7" s="9">
        <f t="shared" si="87"/>
        <v>1.019803902718557</v>
      </c>
      <c r="HDX7" s="9">
        <f t="shared" si="87"/>
        <v>1.019803902718557</v>
      </c>
      <c r="HDY7" s="9">
        <f t="shared" si="87"/>
        <v>1.019803902718557</v>
      </c>
      <c r="HDZ7" s="9">
        <f t="shared" si="87"/>
        <v>1.019803902718557</v>
      </c>
      <c r="HEA7" s="9">
        <f t="shared" si="87"/>
        <v>1.019803902718557</v>
      </c>
      <c r="HEB7" s="9">
        <f t="shared" si="87"/>
        <v>1.019803902718557</v>
      </c>
      <c r="HEC7" s="9">
        <f t="shared" si="87"/>
        <v>1.019803902718557</v>
      </c>
      <c r="HED7" s="9">
        <f t="shared" si="87"/>
        <v>1.019803902718557</v>
      </c>
      <c r="HEE7" s="9">
        <f t="shared" si="87"/>
        <v>1.019803902718557</v>
      </c>
      <c r="HEF7" s="9">
        <f t="shared" si="87"/>
        <v>1.019803902718557</v>
      </c>
      <c r="HEG7" s="9">
        <f t="shared" si="87"/>
        <v>1.019803902718557</v>
      </c>
      <c r="HEH7" s="9">
        <f t="shared" si="87"/>
        <v>1.019803902718557</v>
      </c>
      <c r="HEI7" s="9">
        <f t="shared" si="87"/>
        <v>1.019803902718557</v>
      </c>
      <c r="HEJ7" s="9">
        <f t="shared" si="87"/>
        <v>1.019803902718557</v>
      </c>
      <c r="HEK7" s="9">
        <f t="shared" si="87"/>
        <v>1.019803902718557</v>
      </c>
      <c r="HEL7" s="9">
        <f t="shared" si="87"/>
        <v>1.019803902718557</v>
      </c>
      <c r="HEM7" s="9">
        <f t="shared" si="87"/>
        <v>1.019803902718557</v>
      </c>
      <c r="HEN7" s="9">
        <f t="shared" si="87"/>
        <v>1.019803902718557</v>
      </c>
      <c r="HEO7" s="9">
        <f t="shared" si="87"/>
        <v>1.019803902718557</v>
      </c>
      <c r="HEP7" s="9">
        <f t="shared" si="87"/>
        <v>1.019803902718557</v>
      </c>
      <c r="HEQ7" s="9">
        <f t="shared" si="87"/>
        <v>1.019803902718557</v>
      </c>
      <c r="HER7" s="9">
        <f t="shared" si="87"/>
        <v>1.019803902718557</v>
      </c>
      <c r="HES7" s="9">
        <f t="shared" si="87"/>
        <v>1.019803902718557</v>
      </c>
      <c r="HET7" s="9">
        <f t="shared" si="87"/>
        <v>1.019803902718557</v>
      </c>
      <c r="HEU7" s="9">
        <f t="shared" si="87"/>
        <v>1.019803902718557</v>
      </c>
      <c r="HEV7" s="9">
        <f t="shared" si="87"/>
        <v>1.019803902718557</v>
      </c>
      <c r="HEW7" s="9">
        <f t="shared" si="87"/>
        <v>1.019803902718557</v>
      </c>
      <c r="HEX7" s="9">
        <f t="shared" si="87"/>
        <v>1.019803902718557</v>
      </c>
      <c r="HEY7" s="9">
        <f t="shared" si="87"/>
        <v>1.019803902718557</v>
      </c>
      <c r="HEZ7" s="9">
        <f t="shared" si="87"/>
        <v>1.019803902718557</v>
      </c>
      <c r="HFA7" s="9">
        <f t="shared" si="87"/>
        <v>1.019803902718557</v>
      </c>
      <c r="HFB7" s="9">
        <f t="shared" si="87"/>
        <v>1.019803902718557</v>
      </c>
      <c r="HFC7" s="9">
        <f t="shared" si="87"/>
        <v>1.019803902718557</v>
      </c>
      <c r="HFD7" s="9">
        <f t="shared" si="87"/>
        <v>1.019803902718557</v>
      </c>
      <c r="HFE7" s="9">
        <f t="shared" si="87"/>
        <v>1.019803902718557</v>
      </c>
      <c r="HFF7" s="9">
        <f t="shared" si="87"/>
        <v>1.019803902718557</v>
      </c>
      <c r="HFG7" s="9">
        <f t="shared" si="87"/>
        <v>1.019803902718557</v>
      </c>
      <c r="HFH7" s="9">
        <f t="shared" si="87"/>
        <v>1.019803902718557</v>
      </c>
      <c r="HFI7" s="9">
        <f t="shared" si="87"/>
        <v>1.019803902718557</v>
      </c>
      <c r="HFJ7" s="9">
        <f t="shared" si="87"/>
        <v>1.019803902718557</v>
      </c>
      <c r="HFK7" s="9">
        <f t="shared" si="87"/>
        <v>1.019803902718557</v>
      </c>
      <c r="HFL7" s="9">
        <f t="shared" si="87"/>
        <v>1.019803902718557</v>
      </c>
      <c r="HFM7" s="9">
        <f t="shared" si="87"/>
        <v>1.019803902718557</v>
      </c>
      <c r="HFN7" s="9">
        <f t="shared" ref="HFN7:HHY7" si="88">1/((1+$F$6) ^(HFN3-$F$7))</f>
        <v>1.019803902718557</v>
      </c>
      <c r="HFO7" s="9">
        <f t="shared" si="88"/>
        <v>1.019803902718557</v>
      </c>
      <c r="HFP7" s="9">
        <f t="shared" si="88"/>
        <v>1.019803902718557</v>
      </c>
      <c r="HFQ7" s="9">
        <f t="shared" si="88"/>
        <v>1.019803902718557</v>
      </c>
      <c r="HFR7" s="9">
        <f t="shared" si="88"/>
        <v>1.019803902718557</v>
      </c>
      <c r="HFS7" s="9">
        <f t="shared" si="88"/>
        <v>1.019803902718557</v>
      </c>
      <c r="HFT7" s="9">
        <f t="shared" si="88"/>
        <v>1.019803902718557</v>
      </c>
      <c r="HFU7" s="9">
        <f t="shared" si="88"/>
        <v>1.019803902718557</v>
      </c>
      <c r="HFV7" s="9">
        <f t="shared" si="88"/>
        <v>1.019803902718557</v>
      </c>
      <c r="HFW7" s="9">
        <f t="shared" si="88"/>
        <v>1.019803902718557</v>
      </c>
      <c r="HFX7" s="9">
        <f t="shared" si="88"/>
        <v>1.019803902718557</v>
      </c>
      <c r="HFY7" s="9">
        <f t="shared" si="88"/>
        <v>1.019803902718557</v>
      </c>
      <c r="HFZ7" s="9">
        <f t="shared" si="88"/>
        <v>1.019803902718557</v>
      </c>
      <c r="HGA7" s="9">
        <f t="shared" si="88"/>
        <v>1.019803902718557</v>
      </c>
      <c r="HGB7" s="9">
        <f t="shared" si="88"/>
        <v>1.019803902718557</v>
      </c>
      <c r="HGC7" s="9">
        <f t="shared" si="88"/>
        <v>1.019803902718557</v>
      </c>
      <c r="HGD7" s="9">
        <f t="shared" si="88"/>
        <v>1.019803902718557</v>
      </c>
      <c r="HGE7" s="9">
        <f t="shared" si="88"/>
        <v>1.019803902718557</v>
      </c>
      <c r="HGF7" s="9">
        <f t="shared" si="88"/>
        <v>1.019803902718557</v>
      </c>
      <c r="HGG7" s="9">
        <f t="shared" si="88"/>
        <v>1.019803902718557</v>
      </c>
      <c r="HGH7" s="9">
        <f t="shared" si="88"/>
        <v>1.019803902718557</v>
      </c>
      <c r="HGI7" s="9">
        <f t="shared" si="88"/>
        <v>1.019803902718557</v>
      </c>
      <c r="HGJ7" s="9">
        <f t="shared" si="88"/>
        <v>1.019803902718557</v>
      </c>
      <c r="HGK7" s="9">
        <f t="shared" si="88"/>
        <v>1.019803902718557</v>
      </c>
      <c r="HGL7" s="9">
        <f t="shared" si="88"/>
        <v>1.019803902718557</v>
      </c>
      <c r="HGM7" s="9">
        <f t="shared" si="88"/>
        <v>1.019803902718557</v>
      </c>
      <c r="HGN7" s="9">
        <f t="shared" si="88"/>
        <v>1.019803902718557</v>
      </c>
      <c r="HGO7" s="9">
        <f t="shared" si="88"/>
        <v>1.019803902718557</v>
      </c>
      <c r="HGP7" s="9">
        <f t="shared" si="88"/>
        <v>1.019803902718557</v>
      </c>
      <c r="HGQ7" s="9">
        <f t="shared" si="88"/>
        <v>1.019803902718557</v>
      </c>
      <c r="HGR7" s="9">
        <f t="shared" si="88"/>
        <v>1.019803902718557</v>
      </c>
      <c r="HGS7" s="9">
        <f t="shared" si="88"/>
        <v>1.019803902718557</v>
      </c>
      <c r="HGT7" s="9">
        <f t="shared" si="88"/>
        <v>1.019803902718557</v>
      </c>
      <c r="HGU7" s="9">
        <f t="shared" si="88"/>
        <v>1.019803902718557</v>
      </c>
      <c r="HGV7" s="9">
        <f t="shared" si="88"/>
        <v>1.019803902718557</v>
      </c>
      <c r="HGW7" s="9">
        <f t="shared" si="88"/>
        <v>1.019803902718557</v>
      </c>
      <c r="HGX7" s="9">
        <f t="shared" si="88"/>
        <v>1.019803902718557</v>
      </c>
      <c r="HGY7" s="9">
        <f t="shared" si="88"/>
        <v>1.019803902718557</v>
      </c>
      <c r="HGZ7" s="9">
        <f t="shared" si="88"/>
        <v>1.019803902718557</v>
      </c>
      <c r="HHA7" s="9">
        <f t="shared" si="88"/>
        <v>1.019803902718557</v>
      </c>
      <c r="HHB7" s="9">
        <f t="shared" si="88"/>
        <v>1.019803902718557</v>
      </c>
      <c r="HHC7" s="9">
        <f t="shared" si="88"/>
        <v>1.019803902718557</v>
      </c>
      <c r="HHD7" s="9">
        <f t="shared" si="88"/>
        <v>1.019803902718557</v>
      </c>
      <c r="HHE7" s="9">
        <f t="shared" si="88"/>
        <v>1.019803902718557</v>
      </c>
      <c r="HHF7" s="9">
        <f t="shared" si="88"/>
        <v>1.019803902718557</v>
      </c>
      <c r="HHG7" s="9">
        <f t="shared" si="88"/>
        <v>1.019803902718557</v>
      </c>
      <c r="HHH7" s="9">
        <f t="shared" si="88"/>
        <v>1.019803902718557</v>
      </c>
      <c r="HHI7" s="9">
        <f t="shared" si="88"/>
        <v>1.019803902718557</v>
      </c>
      <c r="HHJ7" s="9">
        <f t="shared" si="88"/>
        <v>1.019803902718557</v>
      </c>
      <c r="HHK7" s="9">
        <f t="shared" si="88"/>
        <v>1.019803902718557</v>
      </c>
      <c r="HHL7" s="9">
        <f t="shared" si="88"/>
        <v>1.019803902718557</v>
      </c>
      <c r="HHM7" s="9">
        <f t="shared" si="88"/>
        <v>1.019803902718557</v>
      </c>
      <c r="HHN7" s="9">
        <f t="shared" si="88"/>
        <v>1.019803902718557</v>
      </c>
      <c r="HHO7" s="9">
        <f t="shared" si="88"/>
        <v>1.019803902718557</v>
      </c>
      <c r="HHP7" s="9">
        <f t="shared" si="88"/>
        <v>1.019803902718557</v>
      </c>
      <c r="HHQ7" s="9">
        <f t="shared" si="88"/>
        <v>1.019803902718557</v>
      </c>
      <c r="HHR7" s="9">
        <f t="shared" si="88"/>
        <v>1.019803902718557</v>
      </c>
      <c r="HHS7" s="9">
        <f t="shared" si="88"/>
        <v>1.019803902718557</v>
      </c>
      <c r="HHT7" s="9">
        <f t="shared" si="88"/>
        <v>1.019803902718557</v>
      </c>
      <c r="HHU7" s="9">
        <f t="shared" si="88"/>
        <v>1.019803902718557</v>
      </c>
      <c r="HHV7" s="9">
        <f t="shared" si="88"/>
        <v>1.019803902718557</v>
      </c>
      <c r="HHW7" s="9">
        <f t="shared" si="88"/>
        <v>1.019803902718557</v>
      </c>
      <c r="HHX7" s="9">
        <f t="shared" si="88"/>
        <v>1.019803902718557</v>
      </c>
      <c r="HHY7" s="9">
        <f t="shared" si="88"/>
        <v>1.019803902718557</v>
      </c>
      <c r="HHZ7" s="9">
        <f t="shared" ref="HHZ7:HKK7" si="89">1/((1+$F$6) ^(HHZ3-$F$7))</f>
        <v>1.019803902718557</v>
      </c>
      <c r="HIA7" s="9">
        <f t="shared" si="89"/>
        <v>1.019803902718557</v>
      </c>
      <c r="HIB7" s="9">
        <f t="shared" si="89"/>
        <v>1.019803902718557</v>
      </c>
      <c r="HIC7" s="9">
        <f t="shared" si="89"/>
        <v>1.019803902718557</v>
      </c>
      <c r="HID7" s="9">
        <f t="shared" si="89"/>
        <v>1.019803902718557</v>
      </c>
      <c r="HIE7" s="9">
        <f t="shared" si="89"/>
        <v>1.019803902718557</v>
      </c>
      <c r="HIF7" s="9">
        <f t="shared" si="89"/>
        <v>1.019803902718557</v>
      </c>
      <c r="HIG7" s="9">
        <f t="shared" si="89"/>
        <v>1.019803902718557</v>
      </c>
      <c r="HIH7" s="9">
        <f t="shared" si="89"/>
        <v>1.019803902718557</v>
      </c>
      <c r="HII7" s="9">
        <f t="shared" si="89"/>
        <v>1.019803902718557</v>
      </c>
      <c r="HIJ7" s="9">
        <f t="shared" si="89"/>
        <v>1.019803902718557</v>
      </c>
      <c r="HIK7" s="9">
        <f t="shared" si="89"/>
        <v>1.019803902718557</v>
      </c>
      <c r="HIL7" s="9">
        <f t="shared" si="89"/>
        <v>1.019803902718557</v>
      </c>
      <c r="HIM7" s="9">
        <f t="shared" si="89"/>
        <v>1.019803902718557</v>
      </c>
      <c r="HIN7" s="9">
        <f t="shared" si="89"/>
        <v>1.019803902718557</v>
      </c>
      <c r="HIO7" s="9">
        <f t="shared" si="89"/>
        <v>1.019803902718557</v>
      </c>
      <c r="HIP7" s="9">
        <f t="shared" si="89"/>
        <v>1.019803902718557</v>
      </c>
      <c r="HIQ7" s="9">
        <f t="shared" si="89"/>
        <v>1.019803902718557</v>
      </c>
      <c r="HIR7" s="9">
        <f t="shared" si="89"/>
        <v>1.019803902718557</v>
      </c>
      <c r="HIS7" s="9">
        <f t="shared" si="89"/>
        <v>1.019803902718557</v>
      </c>
      <c r="HIT7" s="9">
        <f t="shared" si="89"/>
        <v>1.019803902718557</v>
      </c>
      <c r="HIU7" s="9">
        <f t="shared" si="89"/>
        <v>1.019803902718557</v>
      </c>
      <c r="HIV7" s="9">
        <f t="shared" si="89"/>
        <v>1.019803902718557</v>
      </c>
      <c r="HIW7" s="9">
        <f t="shared" si="89"/>
        <v>1.019803902718557</v>
      </c>
      <c r="HIX7" s="9">
        <f t="shared" si="89"/>
        <v>1.019803902718557</v>
      </c>
      <c r="HIY7" s="9">
        <f t="shared" si="89"/>
        <v>1.019803902718557</v>
      </c>
      <c r="HIZ7" s="9">
        <f t="shared" si="89"/>
        <v>1.019803902718557</v>
      </c>
      <c r="HJA7" s="9">
        <f t="shared" si="89"/>
        <v>1.019803902718557</v>
      </c>
      <c r="HJB7" s="9">
        <f t="shared" si="89"/>
        <v>1.019803902718557</v>
      </c>
      <c r="HJC7" s="9">
        <f t="shared" si="89"/>
        <v>1.019803902718557</v>
      </c>
      <c r="HJD7" s="9">
        <f t="shared" si="89"/>
        <v>1.019803902718557</v>
      </c>
      <c r="HJE7" s="9">
        <f t="shared" si="89"/>
        <v>1.019803902718557</v>
      </c>
      <c r="HJF7" s="9">
        <f t="shared" si="89"/>
        <v>1.019803902718557</v>
      </c>
      <c r="HJG7" s="9">
        <f t="shared" si="89"/>
        <v>1.019803902718557</v>
      </c>
      <c r="HJH7" s="9">
        <f t="shared" si="89"/>
        <v>1.019803902718557</v>
      </c>
      <c r="HJI7" s="9">
        <f t="shared" si="89"/>
        <v>1.019803902718557</v>
      </c>
      <c r="HJJ7" s="9">
        <f t="shared" si="89"/>
        <v>1.019803902718557</v>
      </c>
      <c r="HJK7" s="9">
        <f t="shared" si="89"/>
        <v>1.019803902718557</v>
      </c>
      <c r="HJL7" s="9">
        <f t="shared" si="89"/>
        <v>1.019803902718557</v>
      </c>
      <c r="HJM7" s="9">
        <f t="shared" si="89"/>
        <v>1.019803902718557</v>
      </c>
      <c r="HJN7" s="9">
        <f t="shared" si="89"/>
        <v>1.019803902718557</v>
      </c>
      <c r="HJO7" s="9">
        <f t="shared" si="89"/>
        <v>1.019803902718557</v>
      </c>
      <c r="HJP7" s="9">
        <f t="shared" si="89"/>
        <v>1.019803902718557</v>
      </c>
      <c r="HJQ7" s="9">
        <f t="shared" si="89"/>
        <v>1.019803902718557</v>
      </c>
      <c r="HJR7" s="9">
        <f t="shared" si="89"/>
        <v>1.019803902718557</v>
      </c>
      <c r="HJS7" s="9">
        <f t="shared" si="89"/>
        <v>1.019803902718557</v>
      </c>
      <c r="HJT7" s="9">
        <f t="shared" si="89"/>
        <v>1.019803902718557</v>
      </c>
      <c r="HJU7" s="9">
        <f t="shared" si="89"/>
        <v>1.019803902718557</v>
      </c>
      <c r="HJV7" s="9">
        <f t="shared" si="89"/>
        <v>1.019803902718557</v>
      </c>
      <c r="HJW7" s="9">
        <f t="shared" si="89"/>
        <v>1.019803902718557</v>
      </c>
      <c r="HJX7" s="9">
        <f t="shared" si="89"/>
        <v>1.019803902718557</v>
      </c>
      <c r="HJY7" s="9">
        <f t="shared" si="89"/>
        <v>1.019803902718557</v>
      </c>
      <c r="HJZ7" s="9">
        <f t="shared" si="89"/>
        <v>1.019803902718557</v>
      </c>
      <c r="HKA7" s="9">
        <f t="shared" si="89"/>
        <v>1.019803902718557</v>
      </c>
      <c r="HKB7" s="9">
        <f t="shared" si="89"/>
        <v>1.019803902718557</v>
      </c>
      <c r="HKC7" s="9">
        <f t="shared" si="89"/>
        <v>1.019803902718557</v>
      </c>
      <c r="HKD7" s="9">
        <f t="shared" si="89"/>
        <v>1.019803902718557</v>
      </c>
      <c r="HKE7" s="9">
        <f t="shared" si="89"/>
        <v>1.019803902718557</v>
      </c>
      <c r="HKF7" s="9">
        <f t="shared" si="89"/>
        <v>1.019803902718557</v>
      </c>
      <c r="HKG7" s="9">
        <f t="shared" si="89"/>
        <v>1.019803902718557</v>
      </c>
      <c r="HKH7" s="9">
        <f t="shared" si="89"/>
        <v>1.019803902718557</v>
      </c>
      <c r="HKI7" s="9">
        <f t="shared" si="89"/>
        <v>1.019803902718557</v>
      </c>
      <c r="HKJ7" s="9">
        <f t="shared" si="89"/>
        <v>1.019803902718557</v>
      </c>
      <c r="HKK7" s="9">
        <f t="shared" si="89"/>
        <v>1.019803902718557</v>
      </c>
      <c r="HKL7" s="9">
        <f t="shared" ref="HKL7:HMW7" si="90">1/((1+$F$6) ^(HKL3-$F$7))</f>
        <v>1.019803902718557</v>
      </c>
      <c r="HKM7" s="9">
        <f t="shared" si="90"/>
        <v>1.019803902718557</v>
      </c>
      <c r="HKN7" s="9">
        <f t="shared" si="90"/>
        <v>1.019803902718557</v>
      </c>
      <c r="HKO7" s="9">
        <f t="shared" si="90"/>
        <v>1.019803902718557</v>
      </c>
      <c r="HKP7" s="9">
        <f t="shared" si="90"/>
        <v>1.019803902718557</v>
      </c>
      <c r="HKQ7" s="9">
        <f t="shared" si="90"/>
        <v>1.019803902718557</v>
      </c>
      <c r="HKR7" s="9">
        <f t="shared" si="90"/>
        <v>1.019803902718557</v>
      </c>
      <c r="HKS7" s="9">
        <f t="shared" si="90"/>
        <v>1.019803902718557</v>
      </c>
      <c r="HKT7" s="9">
        <f t="shared" si="90"/>
        <v>1.019803902718557</v>
      </c>
      <c r="HKU7" s="9">
        <f t="shared" si="90"/>
        <v>1.019803902718557</v>
      </c>
      <c r="HKV7" s="9">
        <f t="shared" si="90"/>
        <v>1.019803902718557</v>
      </c>
      <c r="HKW7" s="9">
        <f t="shared" si="90"/>
        <v>1.019803902718557</v>
      </c>
      <c r="HKX7" s="9">
        <f t="shared" si="90"/>
        <v>1.019803902718557</v>
      </c>
      <c r="HKY7" s="9">
        <f t="shared" si="90"/>
        <v>1.019803902718557</v>
      </c>
      <c r="HKZ7" s="9">
        <f t="shared" si="90"/>
        <v>1.019803902718557</v>
      </c>
      <c r="HLA7" s="9">
        <f t="shared" si="90"/>
        <v>1.019803902718557</v>
      </c>
      <c r="HLB7" s="9">
        <f t="shared" si="90"/>
        <v>1.019803902718557</v>
      </c>
      <c r="HLC7" s="9">
        <f t="shared" si="90"/>
        <v>1.019803902718557</v>
      </c>
      <c r="HLD7" s="9">
        <f t="shared" si="90"/>
        <v>1.019803902718557</v>
      </c>
      <c r="HLE7" s="9">
        <f t="shared" si="90"/>
        <v>1.019803902718557</v>
      </c>
      <c r="HLF7" s="9">
        <f t="shared" si="90"/>
        <v>1.019803902718557</v>
      </c>
      <c r="HLG7" s="9">
        <f t="shared" si="90"/>
        <v>1.019803902718557</v>
      </c>
      <c r="HLH7" s="9">
        <f t="shared" si="90"/>
        <v>1.019803902718557</v>
      </c>
      <c r="HLI7" s="9">
        <f t="shared" si="90"/>
        <v>1.019803902718557</v>
      </c>
      <c r="HLJ7" s="9">
        <f t="shared" si="90"/>
        <v>1.019803902718557</v>
      </c>
      <c r="HLK7" s="9">
        <f t="shared" si="90"/>
        <v>1.019803902718557</v>
      </c>
      <c r="HLL7" s="9">
        <f t="shared" si="90"/>
        <v>1.019803902718557</v>
      </c>
      <c r="HLM7" s="9">
        <f t="shared" si="90"/>
        <v>1.019803902718557</v>
      </c>
      <c r="HLN7" s="9">
        <f t="shared" si="90"/>
        <v>1.019803902718557</v>
      </c>
      <c r="HLO7" s="9">
        <f t="shared" si="90"/>
        <v>1.019803902718557</v>
      </c>
      <c r="HLP7" s="9">
        <f t="shared" si="90"/>
        <v>1.019803902718557</v>
      </c>
      <c r="HLQ7" s="9">
        <f t="shared" si="90"/>
        <v>1.019803902718557</v>
      </c>
      <c r="HLR7" s="9">
        <f t="shared" si="90"/>
        <v>1.019803902718557</v>
      </c>
      <c r="HLS7" s="9">
        <f t="shared" si="90"/>
        <v>1.019803902718557</v>
      </c>
      <c r="HLT7" s="9">
        <f t="shared" si="90"/>
        <v>1.019803902718557</v>
      </c>
      <c r="HLU7" s="9">
        <f t="shared" si="90"/>
        <v>1.019803902718557</v>
      </c>
      <c r="HLV7" s="9">
        <f t="shared" si="90"/>
        <v>1.019803902718557</v>
      </c>
      <c r="HLW7" s="9">
        <f t="shared" si="90"/>
        <v>1.019803902718557</v>
      </c>
      <c r="HLX7" s="9">
        <f t="shared" si="90"/>
        <v>1.019803902718557</v>
      </c>
      <c r="HLY7" s="9">
        <f t="shared" si="90"/>
        <v>1.019803902718557</v>
      </c>
      <c r="HLZ7" s="9">
        <f t="shared" si="90"/>
        <v>1.019803902718557</v>
      </c>
      <c r="HMA7" s="9">
        <f t="shared" si="90"/>
        <v>1.019803902718557</v>
      </c>
      <c r="HMB7" s="9">
        <f t="shared" si="90"/>
        <v>1.019803902718557</v>
      </c>
      <c r="HMC7" s="9">
        <f t="shared" si="90"/>
        <v>1.019803902718557</v>
      </c>
      <c r="HMD7" s="9">
        <f t="shared" si="90"/>
        <v>1.019803902718557</v>
      </c>
      <c r="HME7" s="9">
        <f t="shared" si="90"/>
        <v>1.019803902718557</v>
      </c>
      <c r="HMF7" s="9">
        <f t="shared" si="90"/>
        <v>1.019803902718557</v>
      </c>
      <c r="HMG7" s="9">
        <f t="shared" si="90"/>
        <v>1.019803902718557</v>
      </c>
      <c r="HMH7" s="9">
        <f t="shared" si="90"/>
        <v>1.019803902718557</v>
      </c>
      <c r="HMI7" s="9">
        <f t="shared" si="90"/>
        <v>1.019803902718557</v>
      </c>
      <c r="HMJ7" s="9">
        <f t="shared" si="90"/>
        <v>1.019803902718557</v>
      </c>
      <c r="HMK7" s="9">
        <f t="shared" si="90"/>
        <v>1.019803902718557</v>
      </c>
      <c r="HML7" s="9">
        <f t="shared" si="90"/>
        <v>1.019803902718557</v>
      </c>
      <c r="HMM7" s="9">
        <f t="shared" si="90"/>
        <v>1.019803902718557</v>
      </c>
      <c r="HMN7" s="9">
        <f t="shared" si="90"/>
        <v>1.019803902718557</v>
      </c>
      <c r="HMO7" s="9">
        <f t="shared" si="90"/>
        <v>1.019803902718557</v>
      </c>
      <c r="HMP7" s="9">
        <f t="shared" si="90"/>
        <v>1.019803902718557</v>
      </c>
      <c r="HMQ7" s="9">
        <f t="shared" si="90"/>
        <v>1.019803902718557</v>
      </c>
      <c r="HMR7" s="9">
        <f t="shared" si="90"/>
        <v>1.019803902718557</v>
      </c>
      <c r="HMS7" s="9">
        <f t="shared" si="90"/>
        <v>1.019803902718557</v>
      </c>
      <c r="HMT7" s="9">
        <f t="shared" si="90"/>
        <v>1.019803902718557</v>
      </c>
      <c r="HMU7" s="9">
        <f t="shared" si="90"/>
        <v>1.019803902718557</v>
      </c>
      <c r="HMV7" s="9">
        <f t="shared" si="90"/>
        <v>1.019803902718557</v>
      </c>
      <c r="HMW7" s="9">
        <f t="shared" si="90"/>
        <v>1.019803902718557</v>
      </c>
      <c r="HMX7" s="9">
        <f t="shared" ref="HMX7:HPI7" si="91">1/((1+$F$6) ^(HMX3-$F$7))</f>
        <v>1.019803902718557</v>
      </c>
      <c r="HMY7" s="9">
        <f t="shared" si="91"/>
        <v>1.019803902718557</v>
      </c>
      <c r="HMZ7" s="9">
        <f t="shared" si="91"/>
        <v>1.019803902718557</v>
      </c>
      <c r="HNA7" s="9">
        <f t="shared" si="91"/>
        <v>1.019803902718557</v>
      </c>
      <c r="HNB7" s="9">
        <f t="shared" si="91"/>
        <v>1.019803902718557</v>
      </c>
      <c r="HNC7" s="9">
        <f t="shared" si="91"/>
        <v>1.019803902718557</v>
      </c>
      <c r="HND7" s="9">
        <f t="shared" si="91"/>
        <v>1.019803902718557</v>
      </c>
      <c r="HNE7" s="9">
        <f t="shared" si="91"/>
        <v>1.019803902718557</v>
      </c>
      <c r="HNF7" s="9">
        <f t="shared" si="91"/>
        <v>1.019803902718557</v>
      </c>
      <c r="HNG7" s="9">
        <f t="shared" si="91"/>
        <v>1.019803902718557</v>
      </c>
      <c r="HNH7" s="9">
        <f t="shared" si="91"/>
        <v>1.019803902718557</v>
      </c>
      <c r="HNI7" s="9">
        <f t="shared" si="91"/>
        <v>1.019803902718557</v>
      </c>
      <c r="HNJ7" s="9">
        <f t="shared" si="91"/>
        <v>1.019803902718557</v>
      </c>
      <c r="HNK7" s="9">
        <f t="shared" si="91"/>
        <v>1.019803902718557</v>
      </c>
      <c r="HNL7" s="9">
        <f t="shared" si="91"/>
        <v>1.019803902718557</v>
      </c>
      <c r="HNM7" s="9">
        <f t="shared" si="91"/>
        <v>1.019803902718557</v>
      </c>
      <c r="HNN7" s="9">
        <f t="shared" si="91"/>
        <v>1.019803902718557</v>
      </c>
      <c r="HNO7" s="9">
        <f t="shared" si="91"/>
        <v>1.019803902718557</v>
      </c>
      <c r="HNP7" s="9">
        <f t="shared" si="91"/>
        <v>1.019803902718557</v>
      </c>
      <c r="HNQ7" s="9">
        <f t="shared" si="91"/>
        <v>1.019803902718557</v>
      </c>
      <c r="HNR7" s="9">
        <f t="shared" si="91"/>
        <v>1.019803902718557</v>
      </c>
      <c r="HNS7" s="9">
        <f t="shared" si="91"/>
        <v>1.019803902718557</v>
      </c>
      <c r="HNT7" s="9">
        <f t="shared" si="91"/>
        <v>1.019803902718557</v>
      </c>
      <c r="HNU7" s="9">
        <f t="shared" si="91"/>
        <v>1.019803902718557</v>
      </c>
      <c r="HNV7" s="9">
        <f t="shared" si="91"/>
        <v>1.019803902718557</v>
      </c>
      <c r="HNW7" s="9">
        <f t="shared" si="91"/>
        <v>1.019803902718557</v>
      </c>
      <c r="HNX7" s="9">
        <f t="shared" si="91"/>
        <v>1.019803902718557</v>
      </c>
      <c r="HNY7" s="9">
        <f t="shared" si="91"/>
        <v>1.019803902718557</v>
      </c>
      <c r="HNZ7" s="9">
        <f t="shared" si="91"/>
        <v>1.019803902718557</v>
      </c>
      <c r="HOA7" s="9">
        <f t="shared" si="91"/>
        <v>1.019803902718557</v>
      </c>
      <c r="HOB7" s="9">
        <f t="shared" si="91"/>
        <v>1.019803902718557</v>
      </c>
      <c r="HOC7" s="9">
        <f t="shared" si="91"/>
        <v>1.019803902718557</v>
      </c>
      <c r="HOD7" s="9">
        <f t="shared" si="91"/>
        <v>1.019803902718557</v>
      </c>
      <c r="HOE7" s="9">
        <f t="shared" si="91"/>
        <v>1.019803902718557</v>
      </c>
      <c r="HOF7" s="9">
        <f t="shared" si="91"/>
        <v>1.019803902718557</v>
      </c>
      <c r="HOG7" s="9">
        <f t="shared" si="91"/>
        <v>1.019803902718557</v>
      </c>
      <c r="HOH7" s="9">
        <f t="shared" si="91"/>
        <v>1.019803902718557</v>
      </c>
      <c r="HOI7" s="9">
        <f t="shared" si="91"/>
        <v>1.019803902718557</v>
      </c>
      <c r="HOJ7" s="9">
        <f t="shared" si="91"/>
        <v>1.019803902718557</v>
      </c>
      <c r="HOK7" s="9">
        <f t="shared" si="91"/>
        <v>1.019803902718557</v>
      </c>
      <c r="HOL7" s="9">
        <f t="shared" si="91"/>
        <v>1.019803902718557</v>
      </c>
      <c r="HOM7" s="9">
        <f t="shared" si="91"/>
        <v>1.019803902718557</v>
      </c>
      <c r="HON7" s="9">
        <f t="shared" si="91"/>
        <v>1.019803902718557</v>
      </c>
      <c r="HOO7" s="9">
        <f t="shared" si="91"/>
        <v>1.019803902718557</v>
      </c>
      <c r="HOP7" s="9">
        <f t="shared" si="91"/>
        <v>1.019803902718557</v>
      </c>
      <c r="HOQ7" s="9">
        <f t="shared" si="91"/>
        <v>1.019803902718557</v>
      </c>
      <c r="HOR7" s="9">
        <f t="shared" si="91"/>
        <v>1.019803902718557</v>
      </c>
      <c r="HOS7" s="9">
        <f t="shared" si="91"/>
        <v>1.019803902718557</v>
      </c>
      <c r="HOT7" s="9">
        <f t="shared" si="91"/>
        <v>1.019803902718557</v>
      </c>
      <c r="HOU7" s="9">
        <f t="shared" si="91"/>
        <v>1.019803902718557</v>
      </c>
      <c r="HOV7" s="9">
        <f t="shared" si="91"/>
        <v>1.019803902718557</v>
      </c>
      <c r="HOW7" s="9">
        <f t="shared" si="91"/>
        <v>1.019803902718557</v>
      </c>
      <c r="HOX7" s="9">
        <f t="shared" si="91"/>
        <v>1.019803902718557</v>
      </c>
      <c r="HOY7" s="9">
        <f t="shared" si="91"/>
        <v>1.019803902718557</v>
      </c>
      <c r="HOZ7" s="9">
        <f t="shared" si="91"/>
        <v>1.019803902718557</v>
      </c>
      <c r="HPA7" s="9">
        <f t="shared" si="91"/>
        <v>1.019803902718557</v>
      </c>
      <c r="HPB7" s="9">
        <f t="shared" si="91"/>
        <v>1.019803902718557</v>
      </c>
      <c r="HPC7" s="9">
        <f t="shared" si="91"/>
        <v>1.019803902718557</v>
      </c>
      <c r="HPD7" s="9">
        <f t="shared" si="91"/>
        <v>1.019803902718557</v>
      </c>
      <c r="HPE7" s="9">
        <f t="shared" si="91"/>
        <v>1.019803902718557</v>
      </c>
      <c r="HPF7" s="9">
        <f t="shared" si="91"/>
        <v>1.019803902718557</v>
      </c>
      <c r="HPG7" s="9">
        <f t="shared" si="91"/>
        <v>1.019803902718557</v>
      </c>
      <c r="HPH7" s="9">
        <f t="shared" si="91"/>
        <v>1.019803902718557</v>
      </c>
      <c r="HPI7" s="9">
        <f t="shared" si="91"/>
        <v>1.019803902718557</v>
      </c>
      <c r="HPJ7" s="9">
        <f t="shared" ref="HPJ7:HRU7" si="92">1/((1+$F$6) ^(HPJ3-$F$7))</f>
        <v>1.019803902718557</v>
      </c>
      <c r="HPK7" s="9">
        <f t="shared" si="92"/>
        <v>1.019803902718557</v>
      </c>
      <c r="HPL7" s="9">
        <f t="shared" si="92"/>
        <v>1.019803902718557</v>
      </c>
      <c r="HPM7" s="9">
        <f t="shared" si="92"/>
        <v>1.019803902718557</v>
      </c>
      <c r="HPN7" s="9">
        <f t="shared" si="92"/>
        <v>1.019803902718557</v>
      </c>
      <c r="HPO7" s="9">
        <f t="shared" si="92"/>
        <v>1.019803902718557</v>
      </c>
      <c r="HPP7" s="9">
        <f t="shared" si="92"/>
        <v>1.019803902718557</v>
      </c>
      <c r="HPQ7" s="9">
        <f t="shared" si="92"/>
        <v>1.019803902718557</v>
      </c>
      <c r="HPR7" s="9">
        <f t="shared" si="92"/>
        <v>1.019803902718557</v>
      </c>
      <c r="HPS7" s="9">
        <f t="shared" si="92"/>
        <v>1.019803902718557</v>
      </c>
      <c r="HPT7" s="9">
        <f t="shared" si="92"/>
        <v>1.019803902718557</v>
      </c>
      <c r="HPU7" s="9">
        <f t="shared" si="92"/>
        <v>1.019803902718557</v>
      </c>
      <c r="HPV7" s="9">
        <f t="shared" si="92"/>
        <v>1.019803902718557</v>
      </c>
      <c r="HPW7" s="9">
        <f t="shared" si="92"/>
        <v>1.019803902718557</v>
      </c>
      <c r="HPX7" s="9">
        <f t="shared" si="92"/>
        <v>1.019803902718557</v>
      </c>
      <c r="HPY7" s="9">
        <f t="shared" si="92"/>
        <v>1.019803902718557</v>
      </c>
      <c r="HPZ7" s="9">
        <f t="shared" si="92"/>
        <v>1.019803902718557</v>
      </c>
      <c r="HQA7" s="9">
        <f t="shared" si="92"/>
        <v>1.019803902718557</v>
      </c>
      <c r="HQB7" s="9">
        <f t="shared" si="92"/>
        <v>1.019803902718557</v>
      </c>
      <c r="HQC7" s="9">
        <f t="shared" si="92"/>
        <v>1.019803902718557</v>
      </c>
      <c r="HQD7" s="9">
        <f t="shared" si="92"/>
        <v>1.019803902718557</v>
      </c>
      <c r="HQE7" s="9">
        <f t="shared" si="92"/>
        <v>1.019803902718557</v>
      </c>
      <c r="HQF7" s="9">
        <f t="shared" si="92"/>
        <v>1.019803902718557</v>
      </c>
      <c r="HQG7" s="9">
        <f t="shared" si="92"/>
        <v>1.019803902718557</v>
      </c>
      <c r="HQH7" s="9">
        <f t="shared" si="92"/>
        <v>1.019803902718557</v>
      </c>
      <c r="HQI7" s="9">
        <f t="shared" si="92"/>
        <v>1.019803902718557</v>
      </c>
      <c r="HQJ7" s="9">
        <f t="shared" si="92"/>
        <v>1.019803902718557</v>
      </c>
      <c r="HQK7" s="9">
        <f t="shared" si="92"/>
        <v>1.019803902718557</v>
      </c>
      <c r="HQL7" s="9">
        <f t="shared" si="92"/>
        <v>1.019803902718557</v>
      </c>
      <c r="HQM7" s="9">
        <f t="shared" si="92"/>
        <v>1.019803902718557</v>
      </c>
      <c r="HQN7" s="9">
        <f t="shared" si="92"/>
        <v>1.019803902718557</v>
      </c>
      <c r="HQO7" s="9">
        <f t="shared" si="92"/>
        <v>1.019803902718557</v>
      </c>
      <c r="HQP7" s="9">
        <f t="shared" si="92"/>
        <v>1.019803902718557</v>
      </c>
      <c r="HQQ7" s="9">
        <f t="shared" si="92"/>
        <v>1.019803902718557</v>
      </c>
      <c r="HQR7" s="9">
        <f t="shared" si="92"/>
        <v>1.019803902718557</v>
      </c>
      <c r="HQS7" s="9">
        <f t="shared" si="92"/>
        <v>1.019803902718557</v>
      </c>
      <c r="HQT7" s="9">
        <f t="shared" si="92"/>
        <v>1.019803902718557</v>
      </c>
      <c r="HQU7" s="9">
        <f t="shared" si="92"/>
        <v>1.019803902718557</v>
      </c>
      <c r="HQV7" s="9">
        <f t="shared" si="92"/>
        <v>1.019803902718557</v>
      </c>
      <c r="HQW7" s="9">
        <f t="shared" si="92"/>
        <v>1.019803902718557</v>
      </c>
      <c r="HQX7" s="9">
        <f t="shared" si="92"/>
        <v>1.019803902718557</v>
      </c>
      <c r="HQY7" s="9">
        <f t="shared" si="92"/>
        <v>1.019803902718557</v>
      </c>
      <c r="HQZ7" s="9">
        <f t="shared" si="92"/>
        <v>1.019803902718557</v>
      </c>
      <c r="HRA7" s="9">
        <f t="shared" si="92"/>
        <v>1.019803902718557</v>
      </c>
      <c r="HRB7" s="9">
        <f t="shared" si="92"/>
        <v>1.019803902718557</v>
      </c>
      <c r="HRC7" s="9">
        <f t="shared" si="92"/>
        <v>1.019803902718557</v>
      </c>
      <c r="HRD7" s="9">
        <f t="shared" si="92"/>
        <v>1.019803902718557</v>
      </c>
      <c r="HRE7" s="9">
        <f t="shared" si="92"/>
        <v>1.019803902718557</v>
      </c>
      <c r="HRF7" s="9">
        <f t="shared" si="92"/>
        <v>1.019803902718557</v>
      </c>
      <c r="HRG7" s="9">
        <f t="shared" si="92"/>
        <v>1.019803902718557</v>
      </c>
      <c r="HRH7" s="9">
        <f t="shared" si="92"/>
        <v>1.019803902718557</v>
      </c>
      <c r="HRI7" s="9">
        <f t="shared" si="92"/>
        <v>1.019803902718557</v>
      </c>
      <c r="HRJ7" s="9">
        <f t="shared" si="92"/>
        <v>1.019803902718557</v>
      </c>
      <c r="HRK7" s="9">
        <f t="shared" si="92"/>
        <v>1.019803902718557</v>
      </c>
      <c r="HRL7" s="9">
        <f t="shared" si="92"/>
        <v>1.019803902718557</v>
      </c>
      <c r="HRM7" s="9">
        <f t="shared" si="92"/>
        <v>1.019803902718557</v>
      </c>
      <c r="HRN7" s="9">
        <f t="shared" si="92"/>
        <v>1.019803902718557</v>
      </c>
      <c r="HRO7" s="9">
        <f t="shared" si="92"/>
        <v>1.019803902718557</v>
      </c>
      <c r="HRP7" s="9">
        <f t="shared" si="92"/>
        <v>1.019803902718557</v>
      </c>
      <c r="HRQ7" s="9">
        <f t="shared" si="92"/>
        <v>1.019803902718557</v>
      </c>
      <c r="HRR7" s="9">
        <f t="shared" si="92"/>
        <v>1.019803902718557</v>
      </c>
      <c r="HRS7" s="9">
        <f t="shared" si="92"/>
        <v>1.019803902718557</v>
      </c>
      <c r="HRT7" s="9">
        <f t="shared" si="92"/>
        <v>1.019803902718557</v>
      </c>
      <c r="HRU7" s="9">
        <f t="shared" si="92"/>
        <v>1.019803902718557</v>
      </c>
      <c r="HRV7" s="9">
        <f t="shared" ref="HRV7:HUG7" si="93">1/((1+$F$6) ^(HRV3-$F$7))</f>
        <v>1.019803902718557</v>
      </c>
      <c r="HRW7" s="9">
        <f t="shared" si="93"/>
        <v>1.019803902718557</v>
      </c>
      <c r="HRX7" s="9">
        <f t="shared" si="93"/>
        <v>1.019803902718557</v>
      </c>
      <c r="HRY7" s="9">
        <f t="shared" si="93"/>
        <v>1.019803902718557</v>
      </c>
      <c r="HRZ7" s="9">
        <f t="shared" si="93"/>
        <v>1.019803902718557</v>
      </c>
      <c r="HSA7" s="9">
        <f t="shared" si="93"/>
        <v>1.019803902718557</v>
      </c>
      <c r="HSB7" s="9">
        <f t="shared" si="93"/>
        <v>1.019803902718557</v>
      </c>
      <c r="HSC7" s="9">
        <f t="shared" si="93"/>
        <v>1.019803902718557</v>
      </c>
      <c r="HSD7" s="9">
        <f t="shared" si="93"/>
        <v>1.019803902718557</v>
      </c>
      <c r="HSE7" s="9">
        <f t="shared" si="93"/>
        <v>1.019803902718557</v>
      </c>
      <c r="HSF7" s="9">
        <f t="shared" si="93"/>
        <v>1.019803902718557</v>
      </c>
      <c r="HSG7" s="9">
        <f t="shared" si="93"/>
        <v>1.019803902718557</v>
      </c>
      <c r="HSH7" s="9">
        <f t="shared" si="93"/>
        <v>1.019803902718557</v>
      </c>
      <c r="HSI7" s="9">
        <f t="shared" si="93"/>
        <v>1.019803902718557</v>
      </c>
      <c r="HSJ7" s="9">
        <f t="shared" si="93"/>
        <v>1.019803902718557</v>
      </c>
      <c r="HSK7" s="9">
        <f t="shared" si="93"/>
        <v>1.019803902718557</v>
      </c>
      <c r="HSL7" s="9">
        <f t="shared" si="93"/>
        <v>1.019803902718557</v>
      </c>
      <c r="HSM7" s="9">
        <f t="shared" si="93"/>
        <v>1.019803902718557</v>
      </c>
      <c r="HSN7" s="9">
        <f t="shared" si="93"/>
        <v>1.019803902718557</v>
      </c>
      <c r="HSO7" s="9">
        <f t="shared" si="93"/>
        <v>1.019803902718557</v>
      </c>
      <c r="HSP7" s="9">
        <f t="shared" si="93"/>
        <v>1.019803902718557</v>
      </c>
      <c r="HSQ7" s="9">
        <f t="shared" si="93"/>
        <v>1.019803902718557</v>
      </c>
      <c r="HSR7" s="9">
        <f t="shared" si="93"/>
        <v>1.019803902718557</v>
      </c>
      <c r="HSS7" s="9">
        <f t="shared" si="93"/>
        <v>1.019803902718557</v>
      </c>
      <c r="HST7" s="9">
        <f t="shared" si="93"/>
        <v>1.019803902718557</v>
      </c>
      <c r="HSU7" s="9">
        <f t="shared" si="93"/>
        <v>1.019803902718557</v>
      </c>
      <c r="HSV7" s="9">
        <f t="shared" si="93"/>
        <v>1.019803902718557</v>
      </c>
      <c r="HSW7" s="9">
        <f t="shared" si="93"/>
        <v>1.019803902718557</v>
      </c>
      <c r="HSX7" s="9">
        <f t="shared" si="93"/>
        <v>1.019803902718557</v>
      </c>
      <c r="HSY7" s="9">
        <f t="shared" si="93"/>
        <v>1.019803902718557</v>
      </c>
      <c r="HSZ7" s="9">
        <f t="shared" si="93"/>
        <v>1.019803902718557</v>
      </c>
      <c r="HTA7" s="9">
        <f t="shared" si="93"/>
        <v>1.019803902718557</v>
      </c>
      <c r="HTB7" s="9">
        <f t="shared" si="93"/>
        <v>1.019803902718557</v>
      </c>
      <c r="HTC7" s="9">
        <f t="shared" si="93"/>
        <v>1.019803902718557</v>
      </c>
      <c r="HTD7" s="9">
        <f t="shared" si="93"/>
        <v>1.019803902718557</v>
      </c>
      <c r="HTE7" s="9">
        <f t="shared" si="93"/>
        <v>1.019803902718557</v>
      </c>
      <c r="HTF7" s="9">
        <f t="shared" si="93"/>
        <v>1.019803902718557</v>
      </c>
      <c r="HTG7" s="9">
        <f t="shared" si="93"/>
        <v>1.019803902718557</v>
      </c>
      <c r="HTH7" s="9">
        <f t="shared" si="93"/>
        <v>1.019803902718557</v>
      </c>
      <c r="HTI7" s="9">
        <f t="shared" si="93"/>
        <v>1.019803902718557</v>
      </c>
      <c r="HTJ7" s="9">
        <f t="shared" si="93"/>
        <v>1.019803902718557</v>
      </c>
      <c r="HTK7" s="9">
        <f t="shared" si="93"/>
        <v>1.019803902718557</v>
      </c>
      <c r="HTL7" s="9">
        <f t="shared" si="93"/>
        <v>1.019803902718557</v>
      </c>
      <c r="HTM7" s="9">
        <f t="shared" si="93"/>
        <v>1.019803902718557</v>
      </c>
      <c r="HTN7" s="9">
        <f t="shared" si="93"/>
        <v>1.019803902718557</v>
      </c>
      <c r="HTO7" s="9">
        <f t="shared" si="93"/>
        <v>1.019803902718557</v>
      </c>
      <c r="HTP7" s="9">
        <f t="shared" si="93"/>
        <v>1.019803902718557</v>
      </c>
      <c r="HTQ7" s="9">
        <f t="shared" si="93"/>
        <v>1.019803902718557</v>
      </c>
      <c r="HTR7" s="9">
        <f t="shared" si="93"/>
        <v>1.019803902718557</v>
      </c>
      <c r="HTS7" s="9">
        <f t="shared" si="93"/>
        <v>1.019803902718557</v>
      </c>
      <c r="HTT7" s="9">
        <f t="shared" si="93"/>
        <v>1.019803902718557</v>
      </c>
      <c r="HTU7" s="9">
        <f t="shared" si="93"/>
        <v>1.019803902718557</v>
      </c>
      <c r="HTV7" s="9">
        <f t="shared" si="93"/>
        <v>1.019803902718557</v>
      </c>
      <c r="HTW7" s="9">
        <f t="shared" si="93"/>
        <v>1.019803902718557</v>
      </c>
      <c r="HTX7" s="9">
        <f t="shared" si="93"/>
        <v>1.019803902718557</v>
      </c>
      <c r="HTY7" s="9">
        <f t="shared" si="93"/>
        <v>1.019803902718557</v>
      </c>
      <c r="HTZ7" s="9">
        <f t="shared" si="93"/>
        <v>1.019803902718557</v>
      </c>
      <c r="HUA7" s="9">
        <f t="shared" si="93"/>
        <v>1.019803902718557</v>
      </c>
      <c r="HUB7" s="9">
        <f t="shared" si="93"/>
        <v>1.019803902718557</v>
      </c>
      <c r="HUC7" s="9">
        <f t="shared" si="93"/>
        <v>1.019803902718557</v>
      </c>
      <c r="HUD7" s="9">
        <f t="shared" si="93"/>
        <v>1.019803902718557</v>
      </c>
      <c r="HUE7" s="9">
        <f t="shared" si="93"/>
        <v>1.019803902718557</v>
      </c>
      <c r="HUF7" s="9">
        <f t="shared" si="93"/>
        <v>1.019803902718557</v>
      </c>
      <c r="HUG7" s="9">
        <f t="shared" si="93"/>
        <v>1.019803902718557</v>
      </c>
      <c r="HUH7" s="9">
        <f t="shared" ref="HUH7:HWS7" si="94">1/((1+$F$6) ^(HUH3-$F$7))</f>
        <v>1.019803902718557</v>
      </c>
      <c r="HUI7" s="9">
        <f t="shared" si="94"/>
        <v>1.019803902718557</v>
      </c>
      <c r="HUJ7" s="9">
        <f t="shared" si="94"/>
        <v>1.019803902718557</v>
      </c>
      <c r="HUK7" s="9">
        <f t="shared" si="94"/>
        <v>1.019803902718557</v>
      </c>
      <c r="HUL7" s="9">
        <f t="shared" si="94"/>
        <v>1.019803902718557</v>
      </c>
      <c r="HUM7" s="9">
        <f t="shared" si="94"/>
        <v>1.019803902718557</v>
      </c>
      <c r="HUN7" s="9">
        <f t="shared" si="94"/>
        <v>1.019803902718557</v>
      </c>
      <c r="HUO7" s="9">
        <f t="shared" si="94"/>
        <v>1.019803902718557</v>
      </c>
      <c r="HUP7" s="9">
        <f t="shared" si="94"/>
        <v>1.019803902718557</v>
      </c>
      <c r="HUQ7" s="9">
        <f t="shared" si="94"/>
        <v>1.019803902718557</v>
      </c>
      <c r="HUR7" s="9">
        <f t="shared" si="94"/>
        <v>1.019803902718557</v>
      </c>
      <c r="HUS7" s="9">
        <f t="shared" si="94"/>
        <v>1.019803902718557</v>
      </c>
      <c r="HUT7" s="9">
        <f t="shared" si="94"/>
        <v>1.019803902718557</v>
      </c>
      <c r="HUU7" s="9">
        <f t="shared" si="94"/>
        <v>1.019803902718557</v>
      </c>
      <c r="HUV7" s="9">
        <f t="shared" si="94"/>
        <v>1.019803902718557</v>
      </c>
      <c r="HUW7" s="9">
        <f t="shared" si="94"/>
        <v>1.019803902718557</v>
      </c>
      <c r="HUX7" s="9">
        <f t="shared" si="94"/>
        <v>1.019803902718557</v>
      </c>
      <c r="HUY7" s="9">
        <f t="shared" si="94"/>
        <v>1.019803902718557</v>
      </c>
      <c r="HUZ7" s="9">
        <f t="shared" si="94"/>
        <v>1.019803902718557</v>
      </c>
      <c r="HVA7" s="9">
        <f t="shared" si="94"/>
        <v>1.019803902718557</v>
      </c>
      <c r="HVB7" s="9">
        <f t="shared" si="94"/>
        <v>1.019803902718557</v>
      </c>
      <c r="HVC7" s="9">
        <f t="shared" si="94"/>
        <v>1.019803902718557</v>
      </c>
      <c r="HVD7" s="9">
        <f t="shared" si="94"/>
        <v>1.019803902718557</v>
      </c>
      <c r="HVE7" s="9">
        <f t="shared" si="94"/>
        <v>1.019803902718557</v>
      </c>
      <c r="HVF7" s="9">
        <f t="shared" si="94"/>
        <v>1.019803902718557</v>
      </c>
      <c r="HVG7" s="9">
        <f t="shared" si="94"/>
        <v>1.019803902718557</v>
      </c>
      <c r="HVH7" s="9">
        <f t="shared" si="94"/>
        <v>1.019803902718557</v>
      </c>
      <c r="HVI7" s="9">
        <f t="shared" si="94"/>
        <v>1.019803902718557</v>
      </c>
      <c r="HVJ7" s="9">
        <f t="shared" si="94"/>
        <v>1.019803902718557</v>
      </c>
      <c r="HVK7" s="9">
        <f t="shared" si="94"/>
        <v>1.019803902718557</v>
      </c>
      <c r="HVL7" s="9">
        <f t="shared" si="94"/>
        <v>1.019803902718557</v>
      </c>
      <c r="HVM7" s="9">
        <f t="shared" si="94"/>
        <v>1.019803902718557</v>
      </c>
      <c r="HVN7" s="9">
        <f t="shared" si="94"/>
        <v>1.019803902718557</v>
      </c>
      <c r="HVO7" s="9">
        <f t="shared" si="94"/>
        <v>1.019803902718557</v>
      </c>
      <c r="HVP7" s="9">
        <f t="shared" si="94"/>
        <v>1.019803902718557</v>
      </c>
      <c r="HVQ7" s="9">
        <f t="shared" si="94"/>
        <v>1.019803902718557</v>
      </c>
      <c r="HVR7" s="9">
        <f t="shared" si="94"/>
        <v>1.019803902718557</v>
      </c>
      <c r="HVS7" s="9">
        <f t="shared" si="94"/>
        <v>1.019803902718557</v>
      </c>
      <c r="HVT7" s="9">
        <f t="shared" si="94"/>
        <v>1.019803902718557</v>
      </c>
      <c r="HVU7" s="9">
        <f t="shared" si="94"/>
        <v>1.019803902718557</v>
      </c>
      <c r="HVV7" s="9">
        <f t="shared" si="94"/>
        <v>1.019803902718557</v>
      </c>
      <c r="HVW7" s="9">
        <f t="shared" si="94"/>
        <v>1.019803902718557</v>
      </c>
      <c r="HVX7" s="9">
        <f t="shared" si="94"/>
        <v>1.019803902718557</v>
      </c>
      <c r="HVY7" s="9">
        <f t="shared" si="94"/>
        <v>1.019803902718557</v>
      </c>
      <c r="HVZ7" s="9">
        <f t="shared" si="94"/>
        <v>1.019803902718557</v>
      </c>
      <c r="HWA7" s="9">
        <f t="shared" si="94"/>
        <v>1.019803902718557</v>
      </c>
      <c r="HWB7" s="9">
        <f t="shared" si="94"/>
        <v>1.019803902718557</v>
      </c>
      <c r="HWC7" s="9">
        <f t="shared" si="94"/>
        <v>1.019803902718557</v>
      </c>
      <c r="HWD7" s="9">
        <f t="shared" si="94"/>
        <v>1.019803902718557</v>
      </c>
      <c r="HWE7" s="9">
        <f t="shared" si="94"/>
        <v>1.019803902718557</v>
      </c>
      <c r="HWF7" s="9">
        <f t="shared" si="94"/>
        <v>1.019803902718557</v>
      </c>
      <c r="HWG7" s="9">
        <f t="shared" si="94"/>
        <v>1.019803902718557</v>
      </c>
      <c r="HWH7" s="9">
        <f t="shared" si="94"/>
        <v>1.019803902718557</v>
      </c>
      <c r="HWI7" s="9">
        <f t="shared" si="94"/>
        <v>1.019803902718557</v>
      </c>
      <c r="HWJ7" s="9">
        <f t="shared" si="94"/>
        <v>1.019803902718557</v>
      </c>
      <c r="HWK7" s="9">
        <f t="shared" si="94"/>
        <v>1.019803902718557</v>
      </c>
      <c r="HWL7" s="9">
        <f t="shared" si="94"/>
        <v>1.019803902718557</v>
      </c>
      <c r="HWM7" s="9">
        <f t="shared" si="94"/>
        <v>1.019803902718557</v>
      </c>
      <c r="HWN7" s="9">
        <f t="shared" si="94"/>
        <v>1.019803902718557</v>
      </c>
      <c r="HWO7" s="9">
        <f t="shared" si="94"/>
        <v>1.019803902718557</v>
      </c>
      <c r="HWP7" s="9">
        <f t="shared" si="94"/>
        <v>1.019803902718557</v>
      </c>
      <c r="HWQ7" s="9">
        <f t="shared" si="94"/>
        <v>1.019803902718557</v>
      </c>
      <c r="HWR7" s="9">
        <f t="shared" si="94"/>
        <v>1.019803902718557</v>
      </c>
      <c r="HWS7" s="9">
        <f t="shared" si="94"/>
        <v>1.019803902718557</v>
      </c>
      <c r="HWT7" s="9">
        <f t="shared" ref="HWT7:HZE7" si="95">1/((1+$F$6) ^(HWT3-$F$7))</f>
        <v>1.019803902718557</v>
      </c>
      <c r="HWU7" s="9">
        <f t="shared" si="95"/>
        <v>1.019803902718557</v>
      </c>
      <c r="HWV7" s="9">
        <f t="shared" si="95"/>
        <v>1.019803902718557</v>
      </c>
      <c r="HWW7" s="9">
        <f t="shared" si="95"/>
        <v>1.019803902718557</v>
      </c>
      <c r="HWX7" s="9">
        <f t="shared" si="95"/>
        <v>1.019803902718557</v>
      </c>
      <c r="HWY7" s="9">
        <f t="shared" si="95"/>
        <v>1.019803902718557</v>
      </c>
      <c r="HWZ7" s="9">
        <f t="shared" si="95"/>
        <v>1.019803902718557</v>
      </c>
      <c r="HXA7" s="9">
        <f t="shared" si="95"/>
        <v>1.019803902718557</v>
      </c>
      <c r="HXB7" s="9">
        <f t="shared" si="95"/>
        <v>1.019803902718557</v>
      </c>
      <c r="HXC7" s="9">
        <f t="shared" si="95"/>
        <v>1.019803902718557</v>
      </c>
      <c r="HXD7" s="9">
        <f t="shared" si="95"/>
        <v>1.019803902718557</v>
      </c>
      <c r="HXE7" s="9">
        <f t="shared" si="95"/>
        <v>1.019803902718557</v>
      </c>
      <c r="HXF7" s="9">
        <f t="shared" si="95"/>
        <v>1.019803902718557</v>
      </c>
      <c r="HXG7" s="9">
        <f t="shared" si="95"/>
        <v>1.019803902718557</v>
      </c>
      <c r="HXH7" s="9">
        <f t="shared" si="95"/>
        <v>1.019803902718557</v>
      </c>
      <c r="HXI7" s="9">
        <f t="shared" si="95"/>
        <v>1.019803902718557</v>
      </c>
      <c r="HXJ7" s="9">
        <f t="shared" si="95"/>
        <v>1.019803902718557</v>
      </c>
      <c r="HXK7" s="9">
        <f t="shared" si="95"/>
        <v>1.019803902718557</v>
      </c>
      <c r="HXL7" s="9">
        <f t="shared" si="95"/>
        <v>1.019803902718557</v>
      </c>
      <c r="HXM7" s="9">
        <f t="shared" si="95"/>
        <v>1.019803902718557</v>
      </c>
      <c r="HXN7" s="9">
        <f t="shared" si="95"/>
        <v>1.019803902718557</v>
      </c>
      <c r="HXO7" s="9">
        <f t="shared" si="95"/>
        <v>1.019803902718557</v>
      </c>
      <c r="HXP7" s="9">
        <f t="shared" si="95"/>
        <v>1.019803902718557</v>
      </c>
      <c r="HXQ7" s="9">
        <f t="shared" si="95"/>
        <v>1.019803902718557</v>
      </c>
      <c r="HXR7" s="9">
        <f t="shared" si="95"/>
        <v>1.019803902718557</v>
      </c>
      <c r="HXS7" s="9">
        <f t="shared" si="95"/>
        <v>1.019803902718557</v>
      </c>
      <c r="HXT7" s="9">
        <f t="shared" si="95"/>
        <v>1.019803902718557</v>
      </c>
      <c r="HXU7" s="9">
        <f t="shared" si="95"/>
        <v>1.019803902718557</v>
      </c>
      <c r="HXV7" s="9">
        <f t="shared" si="95"/>
        <v>1.019803902718557</v>
      </c>
      <c r="HXW7" s="9">
        <f t="shared" si="95"/>
        <v>1.019803902718557</v>
      </c>
      <c r="HXX7" s="9">
        <f t="shared" si="95"/>
        <v>1.019803902718557</v>
      </c>
      <c r="HXY7" s="9">
        <f t="shared" si="95"/>
        <v>1.019803902718557</v>
      </c>
      <c r="HXZ7" s="9">
        <f t="shared" si="95"/>
        <v>1.019803902718557</v>
      </c>
      <c r="HYA7" s="9">
        <f t="shared" si="95"/>
        <v>1.019803902718557</v>
      </c>
      <c r="HYB7" s="9">
        <f t="shared" si="95"/>
        <v>1.019803902718557</v>
      </c>
      <c r="HYC7" s="9">
        <f t="shared" si="95"/>
        <v>1.019803902718557</v>
      </c>
      <c r="HYD7" s="9">
        <f t="shared" si="95"/>
        <v>1.019803902718557</v>
      </c>
      <c r="HYE7" s="9">
        <f t="shared" si="95"/>
        <v>1.019803902718557</v>
      </c>
      <c r="HYF7" s="9">
        <f t="shared" si="95"/>
        <v>1.019803902718557</v>
      </c>
      <c r="HYG7" s="9">
        <f t="shared" si="95"/>
        <v>1.019803902718557</v>
      </c>
      <c r="HYH7" s="9">
        <f t="shared" si="95"/>
        <v>1.019803902718557</v>
      </c>
      <c r="HYI7" s="9">
        <f t="shared" si="95"/>
        <v>1.019803902718557</v>
      </c>
      <c r="HYJ7" s="9">
        <f t="shared" si="95"/>
        <v>1.019803902718557</v>
      </c>
      <c r="HYK7" s="9">
        <f t="shared" si="95"/>
        <v>1.019803902718557</v>
      </c>
      <c r="HYL7" s="9">
        <f t="shared" si="95"/>
        <v>1.019803902718557</v>
      </c>
      <c r="HYM7" s="9">
        <f t="shared" si="95"/>
        <v>1.019803902718557</v>
      </c>
      <c r="HYN7" s="9">
        <f t="shared" si="95"/>
        <v>1.019803902718557</v>
      </c>
      <c r="HYO7" s="9">
        <f t="shared" si="95"/>
        <v>1.019803902718557</v>
      </c>
      <c r="HYP7" s="9">
        <f t="shared" si="95"/>
        <v>1.019803902718557</v>
      </c>
      <c r="HYQ7" s="9">
        <f t="shared" si="95"/>
        <v>1.019803902718557</v>
      </c>
      <c r="HYR7" s="9">
        <f t="shared" si="95"/>
        <v>1.019803902718557</v>
      </c>
      <c r="HYS7" s="9">
        <f t="shared" si="95"/>
        <v>1.019803902718557</v>
      </c>
      <c r="HYT7" s="9">
        <f t="shared" si="95"/>
        <v>1.019803902718557</v>
      </c>
      <c r="HYU7" s="9">
        <f t="shared" si="95"/>
        <v>1.019803902718557</v>
      </c>
      <c r="HYV7" s="9">
        <f t="shared" si="95"/>
        <v>1.019803902718557</v>
      </c>
      <c r="HYW7" s="9">
        <f t="shared" si="95"/>
        <v>1.019803902718557</v>
      </c>
      <c r="HYX7" s="9">
        <f t="shared" si="95"/>
        <v>1.019803902718557</v>
      </c>
      <c r="HYY7" s="9">
        <f t="shared" si="95"/>
        <v>1.019803902718557</v>
      </c>
      <c r="HYZ7" s="9">
        <f t="shared" si="95"/>
        <v>1.019803902718557</v>
      </c>
      <c r="HZA7" s="9">
        <f t="shared" si="95"/>
        <v>1.019803902718557</v>
      </c>
      <c r="HZB7" s="9">
        <f t="shared" si="95"/>
        <v>1.019803902718557</v>
      </c>
      <c r="HZC7" s="9">
        <f t="shared" si="95"/>
        <v>1.019803902718557</v>
      </c>
      <c r="HZD7" s="9">
        <f t="shared" si="95"/>
        <v>1.019803902718557</v>
      </c>
      <c r="HZE7" s="9">
        <f t="shared" si="95"/>
        <v>1.019803902718557</v>
      </c>
      <c r="HZF7" s="9">
        <f t="shared" ref="HZF7:IBQ7" si="96">1/((1+$F$6) ^(HZF3-$F$7))</f>
        <v>1.019803902718557</v>
      </c>
      <c r="HZG7" s="9">
        <f t="shared" si="96"/>
        <v>1.019803902718557</v>
      </c>
      <c r="HZH7" s="9">
        <f t="shared" si="96"/>
        <v>1.019803902718557</v>
      </c>
      <c r="HZI7" s="9">
        <f t="shared" si="96"/>
        <v>1.019803902718557</v>
      </c>
      <c r="HZJ7" s="9">
        <f t="shared" si="96"/>
        <v>1.019803902718557</v>
      </c>
      <c r="HZK7" s="9">
        <f t="shared" si="96"/>
        <v>1.019803902718557</v>
      </c>
      <c r="HZL7" s="9">
        <f t="shared" si="96"/>
        <v>1.019803902718557</v>
      </c>
      <c r="HZM7" s="9">
        <f t="shared" si="96"/>
        <v>1.019803902718557</v>
      </c>
      <c r="HZN7" s="9">
        <f t="shared" si="96"/>
        <v>1.019803902718557</v>
      </c>
      <c r="HZO7" s="9">
        <f t="shared" si="96"/>
        <v>1.019803902718557</v>
      </c>
      <c r="HZP7" s="9">
        <f t="shared" si="96"/>
        <v>1.019803902718557</v>
      </c>
      <c r="HZQ7" s="9">
        <f t="shared" si="96"/>
        <v>1.019803902718557</v>
      </c>
      <c r="HZR7" s="9">
        <f t="shared" si="96"/>
        <v>1.019803902718557</v>
      </c>
      <c r="HZS7" s="9">
        <f t="shared" si="96"/>
        <v>1.019803902718557</v>
      </c>
      <c r="HZT7" s="9">
        <f t="shared" si="96"/>
        <v>1.019803902718557</v>
      </c>
      <c r="HZU7" s="9">
        <f t="shared" si="96"/>
        <v>1.019803902718557</v>
      </c>
      <c r="HZV7" s="9">
        <f t="shared" si="96"/>
        <v>1.019803902718557</v>
      </c>
      <c r="HZW7" s="9">
        <f t="shared" si="96"/>
        <v>1.019803902718557</v>
      </c>
      <c r="HZX7" s="9">
        <f t="shared" si="96"/>
        <v>1.019803902718557</v>
      </c>
      <c r="HZY7" s="9">
        <f t="shared" si="96"/>
        <v>1.019803902718557</v>
      </c>
      <c r="HZZ7" s="9">
        <f t="shared" si="96"/>
        <v>1.019803902718557</v>
      </c>
      <c r="IAA7" s="9">
        <f t="shared" si="96"/>
        <v>1.019803902718557</v>
      </c>
      <c r="IAB7" s="9">
        <f t="shared" si="96"/>
        <v>1.019803902718557</v>
      </c>
      <c r="IAC7" s="9">
        <f t="shared" si="96"/>
        <v>1.019803902718557</v>
      </c>
      <c r="IAD7" s="9">
        <f t="shared" si="96"/>
        <v>1.019803902718557</v>
      </c>
      <c r="IAE7" s="9">
        <f t="shared" si="96"/>
        <v>1.019803902718557</v>
      </c>
      <c r="IAF7" s="9">
        <f t="shared" si="96"/>
        <v>1.019803902718557</v>
      </c>
      <c r="IAG7" s="9">
        <f t="shared" si="96"/>
        <v>1.019803902718557</v>
      </c>
      <c r="IAH7" s="9">
        <f t="shared" si="96"/>
        <v>1.019803902718557</v>
      </c>
      <c r="IAI7" s="9">
        <f t="shared" si="96"/>
        <v>1.019803902718557</v>
      </c>
      <c r="IAJ7" s="9">
        <f t="shared" si="96"/>
        <v>1.019803902718557</v>
      </c>
      <c r="IAK7" s="9">
        <f t="shared" si="96"/>
        <v>1.019803902718557</v>
      </c>
      <c r="IAL7" s="9">
        <f t="shared" si="96"/>
        <v>1.019803902718557</v>
      </c>
      <c r="IAM7" s="9">
        <f t="shared" si="96"/>
        <v>1.019803902718557</v>
      </c>
      <c r="IAN7" s="9">
        <f t="shared" si="96"/>
        <v>1.019803902718557</v>
      </c>
      <c r="IAO7" s="9">
        <f t="shared" si="96"/>
        <v>1.019803902718557</v>
      </c>
      <c r="IAP7" s="9">
        <f t="shared" si="96"/>
        <v>1.019803902718557</v>
      </c>
      <c r="IAQ7" s="9">
        <f t="shared" si="96"/>
        <v>1.019803902718557</v>
      </c>
      <c r="IAR7" s="9">
        <f t="shared" si="96"/>
        <v>1.019803902718557</v>
      </c>
      <c r="IAS7" s="9">
        <f t="shared" si="96"/>
        <v>1.019803902718557</v>
      </c>
      <c r="IAT7" s="9">
        <f t="shared" si="96"/>
        <v>1.019803902718557</v>
      </c>
      <c r="IAU7" s="9">
        <f t="shared" si="96"/>
        <v>1.019803902718557</v>
      </c>
      <c r="IAV7" s="9">
        <f t="shared" si="96"/>
        <v>1.019803902718557</v>
      </c>
      <c r="IAW7" s="9">
        <f t="shared" si="96"/>
        <v>1.019803902718557</v>
      </c>
      <c r="IAX7" s="9">
        <f t="shared" si="96"/>
        <v>1.019803902718557</v>
      </c>
      <c r="IAY7" s="9">
        <f t="shared" si="96"/>
        <v>1.019803902718557</v>
      </c>
      <c r="IAZ7" s="9">
        <f t="shared" si="96"/>
        <v>1.019803902718557</v>
      </c>
      <c r="IBA7" s="9">
        <f t="shared" si="96"/>
        <v>1.019803902718557</v>
      </c>
      <c r="IBB7" s="9">
        <f t="shared" si="96"/>
        <v>1.019803902718557</v>
      </c>
      <c r="IBC7" s="9">
        <f t="shared" si="96"/>
        <v>1.019803902718557</v>
      </c>
      <c r="IBD7" s="9">
        <f t="shared" si="96"/>
        <v>1.019803902718557</v>
      </c>
      <c r="IBE7" s="9">
        <f t="shared" si="96"/>
        <v>1.019803902718557</v>
      </c>
      <c r="IBF7" s="9">
        <f t="shared" si="96"/>
        <v>1.019803902718557</v>
      </c>
      <c r="IBG7" s="9">
        <f t="shared" si="96"/>
        <v>1.019803902718557</v>
      </c>
      <c r="IBH7" s="9">
        <f t="shared" si="96"/>
        <v>1.019803902718557</v>
      </c>
      <c r="IBI7" s="9">
        <f t="shared" si="96"/>
        <v>1.019803902718557</v>
      </c>
      <c r="IBJ7" s="9">
        <f t="shared" si="96"/>
        <v>1.019803902718557</v>
      </c>
      <c r="IBK7" s="9">
        <f t="shared" si="96"/>
        <v>1.019803902718557</v>
      </c>
      <c r="IBL7" s="9">
        <f t="shared" si="96"/>
        <v>1.019803902718557</v>
      </c>
      <c r="IBM7" s="9">
        <f t="shared" si="96"/>
        <v>1.019803902718557</v>
      </c>
      <c r="IBN7" s="9">
        <f t="shared" si="96"/>
        <v>1.019803902718557</v>
      </c>
      <c r="IBO7" s="9">
        <f t="shared" si="96"/>
        <v>1.019803902718557</v>
      </c>
      <c r="IBP7" s="9">
        <f t="shared" si="96"/>
        <v>1.019803902718557</v>
      </c>
      <c r="IBQ7" s="9">
        <f t="shared" si="96"/>
        <v>1.019803902718557</v>
      </c>
      <c r="IBR7" s="9">
        <f t="shared" ref="IBR7:IEC7" si="97">1/((1+$F$6) ^(IBR3-$F$7))</f>
        <v>1.019803902718557</v>
      </c>
      <c r="IBS7" s="9">
        <f t="shared" si="97"/>
        <v>1.019803902718557</v>
      </c>
      <c r="IBT7" s="9">
        <f t="shared" si="97"/>
        <v>1.019803902718557</v>
      </c>
      <c r="IBU7" s="9">
        <f t="shared" si="97"/>
        <v>1.019803902718557</v>
      </c>
      <c r="IBV7" s="9">
        <f t="shared" si="97"/>
        <v>1.019803902718557</v>
      </c>
      <c r="IBW7" s="9">
        <f t="shared" si="97"/>
        <v>1.019803902718557</v>
      </c>
      <c r="IBX7" s="9">
        <f t="shared" si="97"/>
        <v>1.019803902718557</v>
      </c>
      <c r="IBY7" s="9">
        <f t="shared" si="97"/>
        <v>1.019803902718557</v>
      </c>
      <c r="IBZ7" s="9">
        <f t="shared" si="97"/>
        <v>1.019803902718557</v>
      </c>
      <c r="ICA7" s="9">
        <f t="shared" si="97"/>
        <v>1.019803902718557</v>
      </c>
      <c r="ICB7" s="9">
        <f t="shared" si="97"/>
        <v>1.019803902718557</v>
      </c>
      <c r="ICC7" s="9">
        <f t="shared" si="97"/>
        <v>1.019803902718557</v>
      </c>
      <c r="ICD7" s="9">
        <f t="shared" si="97"/>
        <v>1.019803902718557</v>
      </c>
      <c r="ICE7" s="9">
        <f t="shared" si="97"/>
        <v>1.019803902718557</v>
      </c>
      <c r="ICF7" s="9">
        <f t="shared" si="97"/>
        <v>1.019803902718557</v>
      </c>
      <c r="ICG7" s="9">
        <f t="shared" si="97"/>
        <v>1.019803902718557</v>
      </c>
      <c r="ICH7" s="9">
        <f t="shared" si="97"/>
        <v>1.019803902718557</v>
      </c>
      <c r="ICI7" s="9">
        <f t="shared" si="97"/>
        <v>1.019803902718557</v>
      </c>
      <c r="ICJ7" s="9">
        <f t="shared" si="97"/>
        <v>1.019803902718557</v>
      </c>
      <c r="ICK7" s="9">
        <f t="shared" si="97"/>
        <v>1.019803902718557</v>
      </c>
      <c r="ICL7" s="9">
        <f t="shared" si="97"/>
        <v>1.019803902718557</v>
      </c>
      <c r="ICM7" s="9">
        <f t="shared" si="97"/>
        <v>1.019803902718557</v>
      </c>
      <c r="ICN7" s="9">
        <f t="shared" si="97"/>
        <v>1.019803902718557</v>
      </c>
      <c r="ICO7" s="9">
        <f t="shared" si="97"/>
        <v>1.019803902718557</v>
      </c>
      <c r="ICP7" s="9">
        <f t="shared" si="97"/>
        <v>1.019803902718557</v>
      </c>
      <c r="ICQ7" s="9">
        <f t="shared" si="97"/>
        <v>1.019803902718557</v>
      </c>
      <c r="ICR7" s="9">
        <f t="shared" si="97"/>
        <v>1.019803902718557</v>
      </c>
      <c r="ICS7" s="9">
        <f t="shared" si="97"/>
        <v>1.019803902718557</v>
      </c>
      <c r="ICT7" s="9">
        <f t="shared" si="97"/>
        <v>1.019803902718557</v>
      </c>
      <c r="ICU7" s="9">
        <f t="shared" si="97"/>
        <v>1.019803902718557</v>
      </c>
      <c r="ICV7" s="9">
        <f t="shared" si="97"/>
        <v>1.019803902718557</v>
      </c>
      <c r="ICW7" s="9">
        <f t="shared" si="97"/>
        <v>1.019803902718557</v>
      </c>
      <c r="ICX7" s="9">
        <f t="shared" si="97"/>
        <v>1.019803902718557</v>
      </c>
      <c r="ICY7" s="9">
        <f t="shared" si="97"/>
        <v>1.019803902718557</v>
      </c>
      <c r="ICZ7" s="9">
        <f t="shared" si="97"/>
        <v>1.019803902718557</v>
      </c>
      <c r="IDA7" s="9">
        <f t="shared" si="97"/>
        <v>1.019803902718557</v>
      </c>
      <c r="IDB7" s="9">
        <f t="shared" si="97"/>
        <v>1.019803902718557</v>
      </c>
      <c r="IDC7" s="9">
        <f t="shared" si="97"/>
        <v>1.019803902718557</v>
      </c>
      <c r="IDD7" s="9">
        <f t="shared" si="97"/>
        <v>1.019803902718557</v>
      </c>
      <c r="IDE7" s="9">
        <f t="shared" si="97"/>
        <v>1.019803902718557</v>
      </c>
      <c r="IDF7" s="9">
        <f t="shared" si="97"/>
        <v>1.019803902718557</v>
      </c>
      <c r="IDG7" s="9">
        <f t="shared" si="97"/>
        <v>1.019803902718557</v>
      </c>
      <c r="IDH7" s="9">
        <f t="shared" si="97"/>
        <v>1.019803902718557</v>
      </c>
      <c r="IDI7" s="9">
        <f t="shared" si="97"/>
        <v>1.019803902718557</v>
      </c>
      <c r="IDJ7" s="9">
        <f t="shared" si="97"/>
        <v>1.019803902718557</v>
      </c>
      <c r="IDK7" s="9">
        <f t="shared" si="97"/>
        <v>1.019803902718557</v>
      </c>
      <c r="IDL7" s="9">
        <f t="shared" si="97"/>
        <v>1.019803902718557</v>
      </c>
      <c r="IDM7" s="9">
        <f t="shared" si="97"/>
        <v>1.019803902718557</v>
      </c>
      <c r="IDN7" s="9">
        <f t="shared" si="97"/>
        <v>1.019803902718557</v>
      </c>
      <c r="IDO7" s="9">
        <f t="shared" si="97"/>
        <v>1.019803902718557</v>
      </c>
      <c r="IDP7" s="9">
        <f t="shared" si="97"/>
        <v>1.019803902718557</v>
      </c>
      <c r="IDQ7" s="9">
        <f t="shared" si="97"/>
        <v>1.019803902718557</v>
      </c>
      <c r="IDR7" s="9">
        <f t="shared" si="97"/>
        <v>1.019803902718557</v>
      </c>
      <c r="IDS7" s="9">
        <f t="shared" si="97"/>
        <v>1.019803902718557</v>
      </c>
      <c r="IDT7" s="9">
        <f t="shared" si="97"/>
        <v>1.019803902718557</v>
      </c>
      <c r="IDU7" s="9">
        <f t="shared" si="97"/>
        <v>1.019803902718557</v>
      </c>
      <c r="IDV7" s="9">
        <f t="shared" si="97"/>
        <v>1.019803902718557</v>
      </c>
      <c r="IDW7" s="9">
        <f t="shared" si="97"/>
        <v>1.019803902718557</v>
      </c>
      <c r="IDX7" s="9">
        <f t="shared" si="97"/>
        <v>1.019803902718557</v>
      </c>
      <c r="IDY7" s="9">
        <f t="shared" si="97"/>
        <v>1.019803902718557</v>
      </c>
      <c r="IDZ7" s="9">
        <f t="shared" si="97"/>
        <v>1.019803902718557</v>
      </c>
      <c r="IEA7" s="9">
        <f t="shared" si="97"/>
        <v>1.019803902718557</v>
      </c>
      <c r="IEB7" s="9">
        <f t="shared" si="97"/>
        <v>1.019803902718557</v>
      </c>
      <c r="IEC7" s="9">
        <f t="shared" si="97"/>
        <v>1.019803902718557</v>
      </c>
      <c r="IED7" s="9">
        <f t="shared" ref="IED7:IGO7" si="98">1/((1+$F$6) ^(IED3-$F$7))</f>
        <v>1.019803902718557</v>
      </c>
      <c r="IEE7" s="9">
        <f t="shared" si="98"/>
        <v>1.019803902718557</v>
      </c>
      <c r="IEF7" s="9">
        <f t="shared" si="98"/>
        <v>1.019803902718557</v>
      </c>
      <c r="IEG7" s="9">
        <f t="shared" si="98"/>
        <v>1.019803902718557</v>
      </c>
      <c r="IEH7" s="9">
        <f t="shared" si="98"/>
        <v>1.019803902718557</v>
      </c>
      <c r="IEI7" s="9">
        <f t="shared" si="98"/>
        <v>1.019803902718557</v>
      </c>
      <c r="IEJ7" s="9">
        <f t="shared" si="98"/>
        <v>1.019803902718557</v>
      </c>
      <c r="IEK7" s="9">
        <f t="shared" si="98"/>
        <v>1.019803902718557</v>
      </c>
      <c r="IEL7" s="9">
        <f t="shared" si="98"/>
        <v>1.019803902718557</v>
      </c>
      <c r="IEM7" s="9">
        <f t="shared" si="98"/>
        <v>1.019803902718557</v>
      </c>
      <c r="IEN7" s="9">
        <f t="shared" si="98"/>
        <v>1.019803902718557</v>
      </c>
      <c r="IEO7" s="9">
        <f t="shared" si="98"/>
        <v>1.019803902718557</v>
      </c>
      <c r="IEP7" s="9">
        <f t="shared" si="98"/>
        <v>1.019803902718557</v>
      </c>
      <c r="IEQ7" s="9">
        <f t="shared" si="98"/>
        <v>1.019803902718557</v>
      </c>
      <c r="IER7" s="9">
        <f t="shared" si="98"/>
        <v>1.019803902718557</v>
      </c>
      <c r="IES7" s="9">
        <f t="shared" si="98"/>
        <v>1.019803902718557</v>
      </c>
      <c r="IET7" s="9">
        <f t="shared" si="98"/>
        <v>1.019803902718557</v>
      </c>
      <c r="IEU7" s="9">
        <f t="shared" si="98"/>
        <v>1.019803902718557</v>
      </c>
      <c r="IEV7" s="9">
        <f t="shared" si="98"/>
        <v>1.019803902718557</v>
      </c>
      <c r="IEW7" s="9">
        <f t="shared" si="98"/>
        <v>1.019803902718557</v>
      </c>
      <c r="IEX7" s="9">
        <f t="shared" si="98"/>
        <v>1.019803902718557</v>
      </c>
      <c r="IEY7" s="9">
        <f t="shared" si="98"/>
        <v>1.019803902718557</v>
      </c>
      <c r="IEZ7" s="9">
        <f t="shared" si="98"/>
        <v>1.019803902718557</v>
      </c>
      <c r="IFA7" s="9">
        <f t="shared" si="98"/>
        <v>1.019803902718557</v>
      </c>
      <c r="IFB7" s="9">
        <f t="shared" si="98"/>
        <v>1.019803902718557</v>
      </c>
      <c r="IFC7" s="9">
        <f t="shared" si="98"/>
        <v>1.019803902718557</v>
      </c>
      <c r="IFD7" s="9">
        <f t="shared" si="98"/>
        <v>1.019803902718557</v>
      </c>
      <c r="IFE7" s="9">
        <f t="shared" si="98"/>
        <v>1.019803902718557</v>
      </c>
      <c r="IFF7" s="9">
        <f t="shared" si="98"/>
        <v>1.019803902718557</v>
      </c>
      <c r="IFG7" s="9">
        <f t="shared" si="98"/>
        <v>1.019803902718557</v>
      </c>
      <c r="IFH7" s="9">
        <f t="shared" si="98"/>
        <v>1.019803902718557</v>
      </c>
      <c r="IFI7" s="9">
        <f t="shared" si="98"/>
        <v>1.019803902718557</v>
      </c>
      <c r="IFJ7" s="9">
        <f t="shared" si="98"/>
        <v>1.019803902718557</v>
      </c>
      <c r="IFK7" s="9">
        <f t="shared" si="98"/>
        <v>1.019803902718557</v>
      </c>
      <c r="IFL7" s="9">
        <f t="shared" si="98"/>
        <v>1.019803902718557</v>
      </c>
      <c r="IFM7" s="9">
        <f t="shared" si="98"/>
        <v>1.019803902718557</v>
      </c>
      <c r="IFN7" s="9">
        <f t="shared" si="98"/>
        <v>1.019803902718557</v>
      </c>
      <c r="IFO7" s="9">
        <f t="shared" si="98"/>
        <v>1.019803902718557</v>
      </c>
      <c r="IFP7" s="9">
        <f t="shared" si="98"/>
        <v>1.019803902718557</v>
      </c>
      <c r="IFQ7" s="9">
        <f t="shared" si="98"/>
        <v>1.019803902718557</v>
      </c>
      <c r="IFR7" s="9">
        <f t="shared" si="98"/>
        <v>1.019803902718557</v>
      </c>
      <c r="IFS7" s="9">
        <f t="shared" si="98"/>
        <v>1.019803902718557</v>
      </c>
      <c r="IFT7" s="9">
        <f t="shared" si="98"/>
        <v>1.019803902718557</v>
      </c>
      <c r="IFU7" s="9">
        <f t="shared" si="98"/>
        <v>1.019803902718557</v>
      </c>
      <c r="IFV7" s="9">
        <f t="shared" si="98"/>
        <v>1.019803902718557</v>
      </c>
      <c r="IFW7" s="9">
        <f t="shared" si="98"/>
        <v>1.019803902718557</v>
      </c>
      <c r="IFX7" s="9">
        <f t="shared" si="98"/>
        <v>1.019803902718557</v>
      </c>
      <c r="IFY7" s="9">
        <f t="shared" si="98"/>
        <v>1.019803902718557</v>
      </c>
      <c r="IFZ7" s="9">
        <f t="shared" si="98"/>
        <v>1.019803902718557</v>
      </c>
      <c r="IGA7" s="9">
        <f t="shared" si="98"/>
        <v>1.019803902718557</v>
      </c>
      <c r="IGB7" s="9">
        <f t="shared" si="98"/>
        <v>1.019803902718557</v>
      </c>
      <c r="IGC7" s="9">
        <f t="shared" si="98"/>
        <v>1.019803902718557</v>
      </c>
      <c r="IGD7" s="9">
        <f t="shared" si="98"/>
        <v>1.019803902718557</v>
      </c>
      <c r="IGE7" s="9">
        <f t="shared" si="98"/>
        <v>1.019803902718557</v>
      </c>
      <c r="IGF7" s="9">
        <f t="shared" si="98"/>
        <v>1.019803902718557</v>
      </c>
      <c r="IGG7" s="9">
        <f t="shared" si="98"/>
        <v>1.019803902718557</v>
      </c>
      <c r="IGH7" s="9">
        <f t="shared" si="98"/>
        <v>1.019803902718557</v>
      </c>
      <c r="IGI7" s="9">
        <f t="shared" si="98"/>
        <v>1.019803902718557</v>
      </c>
      <c r="IGJ7" s="9">
        <f t="shared" si="98"/>
        <v>1.019803902718557</v>
      </c>
      <c r="IGK7" s="9">
        <f t="shared" si="98"/>
        <v>1.019803902718557</v>
      </c>
      <c r="IGL7" s="9">
        <f t="shared" si="98"/>
        <v>1.019803902718557</v>
      </c>
      <c r="IGM7" s="9">
        <f t="shared" si="98"/>
        <v>1.019803902718557</v>
      </c>
      <c r="IGN7" s="9">
        <f t="shared" si="98"/>
        <v>1.019803902718557</v>
      </c>
      <c r="IGO7" s="9">
        <f t="shared" si="98"/>
        <v>1.019803902718557</v>
      </c>
      <c r="IGP7" s="9">
        <f t="shared" ref="IGP7:IJA7" si="99">1/((1+$F$6) ^(IGP3-$F$7))</f>
        <v>1.019803902718557</v>
      </c>
      <c r="IGQ7" s="9">
        <f t="shared" si="99"/>
        <v>1.019803902718557</v>
      </c>
      <c r="IGR7" s="9">
        <f t="shared" si="99"/>
        <v>1.019803902718557</v>
      </c>
      <c r="IGS7" s="9">
        <f t="shared" si="99"/>
        <v>1.019803902718557</v>
      </c>
      <c r="IGT7" s="9">
        <f t="shared" si="99"/>
        <v>1.019803902718557</v>
      </c>
      <c r="IGU7" s="9">
        <f t="shared" si="99"/>
        <v>1.019803902718557</v>
      </c>
      <c r="IGV7" s="9">
        <f t="shared" si="99"/>
        <v>1.019803902718557</v>
      </c>
      <c r="IGW7" s="9">
        <f t="shared" si="99"/>
        <v>1.019803902718557</v>
      </c>
      <c r="IGX7" s="9">
        <f t="shared" si="99"/>
        <v>1.019803902718557</v>
      </c>
      <c r="IGY7" s="9">
        <f t="shared" si="99"/>
        <v>1.019803902718557</v>
      </c>
      <c r="IGZ7" s="9">
        <f t="shared" si="99"/>
        <v>1.019803902718557</v>
      </c>
      <c r="IHA7" s="9">
        <f t="shared" si="99"/>
        <v>1.019803902718557</v>
      </c>
      <c r="IHB7" s="9">
        <f t="shared" si="99"/>
        <v>1.019803902718557</v>
      </c>
      <c r="IHC7" s="9">
        <f t="shared" si="99"/>
        <v>1.019803902718557</v>
      </c>
      <c r="IHD7" s="9">
        <f t="shared" si="99"/>
        <v>1.019803902718557</v>
      </c>
      <c r="IHE7" s="9">
        <f t="shared" si="99"/>
        <v>1.019803902718557</v>
      </c>
      <c r="IHF7" s="9">
        <f t="shared" si="99"/>
        <v>1.019803902718557</v>
      </c>
      <c r="IHG7" s="9">
        <f t="shared" si="99"/>
        <v>1.019803902718557</v>
      </c>
      <c r="IHH7" s="9">
        <f t="shared" si="99"/>
        <v>1.019803902718557</v>
      </c>
      <c r="IHI7" s="9">
        <f t="shared" si="99"/>
        <v>1.019803902718557</v>
      </c>
      <c r="IHJ7" s="9">
        <f t="shared" si="99"/>
        <v>1.019803902718557</v>
      </c>
      <c r="IHK7" s="9">
        <f t="shared" si="99"/>
        <v>1.019803902718557</v>
      </c>
      <c r="IHL7" s="9">
        <f t="shared" si="99"/>
        <v>1.019803902718557</v>
      </c>
      <c r="IHM7" s="9">
        <f t="shared" si="99"/>
        <v>1.019803902718557</v>
      </c>
      <c r="IHN7" s="9">
        <f t="shared" si="99"/>
        <v>1.019803902718557</v>
      </c>
      <c r="IHO7" s="9">
        <f t="shared" si="99"/>
        <v>1.019803902718557</v>
      </c>
      <c r="IHP7" s="9">
        <f t="shared" si="99"/>
        <v>1.019803902718557</v>
      </c>
      <c r="IHQ7" s="9">
        <f t="shared" si="99"/>
        <v>1.019803902718557</v>
      </c>
      <c r="IHR7" s="9">
        <f t="shared" si="99"/>
        <v>1.019803902718557</v>
      </c>
      <c r="IHS7" s="9">
        <f t="shared" si="99"/>
        <v>1.019803902718557</v>
      </c>
      <c r="IHT7" s="9">
        <f t="shared" si="99"/>
        <v>1.019803902718557</v>
      </c>
      <c r="IHU7" s="9">
        <f t="shared" si="99"/>
        <v>1.019803902718557</v>
      </c>
      <c r="IHV7" s="9">
        <f t="shared" si="99"/>
        <v>1.019803902718557</v>
      </c>
      <c r="IHW7" s="9">
        <f t="shared" si="99"/>
        <v>1.019803902718557</v>
      </c>
      <c r="IHX7" s="9">
        <f t="shared" si="99"/>
        <v>1.019803902718557</v>
      </c>
      <c r="IHY7" s="9">
        <f t="shared" si="99"/>
        <v>1.019803902718557</v>
      </c>
      <c r="IHZ7" s="9">
        <f t="shared" si="99"/>
        <v>1.019803902718557</v>
      </c>
      <c r="IIA7" s="9">
        <f t="shared" si="99"/>
        <v>1.019803902718557</v>
      </c>
      <c r="IIB7" s="9">
        <f t="shared" si="99"/>
        <v>1.019803902718557</v>
      </c>
      <c r="IIC7" s="9">
        <f t="shared" si="99"/>
        <v>1.019803902718557</v>
      </c>
      <c r="IID7" s="9">
        <f t="shared" si="99"/>
        <v>1.019803902718557</v>
      </c>
      <c r="IIE7" s="9">
        <f t="shared" si="99"/>
        <v>1.019803902718557</v>
      </c>
      <c r="IIF7" s="9">
        <f t="shared" si="99"/>
        <v>1.019803902718557</v>
      </c>
      <c r="IIG7" s="9">
        <f t="shared" si="99"/>
        <v>1.019803902718557</v>
      </c>
      <c r="IIH7" s="9">
        <f t="shared" si="99"/>
        <v>1.019803902718557</v>
      </c>
      <c r="III7" s="9">
        <f t="shared" si="99"/>
        <v>1.019803902718557</v>
      </c>
      <c r="IIJ7" s="9">
        <f t="shared" si="99"/>
        <v>1.019803902718557</v>
      </c>
      <c r="IIK7" s="9">
        <f t="shared" si="99"/>
        <v>1.019803902718557</v>
      </c>
      <c r="IIL7" s="9">
        <f t="shared" si="99"/>
        <v>1.019803902718557</v>
      </c>
      <c r="IIM7" s="9">
        <f t="shared" si="99"/>
        <v>1.019803902718557</v>
      </c>
      <c r="IIN7" s="9">
        <f t="shared" si="99"/>
        <v>1.019803902718557</v>
      </c>
      <c r="IIO7" s="9">
        <f t="shared" si="99"/>
        <v>1.019803902718557</v>
      </c>
      <c r="IIP7" s="9">
        <f t="shared" si="99"/>
        <v>1.019803902718557</v>
      </c>
      <c r="IIQ7" s="9">
        <f t="shared" si="99"/>
        <v>1.019803902718557</v>
      </c>
      <c r="IIR7" s="9">
        <f t="shared" si="99"/>
        <v>1.019803902718557</v>
      </c>
      <c r="IIS7" s="9">
        <f t="shared" si="99"/>
        <v>1.019803902718557</v>
      </c>
      <c r="IIT7" s="9">
        <f t="shared" si="99"/>
        <v>1.019803902718557</v>
      </c>
      <c r="IIU7" s="9">
        <f t="shared" si="99"/>
        <v>1.019803902718557</v>
      </c>
      <c r="IIV7" s="9">
        <f t="shared" si="99"/>
        <v>1.019803902718557</v>
      </c>
      <c r="IIW7" s="9">
        <f t="shared" si="99"/>
        <v>1.019803902718557</v>
      </c>
      <c r="IIX7" s="9">
        <f t="shared" si="99"/>
        <v>1.019803902718557</v>
      </c>
      <c r="IIY7" s="9">
        <f t="shared" si="99"/>
        <v>1.019803902718557</v>
      </c>
      <c r="IIZ7" s="9">
        <f t="shared" si="99"/>
        <v>1.019803902718557</v>
      </c>
      <c r="IJA7" s="9">
        <f t="shared" si="99"/>
        <v>1.019803902718557</v>
      </c>
      <c r="IJB7" s="9">
        <f t="shared" ref="IJB7:ILM7" si="100">1/((1+$F$6) ^(IJB3-$F$7))</f>
        <v>1.019803902718557</v>
      </c>
      <c r="IJC7" s="9">
        <f t="shared" si="100"/>
        <v>1.019803902718557</v>
      </c>
      <c r="IJD7" s="9">
        <f t="shared" si="100"/>
        <v>1.019803902718557</v>
      </c>
      <c r="IJE7" s="9">
        <f t="shared" si="100"/>
        <v>1.019803902718557</v>
      </c>
      <c r="IJF7" s="9">
        <f t="shared" si="100"/>
        <v>1.019803902718557</v>
      </c>
      <c r="IJG7" s="9">
        <f t="shared" si="100"/>
        <v>1.019803902718557</v>
      </c>
      <c r="IJH7" s="9">
        <f t="shared" si="100"/>
        <v>1.019803902718557</v>
      </c>
      <c r="IJI7" s="9">
        <f t="shared" si="100"/>
        <v>1.019803902718557</v>
      </c>
      <c r="IJJ7" s="9">
        <f t="shared" si="100"/>
        <v>1.019803902718557</v>
      </c>
      <c r="IJK7" s="9">
        <f t="shared" si="100"/>
        <v>1.019803902718557</v>
      </c>
      <c r="IJL7" s="9">
        <f t="shared" si="100"/>
        <v>1.019803902718557</v>
      </c>
      <c r="IJM7" s="9">
        <f t="shared" si="100"/>
        <v>1.019803902718557</v>
      </c>
      <c r="IJN7" s="9">
        <f t="shared" si="100"/>
        <v>1.019803902718557</v>
      </c>
      <c r="IJO7" s="9">
        <f t="shared" si="100"/>
        <v>1.019803902718557</v>
      </c>
      <c r="IJP7" s="9">
        <f t="shared" si="100"/>
        <v>1.019803902718557</v>
      </c>
      <c r="IJQ7" s="9">
        <f t="shared" si="100"/>
        <v>1.019803902718557</v>
      </c>
      <c r="IJR7" s="9">
        <f t="shared" si="100"/>
        <v>1.019803902718557</v>
      </c>
      <c r="IJS7" s="9">
        <f t="shared" si="100"/>
        <v>1.019803902718557</v>
      </c>
      <c r="IJT7" s="9">
        <f t="shared" si="100"/>
        <v>1.019803902718557</v>
      </c>
      <c r="IJU7" s="9">
        <f t="shared" si="100"/>
        <v>1.019803902718557</v>
      </c>
      <c r="IJV7" s="9">
        <f t="shared" si="100"/>
        <v>1.019803902718557</v>
      </c>
      <c r="IJW7" s="9">
        <f t="shared" si="100"/>
        <v>1.019803902718557</v>
      </c>
      <c r="IJX7" s="9">
        <f t="shared" si="100"/>
        <v>1.019803902718557</v>
      </c>
      <c r="IJY7" s="9">
        <f t="shared" si="100"/>
        <v>1.019803902718557</v>
      </c>
      <c r="IJZ7" s="9">
        <f t="shared" si="100"/>
        <v>1.019803902718557</v>
      </c>
      <c r="IKA7" s="9">
        <f t="shared" si="100"/>
        <v>1.019803902718557</v>
      </c>
      <c r="IKB7" s="9">
        <f t="shared" si="100"/>
        <v>1.019803902718557</v>
      </c>
      <c r="IKC7" s="9">
        <f t="shared" si="100"/>
        <v>1.019803902718557</v>
      </c>
      <c r="IKD7" s="9">
        <f t="shared" si="100"/>
        <v>1.019803902718557</v>
      </c>
      <c r="IKE7" s="9">
        <f t="shared" si="100"/>
        <v>1.019803902718557</v>
      </c>
      <c r="IKF7" s="9">
        <f t="shared" si="100"/>
        <v>1.019803902718557</v>
      </c>
      <c r="IKG7" s="9">
        <f t="shared" si="100"/>
        <v>1.019803902718557</v>
      </c>
      <c r="IKH7" s="9">
        <f t="shared" si="100"/>
        <v>1.019803902718557</v>
      </c>
      <c r="IKI7" s="9">
        <f t="shared" si="100"/>
        <v>1.019803902718557</v>
      </c>
      <c r="IKJ7" s="9">
        <f t="shared" si="100"/>
        <v>1.019803902718557</v>
      </c>
      <c r="IKK7" s="9">
        <f t="shared" si="100"/>
        <v>1.019803902718557</v>
      </c>
      <c r="IKL7" s="9">
        <f t="shared" si="100"/>
        <v>1.019803902718557</v>
      </c>
      <c r="IKM7" s="9">
        <f t="shared" si="100"/>
        <v>1.019803902718557</v>
      </c>
      <c r="IKN7" s="9">
        <f t="shared" si="100"/>
        <v>1.019803902718557</v>
      </c>
      <c r="IKO7" s="9">
        <f t="shared" si="100"/>
        <v>1.019803902718557</v>
      </c>
      <c r="IKP7" s="9">
        <f t="shared" si="100"/>
        <v>1.019803902718557</v>
      </c>
      <c r="IKQ7" s="9">
        <f t="shared" si="100"/>
        <v>1.019803902718557</v>
      </c>
      <c r="IKR7" s="9">
        <f t="shared" si="100"/>
        <v>1.019803902718557</v>
      </c>
      <c r="IKS7" s="9">
        <f t="shared" si="100"/>
        <v>1.019803902718557</v>
      </c>
      <c r="IKT7" s="9">
        <f t="shared" si="100"/>
        <v>1.019803902718557</v>
      </c>
      <c r="IKU7" s="9">
        <f t="shared" si="100"/>
        <v>1.019803902718557</v>
      </c>
      <c r="IKV7" s="9">
        <f t="shared" si="100"/>
        <v>1.019803902718557</v>
      </c>
      <c r="IKW7" s="9">
        <f t="shared" si="100"/>
        <v>1.019803902718557</v>
      </c>
      <c r="IKX7" s="9">
        <f t="shared" si="100"/>
        <v>1.019803902718557</v>
      </c>
      <c r="IKY7" s="9">
        <f t="shared" si="100"/>
        <v>1.019803902718557</v>
      </c>
      <c r="IKZ7" s="9">
        <f t="shared" si="100"/>
        <v>1.019803902718557</v>
      </c>
      <c r="ILA7" s="9">
        <f t="shared" si="100"/>
        <v>1.019803902718557</v>
      </c>
      <c r="ILB7" s="9">
        <f t="shared" si="100"/>
        <v>1.019803902718557</v>
      </c>
      <c r="ILC7" s="9">
        <f t="shared" si="100"/>
        <v>1.019803902718557</v>
      </c>
      <c r="ILD7" s="9">
        <f t="shared" si="100"/>
        <v>1.019803902718557</v>
      </c>
      <c r="ILE7" s="9">
        <f t="shared" si="100"/>
        <v>1.019803902718557</v>
      </c>
      <c r="ILF7" s="9">
        <f t="shared" si="100"/>
        <v>1.019803902718557</v>
      </c>
      <c r="ILG7" s="9">
        <f t="shared" si="100"/>
        <v>1.019803902718557</v>
      </c>
      <c r="ILH7" s="9">
        <f t="shared" si="100"/>
        <v>1.019803902718557</v>
      </c>
      <c r="ILI7" s="9">
        <f t="shared" si="100"/>
        <v>1.019803902718557</v>
      </c>
      <c r="ILJ7" s="9">
        <f t="shared" si="100"/>
        <v>1.019803902718557</v>
      </c>
      <c r="ILK7" s="9">
        <f t="shared" si="100"/>
        <v>1.019803902718557</v>
      </c>
      <c r="ILL7" s="9">
        <f t="shared" si="100"/>
        <v>1.019803902718557</v>
      </c>
      <c r="ILM7" s="9">
        <f t="shared" si="100"/>
        <v>1.019803902718557</v>
      </c>
      <c r="ILN7" s="9">
        <f t="shared" ref="ILN7:INY7" si="101">1/((1+$F$6) ^(ILN3-$F$7))</f>
        <v>1.019803902718557</v>
      </c>
      <c r="ILO7" s="9">
        <f t="shared" si="101"/>
        <v>1.019803902718557</v>
      </c>
      <c r="ILP7" s="9">
        <f t="shared" si="101"/>
        <v>1.019803902718557</v>
      </c>
      <c r="ILQ7" s="9">
        <f t="shared" si="101"/>
        <v>1.019803902718557</v>
      </c>
      <c r="ILR7" s="9">
        <f t="shared" si="101"/>
        <v>1.019803902718557</v>
      </c>
      <c r="ILS7" s="9">
        <f t="shared" si="101"/>
        <v>1.019803902718557</v>
      </c>
      <c r="ILT7" s="9">
        <f t="shared" si="101"/>
        <v>1.019803902718557</v>
      </c>
      <c r="ILU7" s="9">
        <f t="shared" si="101"/>
        <v>1.019803902718557</v>
      </c>
      <c r="ILV7" s="9">
        <f t="shared" si="101"/>
        <v>1.019803902718557</v>
      </c>
      <c r="ILW7" s="9">
        <f t="shared" si="101"/>
        <v>1.019803902718557</v>
      </c>
      <c r="ILX7" s="9">
        <f t="shared" si="101"/>
        <v>1.019803902718557</v>
      </c>
      <c r="ILY7" s="9">
        <f t="shared" si="101"/>
        <v>1.019803902718557</v>
      </c>
      <c r="ILZ7" s="9">
        <f t="shared" si="101"/>
        <v>1.019803902718557</v>
      </c>
      <c r="IMA7" s="9">
        <f t="shared" si="101"/>
        <v>1.019803902718557</v>
      </c>
      <c r="IMB7" s="9">
        <f t="shared" si="101"/>
        <v>1.019803902718557</v>
      </c>
      <c r="IMC7" s="9">
        <f t="shared" si="101"/>
        <v>1.019803902718557</v>
      </c>
      <c r="IMD7" s="9">
        <f t="shared" si="101"/>
        <v>1.019803902718557</v>
      </c>
      <c r="IME7" s="9">
        <f t="shared" si="101"/>
        <v>1.019803902718557</v>
      </c>
      <c r="IMF7" s="9">
        <f t="shared" si="101"/>
        <v>1.019803902718557</v>
      </c>
      <c r="IMG7" s="9">
        <f t="shared" si="101"/>
        <v>1.019803902718557</v>
      </c>
      <c r="IMH7" s="9">
        <f t="shared" si="101"/>
        <v>1.019803902718557</v>
      </c>
      <c r="IMI7" s="9">
        <f t="shared" si="101"/>
        <v>1.019803902718557</v>
      </c>
      <c r="IMJ7" s="9">
        <f t="shared" si="101"/>
        <v>1.019803902718557</v>
      </c>
      <c r="IMK7" s="9">
        <f t="shared" si="101"/>
        <v>1.019803902718557</v>
      </c>
      <c r="IML7" s="9">
        <f t="shared" si="101"/>
        <v>1.019803902718557</v>
      </c>
      <c r="IMM7" s="9">
        <f t="shared" si="101"/>
        <v>1.019803902718557</v>
      </c>
      <c r="IMN7" s="9">
        <f t="shared" si="101"/>
        <v>1.019803902718557</v>
      </c>
      <c r="IMO7" s="9">
        <f t="shared" si="101"/>
        <v>1.019803902718557</v>
      </c>
      <c r="IMP7" s="9">
        <f t="shared" si="101"/>
        <v>1.019803902718557</v>
      </c>
      <c r="IMQ7" s="9">
        <f t="shared" si="101"/>
        <v>1.019803902718557</v>
      </c>
      <c r="IMR7" s="9">
        <f t="shared" si="101"/>
        <v>1.019803902718557</v>
      </c>
      <c r="IMS7" s="9">
        <f t="shared" si="101"/>
        <v>1.019803902718557</v>
      </c>
      <c r="IMT7" s="9">
        <f t="shared" si="101"/>
        <v>1.019803902718557</v>
      </c>
      <c r="IMU7" s="9">
        <f t="shared" si="101"/>
        <v>1.019803902718557</v>
      </c>
      <c r="IMV7" s="9">
        <f t="shared" si="101"/>
        <v>1.019803902718557</v>
      </c>
      <c r="IMW7" s="9">
        <f t="shared" si="101"/>
        <v>1.019803902718557</v>
      </c>
      <c r="IMX7" s="9">
        <f t="shared" si="101"/>
        <v>1.019803902718557</v>
      </c>
      <c r="IMY7" s="9">
        <f t="shared" si="101"/>
        <v>1.019803902718557</v>
      </c>
      <c r="IMZ7" s="9">
        <f t="shared" si="101"/>
        <v>1.019803902718557</v>
      </c>
      <c r="INA7" s="9">
        <f t="shared" si="101"/>
        <v>1.019803902718557</v>
      </c>
      <c r="INB7" s="9">
        <f t="shared" si="101"/>
        <v>1.019803902718557</v>
      </c>
      <c r="INC7" s="9">
        <f t="shared" si="101"/>
        <v>1.019803902718557</v>
      </c>
      <c r="IND7" s="9">
        <f t="shared" si="101"/>
        <v>1.019803902718557</v>
      </c>
      <c r="INE7" s="9">
        <f t="shared" si="101"/>
        <v>1.019803902718557</v>
      </c>
      <c r="INF7" s="9">
        <f t="shared" si="101"/>
        <v>1.019803902718557</v>
      </c>
      <c r="ING7" s="9">
        <f t="shared" si="101"/>
        <v>1.019803902718557</v>
      </c>
      <c r="INH7" s="9">
        <f t="shared" si="101"/>
        <v>1.019803902718557</v>
      </c>
      <c r="INI7" s="9">
        <f t="shared" si="101"/>
        <v>1.019803902718557</v>
      </c>
      <c r="INJ7" s="9">
        <f t="shared" si="101"/>
        <v>1.019803902718557</v>
      </c>
      <c r="INK7" s="9">
        <f t="shared" si="101"/>
        <v>1.019803902718557</v>
      </c>
      <c r="INL7" s="9">
        <f t="shared" si="101"/>
        <v>1.019803902718557</v>
      </c>
      <c r="INM7" s="9">
        <f t="shared" si="101"/>
        <v>1.019803902718557</v>
      </c>
      <c r="INN7" s="9">
        <f t="shared" si="101"/>
        <v>1.019803902718557</v>
      </c>
      <c r="INO7" s="9">
        <f t="shared" si="101"/>
        <v>1.019803902718557</v>
      </c>
      <c r="INP7" s="9">
        <f t="shared" si="101"/>
        <v>1.019803902718557</v>
      </c>
      <c r="INQ7" s="9">
        <f t="shared" si="101"/>
        <v>1.019803902718557</v>
      </c>
      <c r="INR7" s="9">
        <f t="shared" si="101"/>
        <v>1.019803902718557</v>
      </c>
      <c r="INS7" s="9">
        <f t="shared" si="101"/>
        <v>1.019803902718557</v>
      </c>
      <c r="INT7" s="9">
        <f t="shared" si="101"/>
        <v>1.019803902718557</v>
      </c>
      <c r="INU7" s="9">
        <f t="shared" si="101"/>
        <v>1.019803902718557</v>
      </c>
      <c r="INV7" s="9">
        <f t="shared" si="101"/>
        <v>1.019803902718557</v>
      </c>
      <c r="INW7" s="9">
        <f t="shared" si="101"/>
        <v>1.019803902718557</v>
      </c>
      <c r="INX7" s="9">
        <f t="shared" si="101"/>
        <v>1.019803902718557</v>
      </c>
      <c r="INY7" s="9">
        <f t="shared" si="101"/>
        <v>1.019803902718557</v>
      </c>
      <c r="INZ7" s="9">
        <f t="shared" ref="INZ7:IQK7" si="102">1/((1+$F$6) ^(INZ3-$F$7))</f>
        <v>1.019803902718557</v>
      </c>
      <c r="IOA7" s="9">
        <f t="shared" si="102"/>
        <v>1.019803902718557</v>
      </c>
      <c r="IOB7" s="9">
        <f t="shared" si="102"/>
        <v>1.019803902718557</v>
      </c>
      <c r="IOC7" s="9">
        <f t="shared" si="102"/>
        <v>1.019803902718557</v>
      </c>
      <c r="IOD7" s="9">
        <f t="shared" si="102"/>
        <v>1.019803902718557</v>
      </c>
      <c r="IOE7" s="9">
        <f t="shared" si="102"/>
        <v>1.019803902718557</v>
      </c>
      <c r="IOF7" s="9">
        <f t="shared" si="102"/>
        <v>1.019803902718557</v>
      </c>
      <c r="IOG7" s="9">
        <f t="shared" si="102"/>
        <v>1.019803902718557</v>
      </c>
      <c r="IOH7" s="9">
        <f t="shared" si="102"/>
        <v>1.019803902718557</v>
      </c>
      <c r="IOI7" s="9">
        <f t="shared" si="102"/>
        <v>1.019803902718557</v>
      </c>
      <c r="IOJ7" s="9">
        <f t="shared" si="102"/>
        <v>1.019803902718557</v>
      </c>
      <c r="IOK7" s="9">
        <f t="shared" si="102"/>
        <v>1.019803902718557</v>
      </c>
      <c r="IOL7" s="9">
        <f t="shared" si="102"/>
        <v>1.019803902718557</v>
      </c>
      <c r="IOM7" s="9">
        <f t="shared" si="102"/>
        <v>1.019803902718557</v>
      </c>
      <c r="ION7" s="9">
        <f t="shared" si="102"/>
        <v>1.019803902718557</v>
      </c>
      <c r="IOO7" s="9">
        <f t="shared" si="102"/>
        <v>1.019803902718557</v>
      </c>
      <c r="IOP7" s="9">
        <f t="shared" si="102"/>
        <v>1.019803902718557</v>
      </c>
      <c r="IOQ7" s="9">
        <f t="shared" si="102"/>
        <v>1.019803902718557</v>
      </c>
      <c r="IOR7" s="9">
        <f t="shared" si="102"/>
        <v>1.019803902718557</v>
      </c>
      <c r="IOS7" s="9">
        <f t="shared" si="102"/>
        <v>1.019803902718557</v>
      </c>
      <c r="IOT7" s="9">
        <f t="shared" si="102"/>
        <v>1.019803902718557</v>
      </c>
      <c r="IOU7" s="9">
        <f t="shared" si="102"/>
        <v>1.019803902718557</v>
      </c>
      <c r="IOV7" s="9">
        <f t="shared" si="102"/>
        <v>1.019803902718557</v>
      </c>
      <c r="IOW7" s="9">
        <f t="shared" si="102"/>
        <v>1.019803902718557</v>
      </c>
      <c r="IOX7" s="9">
        <f t="shared" si="102"/>
        <v>1.019803902718557</v>
      </c>
      <c r="IOY7" s="9">
        <f t="shared" si="102"/>
        <v>1.019803902718557</v>
      </c>
      <c r="IOZ7" s="9">
        <f t="shared" si="102"/>
        <v>1.019803902718557</v>
      </c>
      <c r="IPA7" s="9">
        <f t="shared" si="102"/>
        <v>1.019803902718557</v>
      </c>
      <c r="IPB7" s="9">
        <f t="shared" si="102"/>
        <v>1.019803902718557</v>
      </c>
      <c r="IPC7" s="9">
        <f t="shared" si="102"/>
        <v>1.019803902718557</v>
      </c>
      <c r="IPD7" s="9">
        <f t="shared" si="102"/>
        <v>1.019803902718557</v>
      </c>
      <c r="IPE7" s="9">
        <f t="shared" si="102"/>
        <v>1.019803902718557</v>
      </c>
      <c r="IPF7" s="9">
        <f t="shared" si="102"/>
        <v>1.019803902718557</v>
      </c>
      <c r="IPG7" s="9">
        <f t="shared" si="102"/>
        <v>1.019803902718557</v>
      </c>
      <c r="IPH7" s="9">
        <f t="shared" si="102"/>
        <v>1.019803902718557</v>
      </c>
      <c r="IPI7" s="9">
        <f t="shared" si="102"/>
        <v>1.019803902718557</v>
      </c>
      <c r="IPJ7" s="9">
        <f t="shared" si="102"/>
        <v>1.019803902718557</v>
      </c>
      <c r="IPK7" s="9">
        <f t="shared" si="102"/>
        <v>1.019803902718557</v>
      </c>
      <c r="IPL7" s="9">
        <f t="shared" si="102"/>
        <v>1.019803902718557</v>
      </c>
      <c r="IPM7" s="9">
        <f t="shared" si="102"/>
        <v>1.019803902718557</v>
      </c>
      <c r="IPN7" s="9">
        <f t="shared" si="102"/>
        <v>1.019803902718557</v>
      </c>
      <c r="IPO7" s="9">
        <f t="shared" si="102"/>
        <v>1.019803902718557</v>
      </c>
      <c r="IPP7" s="9">
        <f t="shared" si="102"/>
        <v>1.019803902718557</v>
      </c>
      <c r="IPQ7" s="9">
        <f t="shared" si="102"/>
        <v>1.019803902718557</v>
      </c>
      <c r="IPR7" s="9">
        <f t="shared" si="102"/>
        <v>1.019803902718557</v>
      </c>
      <c r="IPS7" s="9">
        <f t="shared" si="102"/>
        <v>1.019803902718557</v>
      </c>
      <c r="IPT7" s="9">
        <f t="shared" si="102"/>
        <v>1.019803902718557</v>
      </c>
      <c r="IPU7" s="9">
        <f t="shared" si="102"/>
        <v>1.019803902718557</v>
      </c>
      <c r="IPV7" s="9">
        <f t="shared" si="102"/>
        <v>1.019803902718557</v>
      </c>
      <c r="IPW7" s="9">
        <f t="shared" si="102"/>
        <v>1.019803902718557</v>
      </c>
      <c r="IPX7" s="9">
        <f t="shared" si="102"/>
        <v>1.019803902718557</v>
      </c>
      <c r="IPY7" s="9">
        <f t="shared" si="102"/>
        <v>1.019803902718557</v>
      </c>
      <c r="IPZ7" s="9">
        <f t="shared" si="102"/>
        <v>1.019803902718557</v>
      </c>
      <c r="IQA7" s="9">
        <f t="shared" si="102"/>
        <v>1.019803902718557</v>
      </c>
      <c r="IQB7" s="9">
        <f t="shared" si="102"/>
        <v>1.019803902718557</v>
      </c>
      <c r="IQC7" s="9">
        <f t="shared" si="102"/>
        <v>1.019803902718557</v>
      </c>
      <c r="IQD7" s="9">
        <f t="shared" si="102"/>
        <v>1.019803902718557</v>
      </c>
      <c r="IQE7" s="9">
        <f t="shared" si="102"/>
        <v>1.019803902718557</v>
      </c>
      <c r="IQF7" s="9">
        <f t="shared" si="102"/>
        <v>1.019803902718557</v>
      </c>
      <c r="IQG7" s="9">
        <f t="shared" si="102"/>
        <v>1.019803902718557</v>
      </c>
      <c r="IQH7" s="9">
        <f t="shared" si="102"/>
        <v>1.019803902718557</v>
      </c>
      <c r="IQI7" s="9">
        <f t="shared" si="102"/>
        <v>1.019803902718557</v>
      </c>
      <c r="IQJ7" s="9">
        <f t="shared" si="102"/>
        <v>1.019803902718557</v>
      </c>
      <c r="IQK7" s="9">
        <f t="shared" si="102"/>
        <v>1.019803902718557</v>
      </c>
      <c r="IQL7" s="9">
        <f t="shared" ref="IQL7:ISW7" si="103">1/((1+$F$6) ^(IQL3-$F$7))</f>
        <v>1.019803902718557</v>
      </c>
      <c r="IQM7" s="9">
        <f t="shared" si="103"/>
        <v>1.019803902718557</v>
      </c>
      <c r="IQN7" s="9">
        <f t="shared" si="103"/>
        <v>1.019803902718557</v>
      </c>
      <c r="IQO7" s="9">
        <f t="shared" si="103"/>
        <v>1.019803902718557</v>
      </c>
      <c r="IQP7" s="9">
        <f t="shared" si="103"/>
        <v>1.019803902718557</v>
      </c>
      <c r="IQQ7" s="9">
        <f t="shared" si="103"/>
        <v>1.019803902718557</v>
      </c>
      <c r="IQR7" s="9">
        <f t="shared" si="103"/>
        <v>1.019803902718557</v>
      </c>
      <c r="IQS7" s="9">
        <f t="shared" si="103"/>
        <v>1.019803902718557</v>
      </c>
      <c r="IQT7" s="9">
        <f t="shared" si="103"/>
        <v>1.019803902718557</v>
      </c>
      <c r="IQU7" s="9">
        <f t="shared" si="103"/>
        <v>1.019803902718557</v>
      </c>
      <c r="IQV7" s="9">
        <f t="shared" si="103"/>
        <v>1.019803902718557</v>
      </c>
      <c r="IQW7" s="9">
        <f t="shared" si="103"/>
        <v>1.019803902718557</v>
      </c>
      <c r="IQX7" s="9">
        <f t="shared" si="103"/>
        <v>1.019803902718557</v>
      </c>
      <c r="IQY7" s="9">
        <f t="shared" si="103"/>
        <v>1.019803902718557</v>
      </c>
      <c r="IQZ7" s="9">
        <f t="shared" si="103"/>
        <v>1.019803902718557</v>
      </c>
      <c r="IRA7" s="9">
        <f t="shared" si="103"/>
        <v>1.019803902718557</v>
      </c>
      <c r="IRB7" s="9">
        <f t="shared" si="103"/>
        <v>1.019803902718557</v>
      </c>
      <c r="IRC7" s="9">
        <f t="shared" si="103"/>
        <v>1.019803902718557</v>
      </c>
      <c r="IRD7" s="9">
        <f t="shared" si="103"/>
        <v>1.019803902718557</v>
      </c>
      <c r="IRE7" s="9">
        <f t="shared" si="103"/>
        <v>1.019803902718557</v>
      </c>
      <c r="IRF7" s="9">
        <f t="shared" si="103"/>
        <v>1.019803902718557</v>
      </c>
      <c r="IRG7" s="9">
        <f t="shared" si="103"/>
        <v>1.019803902718557</v>
      </c>
      <c r="IRH7" s="9">
        <f t="shared" si="103"/>
        <v>1.019803902718557</v>
      </c>
      <c r="IRI7" s="9">
        <f t="shared" si="103"/>
        <v>1.019803902718557</v>
      </c>
      <c r="IRJ7" s="9">
        <f t="shared" si="103"/>
        <v>1.019803902718557</v>
      </c>
      <c r="IRK7" s="9">
        <f t="shared" si="103"/>
        <v>1.019803902718557</v>
      </c>
      <c r="IRL7" s="9">
        <f t="shared" si="103"/>
        <v>1.019803902718557</v>
      </c>
      <c r="IRM7" s="9">
        <f t="shared" si="103"/>
        <v>1.019803902718557</v>
      </c>
      <c r="IRN7" s="9">
        <f t="shared" si="103"/>
        <v>1.019803902718557</v>
      </c>
      <c r="IRO7" s="9">
        <f t="shared" si="103"/>
        <v>1.019803902718557</v>
      </c>
      <c r="IRP7" s="9">
        <f t="shared" si="103"/>
        <v>1.019803902718557</v>
      </c>
      <c r="IRQ7" s="9">
        <f t="shared" si="103"/>
        <v>1.019803902718557</v>
      </c>
      <c r="IRR7" s="9">
        <f t="shared" si="103"/>
        <v>1.019803902718557</v>
      </c>
      <c r="IRS7" s="9">
        <f t="shared" si="103"/>
        <v>1.019803902718557</v>
      </c>
      <c r="IRT7" s="9">
        <f t="shared" si="103"/>
        <v>1.019803902718557</v>
      </c>
      <c r="IRU7" s="9">
        <f t="shared" si="103"/>
        <v>1.019803902718557</v>
      </c>
      <c r="IRV7" s="9">
        <f t="shared" si="103"/>
        <v>1.019803902718557</v>
      </c>
      <c r="IRW7" s="9">
        <f t="shared" si="103"/>
        <v>1.019803902718557</v>
      </c>
      <c r="IRX7" s="9">
        <f t="shared" si="103"/>
        <v>1.019803902718557</v>
      </c>
      <c r="IRY7" s="9">
        <f t="shared" si="103"/>
        <v>1.019803902718557</v>
      </c>
      <c r="IRZ7" s="9">
        <f t="shared" si="103"/>
        <v>1.019803902718557</v>
      </c>
      <c r="ISA7" s="9">
        <f t="shared" si="103"/>
        <v>1.019803902718557</v>
      </c>
      <c r="ISB7" s="9">
        <f t="shared" si="103"/>
        <v>1.019803902718557</v>
      </c>
      <c r="ISC7" s="9">
        <f t="shared" si="103"/>
        <v>1.019803902718557</v>
      </c>
      <c r="ISD7" s="9">
        <f t="shared" si="103"/>
        <v>1.019803902718557</v>
      </c>
      <c r="ISE7" s="9">
        <f t="shared" si="103"/>
        <v>1.019803902718557</v>
      </c>
      <c r="ISF7" s="9">
        <f t="shared" si="103"/>
        <v>1.019803902718557</v>
      </c>
      <c r="ISG7" s="9">
        <f t="shared" si="103"/>
        <v>1.019803902718557</v>
      </c>
      <c r="ISH7" s="9">
        <f t="shared" si="103"/>
        <v>1.019803902718557</v>
      </c>
      <c r="ISI7" s="9">
        <f t="shared" si="103"/>
        <v>1.019803902718557</v>
      </c>
      <c r="ISJ7" s="9">
        <f t="shared" si="103"/>
        <v>1.019803902718557</v>
      </c>
      <c r="ISK7" s="9">
        <f t="shared" si="103"/>
        <v>1.019803902718557</v>
      </c>
      <c r="ISL7" s="9">
        <f t="shared" si="103"/>
        <v>1.019803902718557</v>
      </c>
      <c r="ISM7" s="9">
        <f t="shared" si="103"/>
        <v>1.019803902718557</v>
      </c>
      <c r="ISN7" s="9">
        <f t="shared" si="103"/>
        <v>1.019803902718557</v>
      </c>
      <c r="ISO7" s="9">
        <f t="shared" si="103"/>
        <v>1.019803902718557</v>
      </c>
      <c r="ISP7" s="9">
        <f t="shared" si="103"/>
        <v>1.019803902718557</v>
      </c>
      <c r="ISQ7" s="9">
        <f t="shared" si="103"/>
        <v>1.019803902718557</v>
      </c>
      <c r="ISR7" s="9">
        <f t="shared" si="103"/>
        <v>1.019803902718557</v>
      </c>
      <c r="ISS7" s="9">
        <f t="shared" si="103"/>
        <v>1.019803902718557</v>
      </c>
      <c r="IST7" s="9">
        <f t="shared" si="103"/>
        <v>1.019803902718557</v>
      </c>
      <c r="ISU7" s="9">
        <f t="shared" si="103"/>
        <v>1.019803902718557</v>
      </c>
      <c r="ISV7" s="9">
        <f t="shared" si="103"/>
        <v>1.019803902718557</v>
      </c>
      <c r="ISW7" s="9">
        <f t="shared" si="103"/>
        <v>1.019803902718557</v>
      </c>
      <c r="ISX7" s="9">
        <f t="shared" ref="ISX7:IVI7" si="104">1/((1+$F$6) ^(ISX3-$F$7))</f>
        <v>1.019803902718557</v>
      </c>
      <c r="ISY7" s="9">
        <f t="shared" si="104"/>
        <v>1.019803902718557</v>
      </c>
      <c r="ISZ7" s="9">
        <f t="shared" si="104"/>
        <v>1.019803902718557</v>
      </c>
      <c r="ITA7" s="9">
        <f t="shared" si="104"/>
        <v>1.019803902718557</v>
      </c>
      <c r="ITB7" s="9">
        <f t="shared" si="104"/>
        <v>1.019803902718557</v>
      </c>
      <c r="ITC7" s="9">
        <f t="shared" si="104"/>
        <v>1.019803902718557</v>
      </c>
      <c r="ITD7" s="9">
        <f t="shared" si="104"/>
        <v>1.019803902718557</v>
      </c>
      <c r="ITE7" s="9">
        <f t="shared" si="104"/>
        <v>1.019803902718557</v>
      </c>
      <c r="ITF7" s="9">
        <f t="shared" si="104"/>
        <v>1.019803902718557</v>
      </c>
      <c r="ITG7" s="9">
        <f t="shared" si="104"/>
        <v>1.019803902718557</v>
      </c>
      <c r="ITH7" s="9">
        <f t="shared" si="104"/>
        <v>1.019803902718557</v>
      </c>
      <c r="ITI7" s="9">
        <f t="shared" si="104"/>
        <v>1.019803902718557</v>
      </c>
      <c r="ITJ7" s="9">
        <f t="shared" si="104"/>
        <v>1.019803902718557</v>
      </c>
      <c r="ITK7" s="9">
        <f t="shared" si="104"/>
        <v>1.019803902718557</v>
      </c>
      <c r="ITL7" s="9">
        <f t="shared" si="104"/>
        <v>1.019803902718557</v>
      </c>
      <c r="ITM7" s="9">
        <f t="shared" si="104"/>
        <v>1.019803902718557</v>
      </c>
      <c r="ITN7" s="9">
        <f t="shared" si="104"/>
        <v>1.019803902718557</v>
      </c>
      <c r="ITO7" s="9">
        <f t="shared" si="104"/>
        <v>1.019803902718557</v>
      </c>
      <c r="ITP7" s="9">
        <f t="shared" si="104"/>
        <v>1.019803902718557</v>
      </c>
      <c r="ITQ7" s="9">
        <f t="shared" si="104"/>
        <v>1.019803902718557</v>
      </c>
      <c r="ITR7" s="9">
        <f t="shared" si="104"/>
        <v>1.019803902718557</v>
      </c>
      <c r="ITS7" s="9">
        <f t="shared" si="104"/>
        <v>1.019803902718557</v>
      </c>
      <c r="ITT7" s="9">
        <f t="shared" si="104"/>
        <v>1.019803902718557</v>
      </c>
      <c r="ITU7" s="9">
        <f t="shared" si="104"/>
        <v>1.019803902718557</v>
      </c>
      <c r="ITV7" s="9">
        <f t="shared" si="104"/>
        <v>1.019803902718557</v>
      </c>
      <c r="ITW7" s="9">
        <f t="shared" si="104"/>
        <v>1.019803902718557</v>
      </c>
      <c r="ITX7" s="9">
        <f t="shared" si="104"/>
        <v>1.019803902718557</v>
      </c>
      <c r="ITY7" s="9">
        <f t="shared" si="104"/>
        <v>1.019803902718557</v>
      </c>
      <c r="ITZ7" s="9">
        <f t="shared" si="104"/>
        <v>1.019803902718557</v>
      </c>
      <c r="IUA7" s="9">
        <f t="shared" si="104"/>
        <v>1.019803902718557</v>
      </c>
      <c r="IUB7" s="9">
        <f t="shared" si="104"/>
        <v>1.019803902718557</v>
      </c>
      <c r="IUC7" s="9">
        <f t="shared" si="104"/>
        <v>1.019803902718557</v>
      </c>
      <c r="IUD7" s="9">
        <f t="shared" si="104"/>
        <v>1.019803902718557</v>
      </c>
      <c r="IUE7" s="9">
        <f t="shared" si="104"/>
        <v>1.019803902718557</v>
      </c>
      <c r="IUF7" s="9">
        <f t="shared" si="104"/>
        <v>1.019803902718557</v>
      </c>
      <c r="IUG7" s="9">
        <f t="shared" si="104"/>
        <v>1.019803902718557</v>
      </c>
      <c r="IUH7" s="9">
        <f t="shared" si="104"/>
        <v>1.019803902718557</v>
      </c>
      <c r="IUI7" s="9">
        <f t="shared" si="104"/>
        <v>1.019803902718557</v>
      </c>
      <c r="IUJ7" s="9">
        <f t="shared" si="104"/>
        <v>1.019803902718557</v>
      </c>
      <c r="IUK7" s="9">
        <f t="shared" si="104"/>
        <v>1.019803902718557</v>
      </c>
      <c r="IUL7" s="9">
        <f t="shared" si="104"/>
        <v>1.019803902718557</v>
      </c>
      <c r="IUM7" s="9">
        <f t="shared" si="104"/>
        <v>1.019803902718557</v>
      </c>
      <c r="IUN7" s="9">
        <f t="shared" si="104"/>
        <v>1.019803902718557</v>
      </c>
      <c r="IUO7" s="9">
        <f t="shared" si="104"/>
        <v>1.019803902718557</v>
      </c>
      <c r="IUP7" s="9">
        <f t="shared" si="104"/>
        <v>1.019803902718557</v>
      </c>
      <c r="IUQ7" s="9">
        <f t="shared" si="104"/>
        <v>1.019803902718557</v>
      </c>
      <c r="IUR7" s="9">
        <f t="shared" si="104"/>
        <v>1.019803902718557</v>
      </c>
      <c r="IUS7" s="9">
        <f t="shared" si="104"/>
        <v>1.019803902718557</v>
      </c>
      <c r="IUT7" s="9">
        <f t="shared" si="104"/>
        <v>1.019803902718557</v>
      </c>
      <c r="IUU7" s="9">
        <f t="shared" si="104"/>
        <v>1.019803902718557</v>
      </c>
      <c r="IUV7" s="9">
        <f t="shared" si="104"/>
        <v>1.019803902718557</v>
      </c>
      <c r="IUW7" s="9">
        <f t="shared" si="104"/>
        <v>1.019803902718557</v>
      </c>
      <c r="IUX7" s="9">
        <f t="shared" si="104"/>
        <v>1.019803902718557</v>
      </c>
      <c r="IUY7" s="9">
        <f t="shared" si="104"/>
        <v>1.019803902718557</v>
      </c>
      <c r="IUZ7" s="9">
        <f t="shared" si="104"/>
        <v>1.019803902718557</v>
      </c>
      <c r="IVA7" s="9">
        <f t="shared" si="104"/>
        <v>1.019803902718557</v>
      </c>
      <c r="IVB7" s="9">
        <f t="shared" si="104"/>
        <v>1.019803902718557</v>
      </c>
      <c r="IVC7" s="9">
        <f t="shared" si="104"/>
        <v>1.019803902718557</v>
      </c>
      <c r="IVD7" s="9">
        <f t="shared" si="104"/>
        <v>1.019803902718557</v>
      </c>
      <c r="IVE7" s="9">
        <f t="shared" si="104"/>
        <v>1.019803902718557</v>
      </c>
      <c r="IVF7" s="9">
        <f t="shared" si="104"/>
        <v>1.019803902718557</v>
      </c>
      <c r="IVG7" s="9">
        <f t="shared" si="104"/>
        <v>1.019803902718557</v>
      </c>
      <c r="IVH7" s="9">
        <f t="shared" si="104"/>
        <v>1.019803902718557</v>
      </c>
      <c r="IVI7" s="9">
        <f t="shared" si="104"/>
        <v>1.019803902718557</v>
      </c>
      <c r="IVJ7" s="9">
        <f t="shared" ref="IVJ7:IXU7" si="105">1/((1+$F$6) ^(IVJ3-$F$7))</f>
        <v>1.019803902718557</v>
      </c>
      <c r="IVK7" s="9">
        <f t="shared" si="105"/>
        <v>1.019803902718557</v>
      </c>
      <c r="IVL7" s="9">
        <f t="shared" si="105"/>
        <v>1.019803902718557</v>
      </c>
      <c r="IVM7" s="9">
        <f t="shared" si="105"/>
        <v>1.019803902718557</v>
      </c>
      <c r="IVN7" s="9">
        <f t="shared" si="105"/>
        <v>1.019803902718557</v>
      </c>
      <c r="IVO7" s="9">
        <f t="shared" si="105"/>
        <v>1.019803902718557</v>
      </c>
      <c r="IVP7" s="9">
        <f t="shared" si="105"/>
        <v>1.019803902718557</v>
      </c>
      <c r="IVQ7" s="9">
        <f t="shared" si="105"/>
        <v>1.019803902718557</v>
      </c>
      <c r="IVR7" s="9">
        <f t="shared" si="105"/>
        <v>1.019803902718557</v>
      </c>
      <c r="IVS7" s="9">
        <f t="shared" si="105"/>
        <v>1.019803902718557</v>
      </c>
      <c r="IVT7" s="9">
        <f t="shared" si="105"/>
        <v>1.019803902718557</v>
      </c>
      <c r="IVU7" s="9">
        <f t="shared" si="105"/>
        <v>1.019803902718557</v>
      </c>
      <c r="IVV7" s="9">
        <f t="shared" si="105"/>
        <v>1.019803902718557</v>
      </c>
      <c r="IVW7" s="9">
        <f t="shared" si="105"/>
        <v>1.019803902718557</v>
      </c>
      <c r="IVX7" s="9">
        <f t="shared" si="105"/>
        <v>1.019803902718557</v>
      </c>
      <c r="IVY7" s="9">
        <f t="shared" si="105"/>
        <v>1.019803902718557</v>
      </c>
      <c r="IVZ7" s="9">
        <f t="shared" si="105"/>
        <v>1.019803902718557</v>
      </c>
      <c r="IWA7" s="9">
        <f t="shared" si="105"/>
        <v>1.019803902718557</v>
      </c>
      <c r="IWB7" s="9">
        <f t="shared" si="105"/>
        <v>1.019803902718557</v>
      </c>
      <c r="IWC7" s="9">
        <f t="shared" si="105"/>
        <v>1.019803902718557</v>
      </c>
      <c r="IWD7" s="9">
        <f t="shared" si="105"/>
        <v>1.019803902718557</v>
      </c>
      <c r="IWE7" s="9">
        <f t="shared" si="105"/>
        <v>1.019803902718557</v>
      </c>
      <c r="IWF7" s="9">
        <f t="shared" si="105"/>
        <v>1.019803902718557</v>
      </c>
      <c r="IWG7" s="9">
        <f t="shared" si="105"/>
        <v>1.019803902718557</v>
      </c>
      <c r="IWH7" s="9">
        <f t="shared" si="105"/>
        <v>1.019803902718557</v>
      </c>
      <c r="IWI7" s="9">
        <f t="shared" si="105"/>
        <v>1.019803902718557</v>
      </c>
      <c r="IWJ7" s="9">
        <f t="shared" si="105"/>
        <v>1.019803902718557</v>
      </c>
      <c r="IWK7" s="9">
        <f t="shared" si="105"/>
        <v>1.019803902718557</v>
      </c>
      <c r="IWL7" s="9">
        <f t="shared" si="105"/>
        <v>1.019803902718557</v>
      </c>
      <c r="IWM7" s="9">
        <f t="shared" si="105"/>
        <v>1.019803902718557</v>
      </c>
      <c r="IWN7" s="9">
        <f t="shared" si="105"/>
        <v>1.019803902718557</v>
      </c>
      <c r="IWO7" s="9">
        <f t="shared" si="105"/>
        <v>1.019803902718557</v>
      </c>
      <c r="IWP7" s="9">
        <f t="shared" si="105"/>
        <v>1.019803902718557</v>
      </c>
      <c r="IWQ7" s="9">
        <f t="shared" si="105"/>
        <v>1.019803902718557</v>
      </c>
      <c r="IWR7" s="9">
        <f t="shared" si="105"/>
        <v>1.019803902718557</v>
      </c>
      <c r="IWS7" s="9">
        <f t="shared" si="105"/>
        <v>1.019803902718557</v>
      </c>
      <c r="IWT7" s="9">
        <f t="shared" si="105"/>
        <v>1.019803902718557</v>
      </c>
      <c r="IWU7" s="9">
        <f t="shared" si="105"/>
        <v>1.019803902718557</v>
      </c>
      <c r="IWV7" s="9">
        <f t="shared" si="105"/>
        <v>1.019803902718557</v>
      </c>
      <c r="IWW7" s="9">
        <f t="shared" si="105"/>
        <v>1.019803902718557</v>
      </c>
      <c r="IWX7" s="9">
        <f t="shared" si="105"/>
        <v>1.019803902718557</v>
      </c>
      <c r="IWY7" s="9">
        <f t="shared" si="105"/>
        <v>1.019803902718557</v>
      </c>
      <c r="IWZ7" s="9">
        <f t="shared" si="105"/>
        <v>1.019803902718557</v>
      </c>
      <c r="IXA7" s="9">
        <f t="shared" si="105"/>
        <v>1.019803902718557</v>
      </c>
      <c r="IXB7" s="9">
        <f t="shared" si="105"/>
        <v>1.019803902718557</v>
      </c>
      <c r="IXC7" s="9">
        <f t="shared" si="105"/>
        <v>1.019803902718557</v>
      </c>
      <c r="IXD7" s="9">
        <f t="shared" si="105"/>
        <v>1.019803902718557</v>
      </c>
      <c r="IXE7" s="9">
        <f t="shared" si="105"/>
        <v>1.019803902718557</v>
      </c>
      <c r="IXF7" s="9">
        <f t="shared" si="105"/>
        <v>1.019803902718557</v>
      </c>
      <c r="IXG7" s="9">
        <f t="shared" si="105"/>
        <v>1.019803902718557</v>
      </c>
      <c r="IXH7" s="9">
        <f t="shared" si="105"/>
        <v>1.019803902718557</v>
      </c>
      <c r="IXI7" s="9">
        <f t="shared" si="105"/>
        <v>1.019803902718557</v>
      </c>
      <c r="IXJ7" s="9">
        <f t="shared" si="105"/>
        <v>1.019803902718557</v>
      </c>
      <c r="IXK7" s="9">
        <f t="shared" si="105"/>
        <v>1.019803902718557</v>
      </c>
      <c r="IXL7" s="9">
        <f t="shared" si="105"/>
        <v>1.019803902718557</v>
      </c>
      <c r="IXM7" s="9">
        <f t="shared" si="105"/>
        <v>1.019803902718557</v>
      </c>
      <c r="IXN7" s="9">
        <f t="shared" si="105"/>
        <v>1.019803902718557</v>
      </c>
      <c r="IXO7" s="9">
        <f t="shared" si="105"/>
        <v>1.019803902718557</v>
      </c>
      <c r="IXP7" s="9">
        <f t="shared" si="105"/>
        <v>1.019803902718557</v>
      </c>
      <c r="IXQ7" s="9">
        <f t="shared" si="105"/>
        <v>1.019803902718557</v>
      </c>
      <c r="IXR7" s="9">
        <f t="shared" si="105"/>
        <v>1.019803902718557</v>
      </c>
      <c r="IXS7" s="9">
        <f t="shared" si="105"/>
        <v>1.019803902718557</v>
      </c>
      <c r="IXT7" s="9">
        <f t="shared" si="105"/>
        <v>1.019803902718557</v>
      </c>
      <c r="IXU7" s="9">
        <f t="shared" si="105"/>
        <v>1.019803902718557</v>
      </c>
      <c r="IXV7" s="9">
        <f t="shared" ref="IXV7:JAG7" si="106">1/((1+$F$6) ^(IXV3-$F$7))</f>
        <v>1.019803902718557</v>
      </c>
      <c r="IXW7" s="9">
        <f t="shared" si="106"/>
        <v>1.019803902718557</v>
      </c>
      <c r="IXX7" s="9">
        <f t="shared" si="106"/>
        <v>1.019803902718557</v>
      </c>
      <c r="IXY7" s="9">
        <f t="shared" si="106"/>
        <v>1.019803902718557</v>
      </c>
      <c r="IXZ7" s="9">
        <f t="shared" si="106"/>
        <v>1.019803902718557</v>
      </c>
      <c r="IYA7" s="9">
        <f t="shared" si="106"/>
        <v>1.019803902718557</v>
      </c>
      <c r="IYB7" s="9">
        <f t="shared" si="106"/>
        <v>1.019803902718557</v>
      </c>
      <c r="IYC7" s="9">
        <f t="shared" si="106"/>
        <v>1.019803902718557</v>
      </c>
      <c r="IYD7" s="9">
        <f t="shared" si="106"/>
        <v>1.019803902718557</v>
      </c>
      <c r="IYE7" s="9">
        <f t="shared" si="106"/>
        <v>1.019803902718557</v>
      </c>
      <c r="IYF7" s="9">
        <f t="shared" si="106"/>
        <v>1.019803902718557</v>
      </c>
      <c r="IYG7" s="9">
        <f t="shared" si="106"/>
        <v>1.019803902718557</v>
      </c>
      <c r="IYH7" s="9">
        <f t="shared" si="106"/>
        <v>1.019803902718557</v>
      </c>
      <c r="IYI7" s="9">
        <f t="shared" si="106"/>
        <v>1.019803902718557</v>
      </c>
      <c r="IYJ7" s="9">
        <f t="shared" si="106"/>
        <v>1.019803902718557</v>
      </c>
      <c r="IYK7" s="9">
        <f t="shared" si="106"/>
        <v>1.019803902718557</v>
      </c>
      <c r="IYL7" s="9">
        <f t="shared" si="106"/>
        <v>1.019803902718557</v>
      </c>
      <c r="IYM7" s="9">
        <f t="shared" si="106"/>
        <v>1.019803902718557</v>
      </c>
      <c r="IYN7" s="9">
        <f t="shared" si="106"/>
        <v>1.019803902718557</v>
      </c>
      <c r="IYO7" s="9">
        <f t="shared" si="106"/>
        <v>1.019803902718557</v>
      </c>
      <c r="IYP7" s="9">
        <f t="shared" si="106"/>
        <v>1.019803902718557</v>
      </c>
      <c r="IYQ7" s="9">
        <f t="shared" si="106"/>
        <v>1.019803902718557</v>
      </c>
      <c r="IYR7" s="9">
        <f t="shared" si="106"/>
        <v>1.019803902718557</v>
      </c>
      <c r="IYS7" s="9">
        <f t="shared" si="106"/>
        <v>1.019803902718557</v>
      </c>
      <c r="IYT7" s="9">
        <f t="shared" si="106"/>
        <v>1.019803902718557</v>
      </c>
      <c r="IYU7" s="9">
        <f t="shared" si="106"/>
        <v>1.019803902718557</v>
      </c>
      <c r="IYV7" s="9">
        <f t="shared" si="106"/>
        <v>1.019803902718557</v>
      </c>
      <c r="IYW7" s="9">
        <f t="shared" si="106"/>
        <v>1.019803902718557</v>
      </c>
      <c r="IYX7" s="9">
        <f t="shared" si="106"/>
        <v>1.019803902718557</v>
      </c>
      <c r="IYY7" s="9">
        <f t="shared" si="106"/>
        <v>1.019803902718557</v>
      </c>
      <c r="IYZ7" s="9">
        <f t="shared" si="106"/>
        <v>1.019803902718557</v>
      </c>
      <c r="IZA7" s="9">
        <f t="shared" si="106"/>
        <v>1.019803902718557</v>
      </c>
      <c r="IZB7" s="9">
        <f t="shared" si="106"/>
        <v>1.019803902718557</v>
      </c>
      <c r="IZC7" s="9">
        <f t="shared" si="106"/>
        <v>1.019803902718557</v>
      </c>
      <c r="IZD7" s="9">
        <f t="shared" si="106"/>
        <v>1.019803902718557</v>
      </c>
      <c r="IZE7" s="9">
        <f t="shared" si="106"/>
        <v>1.019803902718557</v>
      </c>
      <c r="IZF7" s="9">
        <f t="shared" si="106"/>
        <v>1.019803902718557</v>
      </c>
      <c r="IZG7" s="9">
        <f t="shared" si="106"/>
        <v>1.019803902718557</v>
      </c>
      <c r="IZH7" s="9">
        <f t="shared" si="106"/>
        <v>1.019803902718557</v>
      </c>
      <c r="IZI7" s="9">
        <f t="shared" si="106"/>
        <v>1.019803902718557</v>
      </c>
      <c r="IZJ7" s="9">
        <f t="shared" si="106"/>
        <v>1.019803902718557</v>
      </c>
      <c r="IZK7" s="9">
        <f t="shared" si="106"/>
        <v>1.019803902718557</v>
      </c>
      <c r="IZL7" s="9">
        <f t="shared" si="106"/>
        <v>1.019803902718557</v>
      </c>
      <c r="IZM7" s="9">
        <f t="shared" si="106"/>
        <v>1.019803902718557</v>
      </c>
      <c r="IZN7" s="9">
        <f t="shared" si="106"/>
        <v>1.019803902718557</v>
      </c>
      <c r="IZO7" s="9">
        <f t="shared" si="106"/>
        <v>1.019803902718557</v>
      </c>
      <c r="IZP7" s="9">
        <f t="shared" si="106"/>
        <v>1.019803902718557</v>
      </c>
      <c r="IZQ7" s="9">
        <f t="shared" si="106"/>
        <v>1.019803902718557</v>
      </c>
      <c r="IZR7" s="9">
        <f t="shared" si="106"/>
        <v>1.019803902718557</v>
      </c>
      <c r="IZS7" s="9">
        <f t="shared" si="106"/>
        <v>1.019803902718557</v>
      </c>
      <c r="IZT7" s="9">
        <f t="shared" si="106"/>
        <v>1.019803902718557</v>
      </c>
      <c r="IZU7" s="9">
        <f t="shared" si="106"/>
        <v>1.019803902718557</v>
      </c>
      <c r="IZV7" s="9">
        <f t="shared" si="106"/>
        <v>1.019803902718557</v>
      </c>
      <c r="IZW7" s="9">
        <f t="shared" si="106"/>
        <v>1.019803902718557</v>
      </c>
      <c r="IZX7" s="9">
        <f t="shared" si="106"/>
        <v>1.019803902718557</v>
      </c>
      <c r="IZY7" s="9">
        <f t="shared" si="106"/>
        <v>1.019803902718557</v>
      </c>
      <c r="IZZ7" s="9">
        <f t="shared" si="106"/>
        <v>1.019803902718557</v>
      </c>
      <c r="JAA7" s="9">
        <f t="shared" si="106"/>
        <v>1.019803902718557</v>
      </c>
      <c r="JAB7" s="9">
        <f t="shared" si="106"/>
        <v>1.019803902718557</v>
      </c>
      <c r="JAC7" s="9">
        <f t="shared" si="106"/>
        <v>1.019803902718557</v>
      </c>
      <c r="JAD7" s="9">
        <f t="shared" si="106"/>
        <v>1.019803902718557</v>
      </c>
      <c r="JAE7" s="9">
        <f t="shared" si="106"/>
        <v>1.019803902718557</v>
      </c>
      <c r="JAF7" s="9">
        <f t="shared" si="106"/>
        <v>1.019803902718557</v>
      </c>
      <c r="JAG7" s="9">
        <f t="shared" si="106"/>
        <v>1.019803902718557</v>
      </c>
      <c r="JAH7" s="9">
        <f t="shared" ref="JAH7:JCS7" si="107">1/((1+$F$6) ^(JAH3-$F$7))</f>
        <v>1.019803902718557</v>
      </c>
      <c r="JAI7" s="9">
        <f t="shared" si="107"/>
        <v>1.019803902718557</v>
      </c>
      <c r="JAJ7" s="9">
        <f t="shared" si="107"/>
        <v>1.019803902718557</v>
      </c>
      <c r="JAK7" s="9">
        <f t="shared" si="107"/>
        <v>1.019803902718557</v>
      </c>
      <c r="JAL7" s="9">
        <f t="shared" si="107"/>
        <v>1.019803902718557</v>
      </c>
      <c r="JAM7" s="9">
        <f t="shared" si="107"/>
        <v>1.019803902718557</v>
      </c>
      <c r="JAN7" s="9">
        <f t="shared" si="107"/>
        <v>1.019803902718557</v>
      </c>
      <c r="JAO7" s="9">
        <f t="shared" si="107"/>
        <v>1.019803902718557</v>
      </c>
      <c r="JAP7" s="9">
        <f t="shared" si="107"/>
        <v>1.019803902718557</v>
      </c>
      <c r="JAQ7" s="9">
        <f t="shared" si="107"/>
        <v>1.019803902718557</v>
      </c>
      <c r="JAR7" s="9">
        <f t="shared" si="107"/>
        <v>1.019803902718557</v>
      </c>
      <c r="JAS7" s="9">
        <f t="shared" si="107"/>
        <v>1.019803902718557</v>
      </c>
      <c r="JAT7" s="9">
        <f t="shared" si="107"/>
        <v>1.019803902718557</v>
      </c>
      <c r="JAU7" s="9">
        <f t="shared" si="107"/>
        <v>1.019803902718557</v>
      </c>
      <c r="JAV7" s="9">
        <f t="shared" si="107"/>
        <v>1.019803902718557</v>
      </c>
      <c r="JAW7" s="9">
        <f t="shared" si="107"/>
        <v>1.019803902718557</v>
      </c>
      <c r="JAX7" s="9">
        <f t="shared" si="107"/>
        <v>1.019803902718557</v>
      </c>
      <c r="JAY7" s="9">
        <f t="shared" si="107"/>
        <v>1.019803902718557</v>
      </c>
      <c r="JAZ7" s="9">
        <f t="shared" si="107"/>
        <v>1.019803902718557</v>
      </c>
      <c r="JBA7" s="9">
        <f t="shared" si="107"/>
        <v>1.019803902718557</v>
      </c>
      <c r="JBB7" s="9">
        <f t="shared" si="107"/>
        <v>1.019803902718557</v>
      </c>
      <c r="JBC7" s="9">
        <f t="shared" si="107"/>
        <v>1.019803902718557</v>
      </c>
      <c r="JBD7" s="9">
        <f t="shared" si="107"/>
        <v>1.019803902718557</v>
      </c>
      <c r="JBE7" s="9">
        <f t="shared" si="107"/>
        <v>1.019803902718557</v>
      </c>
      <c r="JBF7" s="9">
        <f t="shared" si="107"/>
        <v>1.019803902718557</v>
      </c>
      <c r="JBG7" s="9">
        <f t="shared" si="107"/>
        <v>1.019803902718557</v>
      </c>
      <c r="JBH7" s="9">
        <f t="shared" si="107"/>
        <v>1.019803902718557</v>
      </c>
      <c r="JBI7" s="9">
        <f t="shared" si="107"/>
        <v>1.019803902718557</v>
      </c>
      <c r="JBJ7" s="9">
        <f t="shared" si="107"/>
        <v>1.019803902718557</v>
      </c>
      <c r="JBK7" s="9">
        <f t="shared" si="107"/>
        <v>1.019803902718557</v>
      </c>
      <c r="JBL7" s="9">
        <f t="shared" si="107"/>
        <v>1.019803902718557</v>
      </c>
      <c r="JBM7" s="9">
        <f t="shared" si="107"/>
        <v>1.019803902718557</v>
      </c>
      <c r="JBN7" s="9">
        <f t="shared" si="107"/>
        <v>1.019803902718557</v>
      </c>
      <c r="JBO7" s="9">
        <f t="shared" si="107"/>
        <v>1.019803902718557</v>
      </c>
      <c r="JBP7" s="9">
        <f t="shared" si="107"/>
        <v>1.019803902718557</v>
      </c>
      <c r="JBQ7" s="9">
        <f t="shared" si="107"/>
        <v>1.019803902718557</v>
      </c>
      <c r="JBR7" s="9">
        <f t="shared" si="107"/>
        <v>1.019803902718557</v>
      </c>
      <c r="JBS7" s="9">
        <f t="shared" si="107"/>
        <v>1.019803902718557</v>
      </c>
      <c r="JBT7" s="9">
        <f t="shared" si="107"/>
        <v>1.019803902718557</v>
      </c>
      <c r="JBU7" s="9">
        <f t="shared" si="107"/>
        <v>1.019803902718557</v>
      </c>
      <c r="JBV7" s="9">
        <f t="shared" si="107"/>
        <v>1.019803902718557</v>
      </c>
      <c r="JBW7" s="9">
        <f t="shared" si="107"/>
        <v>1.019803902718557</v>
      </c>
      <c r="JBX7" s="9">
        <f t="shared" si="107"/>
        <v>1.019803902718557</v>
      </c>
      <c r="JBY7" s="9">
        <f t="shared" si="107"/>
        <v>1.019803902718557</v>
      </c>
      <c r="JBZ7" s="9">
        <f t="shared" si="107"/>
        <v>1.019803902718557</v>
      </c>
      <c r="JCA7" s="9">
        <f t="shared" si="107"/>
        <v>1.019803902718557</v>
      </c>
      <c r="JCB7" s="9">
        <f t="shared" si="107"/>
        <v>1.019803902718557</v>
      </c>
      <c r="JCC7" s="9">
        <f t="shared" si="107"/>
        <v>1.019803902718557</v>
      </c>
      <c r="JCD7" s="9">
        <f t="shared" si="107"/>
        <v>1.019803902718557</v>
      </c>
      <c r="JCE7" s="9">
        <f t="shared" si="107"/>
        <v>1.019803902718557</v>
      </c>
      <c r="JCF7" s="9">
        <f t="shared" si="107"/>
        <v>1.019803902718557</v>
      </c>
      <c r="JCG7" s="9">
        <f t="shared" si="107"/>
        <v>1.019803902718557</v>
      </c>
      <c r="JCH7" s="9">
        <f t="shared" si="107"/>
        <v>1.019803902718557</v>
      </c>
      <c r="JCI7" s="9">
        <f t="shared" si="107"/>
        <v>1.019803902718557</v>
      </c>
      <c r="JCJ7" s="9">
        <f t="shared" si="107"/>
        <v>1.019803902718557</v>
      </c>
      <c r="JCK7" s="9">
        <f t="shared" si="107"/>
        <v>1.019803902718557</v>
      </c>
      <c r="JCL7" s="9">
        <f t="shared" si="107"/>
        <v>1.019803902718557</v>
      </c>
      <c r="JCM7" s="9">
        <f t="shared" si="107"/>
        <v>1.019803902718557</v>
      </c>
      <c r="JCN7" s="9">
        <f t="shared" si="107"/>
        <v>1.019803902718557</v>
      </c>
      <c r="JCO7" s="9">
        <f t="shared" si="107"/>
        <v>1.019803902718557</v>
      </c>
      <c r="JCP7" s="9">
        <f t="shared" si="107"/>
        <v>1.019803902718557</v>
      </c>
      <c r="JCQ7" s="9">
        <f t="shared" si="107"/>
        <v>1.019803902718557</v>
      </c>
      <c r="JCR7" s="9">
        <f t="shared" si="107"/>
        <v>1.019803902718557</v>
      </c>
      <c r="JCS7" s="9">
        <f t="shared" si="107"/>
        <v>1.019803902718557</v>
      </c>
      <c r="JCT7" s="9">
        <f t="shared" ref="JCT7:JFE7" si="108">1/((1+$F$6) ^(JCT3-$F$7))</f>
        <v>1.019803902718557</v>
      </c>
      <c r="JCU7" s="9">
        <f t="shared" si="108"/>
        <v>1.019803902718557</v>
      </c>
      <c r="JCV7" s="9">
        <f t="shared" si="108"/>
        <v>1.019803902718557</v>
      </c>
      <c r="JCW7" s="9">
        <f t="shared" si="108"/>
        <v>1.019803902718557</v>
      </c>
      <c r="JCX7" s="9">
        <f t="shared" si="108"/>
        <v>1.019803902718557</v>
      </c>
      <c r="JCY7" s="9">
        <f t="shared" si="108"/>
        <v>1.019803902718557</v>
      </c>
      <c r="JCZ7" s="9">
        <f t="shared" si="108"/>
        <v>1.019803902718557</v>
      </c>
      <c r="JDA7" s="9">
        <f t="shared" si="108"/>
        <v>1.019803902718557</v>
      </c>
      <c r="JDB7" s="9">
        <f t="shared" si="108"/>
        <v>1.019803902718557</v>
      </c>
      <c r="JDC7" s="9">
        <f t="shared" si="108"/>
        <v>1.019803902718557</v>
      </c>
      <c r="JDD7" s="9">
        <f t="shared" si="108"/>
        <v>1.019803902718557</v>
      </c>
      <c r="JDE7" s="9">
        <f t="shared" si="108"/>
        <v>1.019803902718557</v>
      </c>
      <c r="JDF7" s="9">
        <f t="shared" si="108"/>
        <v>1.019803902718557</v>
      </c>
      <c r="JDG7" s="9">
        <f t="shared" si="108"/>
        <v>1.019803902718557</v>
      </c>
      <c r="JDH7" s="9">
        <f t="shared" si="108"/>
        <v>1.019803902718557</v>
      </c>
      <c r="JDI7" s="9">
        <f t="shared" si="108"/>
        <v>1.019803902718557</v>
      </c>
      <c r="JDJ7" s="9">
        <f t="shared" si="108"/>
        <v>1.019803902718557</v>
      </c>
      <c r="JDK7" s="9">
        <f t="shared" si="108"/>
        <v>1.019803902718557</v>
      </c>
      <c r="JDL7" s="9">
        <f t="shared" si="108"/>
        <v>1.019803902718557</v>
      </c>
      <c r="JDM7" s="9">
        <f t="shared" si="108"/>
        <v>1.019803902718557</v>
      </c>
      <c r="JDN7" s="9">
        <f t="shared" si="108"/>
        <v>1.019803902718557</v>
      </c>
      <c r="JDO7" s="9">
        <f t="shared" si="108"/>
        <v>1.019803902718557</v>
      </c>
      <c r="JDP7" s="9">
        <f t="shared" si="108"/>
        <v>1.019803902718557</v>
      </c>
      <c r="JDQ7" s="9">
        <f t="shared" si="108"/>
        <v>1.019803902718557</v>
      </c>
      <c r="JDR7" s="9">
        <f t="shared" si="108"/>
        <v>1.019803902718557</v>
      </c>
      <c r="JDS7" s="9">
        <f t="shared" si="108"/>
        <v>1.019803902718557</v>
      </c>
      <c r="JDT7" s="9">
        <f t="shared" si="108"/>
        <v>1.019803902718557</v>
      </c>
      <c r="JDU7" s="9">
        <f t="shared" si="108"/>
        <v>1.019803902718557</v>
      </c>
      <c r="JDV7" s="9">
        <f t="shared" si="108"/>
        <v>1.019803902718557</v>
      </c>
      <c r="JDW7" s="9">
        <f t="shared" si="108"/>
        <v>1.019803902718557</v>
      </c>
      <c r="JDX7" s="9">
        <f t="shared" si="108"/>
        <v>1.019803902718557</v>
      </c>
      <c r="JDY7" s="9">
        <f t="shared" si="108"/>
        <v>1.019803902718557</v>
      </c>
      <c r="JDZ7" s="9">
        <f t="shared" si="108"/>
        <v>1.019803902718557</v>
      </c>
      <c r="JEA7" s="9">
        <f t="shared" si="108"/>
        <v>1.019803902718557</v>
      </c>
      <c r="JEB7" s="9">
        <f t="shared" si="108"/>
        <v>1.019803902718557</v>
      </c>
      <c r="JEC7" s="9">
        <f t="shared" si="108"/>
        <v>1.019803902718557</v>
      </c>
      <c r="JED7" s="9">
        <f t="shared" si="108"/>
        <v>1.019803902718557</v>
      </c>
      <c r="JEE7" s="9">
        <f t="shared" si="108"/>
        <v>1.019803902718557</v>
      </c>
      <c r="JEF7" s="9">
        <f t="shared" si="108"/>
        <v>1.019803902718557</v>
      </c>
      <c r="JEG7" s="9">
        <f t="shared" si="108"/>
        <v>1.019803902718557</v>
      </c>
      <c r="JEH7" s="9">
        <f t="shared" si="108"/>
        <v>1.019803902718557</v>
      </c>
      <c r="JEI7" s="9">
        <f t="shared" si="108"/>
        <v>1.019803902718557</v>
      </c>
      <c r="JEJ7" s="9">
        <f t="shared" si="108"/>
        <v>1.019803902718557</v>
      </c>
      <c r="JEK7" s="9">
        <f t="shared" si="108"/>
        <v>1.019803902718557</v>
      </c>
      <c r="JEL7" s="9">
        <f t="shared" si="108"/>
        <v>1.019803902718557</v>
      </c>
      <c r="JEM7" s="9">
        <f t="shared" si="108"/>
        <v>1.019803902718557</v>
      </c>
      <c r="JEN7" s="9">
        <f t="shared" si="108"/>
        <v>1.019803902718557</v>
      </c>
      <c r="JEO7" s="9">
        <f t="shared" si="108"/>
        <v>1.019803902718557</v>
      </c>
      <c r="JEP7" s="9">
        <f t="shared" si="108"/>
        <v>1.019803902718557</v>
      </c>
      <c r="JEQ7" s="9">
        <f t="shared" si="108"/>
        <v>1.019803902718557</v>
      </c>
      <c r="JER7" s="9">
        <f t="shared" si="108"/>
        <v>1.019803902718557</v>
      </c>
      <c r="JES7" s="9">
        <f t="shared" si="108"/>
        <v>1.019803902718557</v>
      </c>
      <c r="JET7" s="9">
        <f t="shared" si="108"/>
        <v>1.019803902718557</v>
      </c>
      <c r="JEU7" s="9">
        <f t="shared" si="108"/>
        <v>1.019803902718557</v>
      </c>
      <c r="JEV7" s="9">
        <f t="shared" si="108"/>
        <v>1.019803902718557</v>
      </c>
      <c r="JEW7" s="9">
        <f t="shared" si="108"/>
        <v>1.019803902718557</v>
      </c>
      <c r="JEX7" s="9">
        <f t="shared" si="108"/>
        <v>1.019803902718557</v>
      </c>
      <c r="JEY7" s="9">
        <f t="shared" si="108"/>
        <v>1.019803902718557</v>
      </c>
      <c r="JEZ7" s="9">
        <f t="shared" si="108"/>
        <v>1.019803902718557</v>
      </c>
      <c r="JFA7" s="9">
        <f t="shared" si="108"/>
        <v>1.019803902718557</v>
      </c>
      <c r="JFB7" s="9">
        <f t="shared" si="108"/>
        <v>1.019803902718557</v>
      </c>
      <c r="JFC7" s="9">
        <f t="shared" si="108"/>
        <v>1.019803902718557</v>
      </c>
      <c r="JFD7" s="9">
        <f t="shared" si="108"/>
        <v>1.019803902718557</v>
      </c>
      <c r="JFE7" s="9">
        <f t="shared" si="108"/>
        <v>1.019803902718557</v>
      </c>
      <c r="JFF7" s="9">
        <f t="shared" ref="JFF7:JHQ7" si="109">1/((1+$F$6) ^(JFF3-$F$7))</f>
        <v>1.019803902718557</v>
      </c>
      <c r="JFG7" s="9">
        <f t="shared" si="109"/>
        <v>1.019803902718557</v>
      </c>
      <c r="JFH7" s="9">
        <f t="shared" si="109"/>
        <v>1.019803902718557</v>
      </c>
      <c r="JFI7" s="9">
        <f t="shared" si="109"/>
        <v>1.019803902718557</v>
      </c>
      <c r="JFJ7" s="9">
        <f t="shared" si="109"/>
        <v>1.019803902718557</v>
      </c>
      <c r="JFK7" s="9">
        <f t="shared" si="109"/>
        <v>1.019803902718557</v>
      </c>
      <c r="JFL7" s="9">
        <f t="shared" si="109"/>
        <v>1.019803902718557</v>
      </c>
      <c r="JFM7" s="9">
        <f t="shared" si="109"/>
        <v>1.019803902718557</v>
      </c>
      <c r="JFN7" s="9">
        <f t="shared" si="109"/>
        <v>1.019803902718557</v>
      </c>
      <c r="JFO7" s="9">
        <f t="shared" si="109"/>
        <v>1.019803902718557</v>
      </c>
      <c r="JFP7" s="9">
        <f t="shared" si="109"/>
        <v>1.019803902718557</v>
      </c>
      <c r="JFQ7" s="9">
        <f t="shared" si="109"/>
        <v>1.019803902718557</v>
      </c>
      <c r="JFR7" s="9">
        <f t="shared" si="109"/>
        <v>1.019803902718557</v>
      </c>
      <c r="JFS7" s="9">
        <f t="shared" si="109"/>
        <v>1.019803902718557</v>
      </c>
      <c r="JFT7" s="9">
        <f t="shared" si="109"/>
        <v>1.019803902718557</v>
      </c>
      <c r="JFU7" s="9">
        <f t="shared" si="109"/>
        <v>1.019803902718557</v>
      </c>
      <c r="JFV7" s="9">
        <f t="shared" si="109"/>
        <v>1.019803902718557</v>
      </c>
      <c r="JFW7" s="9">
        <f t="shared" si="109"/>
        <v>1.019803902718557</v>
      </c>
      <c r="JFX7" s="9">
        <f t="shared" si="109"/>
        <v>1.019803902718557</v>
      </c>
      <c r="JFY7" s="9">
        <f t="shared" si="109"/>
        <v>1.019803902718557</v>
      </c>
      <c r="JFZ7" s="9">
        <f t="shared" si="109"/>
        <v>1.019803902718557</v>
      </c>
      <c r="JGA7" s="9">
        <f t="shared" si="109"/>
        <v>1.019803902718557</v>
      </c>
      <c r="JGB7" s="9">
        <f t="shared" si="109"/>
        <v>1.019803902718557</v>
      </c>
      <c r="JGC7" s="9">
        <f t="shared" si="109"/>
        <v>1.019803902718557</v>
      </c>
      <c r="JGD7" s="9">
        <f t="shared" si="109"/>
        <v>1.019803902718557</v>
      </c>
      <c r="JGE7" s="9">
        <f t="shared" si="109"/>
        <v>1.019803902718557</v>
      </c>
      <c r="JGF7" s="9">
        <f t="shared" si="109"/>
        <v>1.019803902718557</v>
      </c>
      <c r="JGG7" s="9">
        <f t="shared" si="109"/>
        <v>1.019803902718557</v>
      </c>
      <c r="JGH7" s="9">
        <f t="shared" si="109"/>
        <v>1.019803902718557</v>
      </c>
      <c r="JGI7" s="9">
        <f t="shared" si="109"/>
        <v>1.019803902718557</v>
      </c>
      <c r="JGJ7" s="9">
        <f t="shared" si="109"/>
        <v>1.019803902718557</v>
      </c>
      <c r="JGK7" s="9">
        <f t="shared" si="109"/>
        <v>1.019803902718557</v>
      </c>
      <c r="JGL7" s="9">
        <f t="shared" si="109"/>
        <v>1.019803902718557</v>
      </c>
      <c r="JGM7" s="9">
        <f t="shared" si="109"/>
        <v>1.019803902718557</v>
      </c>
      <c r="JGN7" s="9">
        <f t="shared" si="109"/>
        <v>1.019803902718557</v>
      </c>
      <c r="JGO7" s="9">
        <f t="shared" si="109"/>
        <v>1.019803902718557</v>
      </c>
      <c r="JGP7" s="9">
        <f t="shared" si="109"/>
        <v>1.019803902718557</v>
      </c>
      <c r="JGQ7" s="9">
        <f t="shared" si="109"/>
        <v>1.019803902718557</v>
      </c>
      <c r="JGR7" s="9">
        <f t="shared" si="109"/>
        <v>1.019803902718557</v>
      </c>
      <c r="JGS7" s="9">
        <f t="shared" si="109"/>
        <v>1.019803902718557</v>
      </c>
      <c r="JGT7" s="9">
        <f t="shared" si="109"/>
        <v>1.019803902718557</v>
      </c>
      <c r="JGU7" s="9">
        <f t="shared" si="109"/>
        <v>1.019803902718557</v>
      </c>
      <c r="JGV7" s="9">
        <f t="shared" si="109"/>
        <v>1.019803902718557</v>
      </c>
      <c r="JGW7" s="9">
        <f t="shared" si="109"/>
        <v>1.019803902718557</v>
      </c>
      <c r="JGX7" s="9">
        <f t="shared" si="109"/>
        <v>1.019803902718557</v>
      </c>
      <c r="JGY7" s="9">
        <f t="shared" si="109"/>
        <v>1.019803902718557</v>
      </c>
      <c r="JGZ7" s="9">
        <f t="shared" si="109"/>
        <v>1.019803902718557</v>
      </c>
      <c r="JHA7" s="9">
        <f t="shared" si="109"/>
        <v>1.019803902718557</v>
      </c>
      <c r="JHB7" s="9">
        <f t="shared" si="109"/>
        <v>1.019803902718557</v>
      </c>
      <c r="JHC7" s="9">
        <f t="shared" si="109"/>
        <v>1.019803902718557</v>
      </c>
      <c r="JHD7" s="9">
        <f t="shared" si="109"/>
        <v>1.019803902718557</v>
      </c>
      <c r="JHE7" s="9">
        <f t="shared" si="109"/>
        <v>1.019803902718557</v>
      </c>
      <c r="JHF7" s="9">
        <f t="shared" si="109"/>
        <v>1.019803902718557</v>
      </c>
      <c r="JHG7" s="9">
        <f t="shared" si="109"/>
        <v>1.019803902718557</v>
      </c>
      <c r="JHH7" s="9">
        <f t="shared" si="109"/>
        <v>1.019803902718557</v>
      </c>
      <c r="JHI7" s="9">
        <f t="shared" si="109"/>
        <v>1.019803902718557</v>
      </c>
      <c r="JHJ7" s="9">
        <f t="shared" si="109"/>
        <v>1.019803902718557</v>
      </c>
      <c r="JHK7" s="9">
        <f t="shared" si="109"/>
        <v>1.019803902718557</v>
      </c>
      <c r="JHL7" s="9">
        <f t="shared" si="109"/>
        <v>1.019803902718557</v>
      </c>
      <c r="JHM7" s="9">
        <f t="shared" si="109"/>
        <v>1.019803902718557</v>
      </c>
      <c r="JHN7" s="9">
        <f t="shared" si="109"/>
        <v>1.019803902718557</v>
      </c>
      <c r="JHO7" s="9">
        <f t="shared" si="109"/>
        <v>1.019803902718557</v>
      </c>
      <c r="JHP7" s="9">
        <f t="shared" si="109"/>
        <v>1.019803902718557</v>
      </c>
      <c r="JHQ7" s="9">
        <f t="shared" si="109"/>
        <v>1.019803902718557</v>
      </c>
      <c r="JHR7" s="9">
        <f t="shared" ref="JHR7:JKC7" si="110">1/((1+$F$6) ^(JHR3-$F$7))</f>
        <v>1.019803902718557</v>
      </c>
      <c r="JHS7" s="9">
        <f t="shared" si="110"/>
        <v>1.019803902718557</v>
      </c>
      <c r="JHT7" s="9">
        <f t="shared" si="110"/>
        <v>1.019803902718557</v>
      </c>
      <c r="JHU7" s="9">
        <f t="shared" si="110"/>
        <v>1.019803902718557</v>
      </c>
      <c r="JHV7" s="9">
        <f t="shared" si="110"/>
        <v>1.019803902718557</v>
      </c>
      <c r="JHW7" s="9">
        <f t="shared" si="110"/>
        <v>1.019803902718557</v>
      </c>
      <c r="JHX7" s="9">
        <f t="shared" si="110"/>
        <v>1.019803902718557</v>
      </c>
      <c r="JHY7" s="9">
        <f t="shared" si="110"/>
        <v>1.019803902718557</v>
      </c>
      <c r="JHZ7" s="9">
        <f t="shared" si="110"/>
        <v>1.019803902718557</v>
      </c>
      <c r="JIA7" s="9">
        <f t="shared" si="110"/>
        <v>1.019803902718557</v>
      </c>
      <c r="JIB7" s="9">
        <f t="shared" si="110"/>
        <v>1.019803902718557</v>
      </c>
      <c r="JIC7" s="9">
        <f t="shared" si="110"/>
        <v>1.019803902718557</v>
      </c>
      <c r="JID7" s="9">
        <f t="shared" si="110"/>
        <v>1.019803902718557</v>
      </c>
      <c r="JIE7" s="9">
        <f t="shared" si="110"/>
        <v>1.019803902718557</v>
      </c>
      <c r="JIF7" s="9">
        <f t="shared" si="110"/>
        <v>1.019803902718557</v>
      </c>
      <c r="JIG7" s="9">
        <f t="shared" si="110"/>
        <v>1.019803902718557</v>
      </c>
      <c r="JIH7" s="9">
        <f t="shared" si="110"/>
        <v>1.019803902718557</v>
      </c>
      <c r="JII7" s="9">
        <f t="shared" si="110"/>
        <v>1.019803902718557</v>
      </c>
      <c r="JIJ7" s="9">
        <f t="shared" si="110"/>
        <v>1.019803902718557</v>
      </c>
      <c r="JIK7" s="9">
        <f t="shared" si="110"/>
        <v>1.019803902718557</v>
      </c>
      <c r="JIL7" s="9">
        <f t="shared" si="110"/>
        <v>1.019803902718557</v>
      </c>
      <c r="JIM7" s="9">
        <f t="shared" si="110"/>
        <v>1.019803902718557</v>
      </c>
      <c r="JIN7" s="9">
        <f t="shared" si="110"/>
        <v>1.019803902718557</v>
      </c>
      <c r="JIO7" s="9">
        <f t="shared" si="110"/>
        <v>1.019803902718557</v>
      </c>
      <c r="JIP7" s="9">
        <f t="shared" si="110"/>
        <v>1.019803902718557</v>
      </c>
      <c r="JIQ7" s="9">
        <f t="shared" si="110"/>
        <v>1.019803902718557</v>
      </c>
      <c r="JIR7" s="9">
        <f t="shared" si="110"/>
        <v>1.019803902718557</v>
      </c>
      <c r="JIS7" s="9">
        <f t="shared" si="110"/>
        <v>1.019803902718557</v>
      </c>
      <c r="JIT7" s="9">
        <f t="shared" si="110"/>
        <v>1.019803902718557</v>
      </c>
      <c r="JIU7" s="9">
        <f t="shared" si="110"/>
        <v>1.019803902718557</v>
      </c>
      <c r="JIV7" s="9">
        <f t="shared" si="110"/>
        <v>1.019803902718557</v>
      </c>
      <c r="JIW7" s="9">
        <f t="shared" si="110"/>
        <v>1.019803902718557</v>
      </c>
      <c r="JIX7" s="9">
        <f t="shared" si="110"/>
        <v>1.019803902718557</v>
      </c>
      <c r="JIY7" s="9">
        <f t="shared" si="110"/>
        <v>1.019803902718557</v>
      </c>
      <c r="JIZ7" s="9">
        <f t="shared" si="110"/>
        <v>1.019803902718557</v>
      </c>
      <c r="JJA7" s="9">
        <f t="shared" si="110"/>
        <v>1.019803902718557</v>
      </c>
      <c r="JJB7" s="9">
        <f t="shared" si="110"/>
        <v>1.019803902718557</v>
      </c>
      <c r="JJC7" s="9">
        <f t="shared" si="110"/>
        <v>1.019803902718557</v>
      </c>
      <c r="JJD7" s="9">
        <f t="shared" si="110"/>
        <v>1.019803902718557</v>
      </c>
      <c r="JJE7" s="9">
        <f t="shared" si="110"/>
        <v>1.019803902718557</v>
      </c>
      <c r="JJF7" s="9">
        <f t="shared" si="110"/>
        <v>1.019803902718557</v>
      </c>
      <c r="JJG7" s="9">
        <f t="shared" si="110"/>
        <v>1.019803902718557</v>
      </c>
      <c r="JJH7" s="9">
        <f t="shared" si="110"/>
        <v>1.019803902718557</v>
      </c>
      <c r="JJI7" s="9">
        <f t="shared" si="110"/>
        <v>1.019803902718557</v>
      </c>
      <c r="JJJ7" s="9">
        <f t="shared" si="110"/>
        <v>1.019803902718557</v>
      </c>
      <c r="JJK7" s="9">
        <f t="shared" si="110"/>
        <v>1.019803902718557</v>
      </c>
      <c r="JJL7" s="9">
        <f t="shared" si="110"/>
        <v>1.019803902718557</v>
      </c>
      <c r="JJM7" s="9">
        <f t="shared" si="110"/>
        <v>1.019803902718557</v>
      </c>
      <c r="JJN7" s="9">
        <f t="shared" si="110"/>
        <v>1.019803902718557</v>
      </c>
      <c r="JJO7" s="9">
        <f t="shared" si="110"/>
        <v>1.019803902718557</v>
      </c>
      <c r="JJP7" s="9">
        <f t="shared" si="110"/>
        <v>1.019803902718557</v>
      </c>
      <c r="JJQ7" s="9">
        <f t="shared" si="110"/>
        <v>1.019803902718557</v>
      </c>
      <c r="JJR7" s="9">
        <f t="shared" si="110"/>
        <v>1.019803902718557</v>
      </c>
      <c r="JJS7" s="9">
        <f t="shared" si="110"/>
        <v>1.019803902718557</v>
      </c>
      <c r="JJT7" s="9">
        <f t="shared" si="110"/>
        <v>1.019803902718557</v>
      </c>
      <c r="JJU7" s="9">
        <f t="shared" si="110"/>
        <v>1.019803902718557</v>
      </c>
      <c r="JJV7" s="9">
        <f t="shared" si="110"/>
        <v>1.019803902718557</v>
      </c>
      <c r="JJW7" s="9">
        <f t="shared" si="110"/>
        <v>1.019803902718557</v>
      </c>
      <c r="JJX7" s="9">
        <f t="shared" si="110"/>
        <v>1.019803902718557</v>
      </c>
      <c r="JJY7" s="9">
        <f t="shared" si="110"/>
        <v>1.019803902718557</v>
      </c>
      <c r="JJZ7" s="9">
        <f t="shared" si="110"/>
        <v>1.019803902718557</v>
      </c>
      <c r="JKA7" s="9">
        <f t="shared" si="110"/>
        <v>1.019803902718557</v>
      </c>
      <c r="JKB7" s="9">
        <f t="shared" si="110"/>
        <v>1.019803902718557</v>
      </c>
      <c r="JKC7" s="9">
        <f t="shared" si="110"/>
        <v>1.019803902718557</v>
      </c>
      <c r="JKD7" s="9">
        <f t="shared" ref="JKD7:JMO7" si="111">1/((1+$F$6) ^(JKD3-$F$7))</f>
        <v>1.019803902718557</v>
      </c>
      <c r="JKE7" s="9">
        <f t="shared" si="111"/>
        <v>1.019803902718557</v>
      </c>
      <c r="JKF7" s="9">
        <f t="shared" si="111"/>
        <v>1.019803902718557</v>
      </c>
      <c r="JKG7" s="9">
        <f t="shared" si="111"/>
        <v>1.019803902718557</v>
      </c>
      <c r="JKH7" s="9">
        <f t="shared" si="111"/>
        <v>1.019803902718557</v>
      </c>
      <c r="JKI7" s="9">
        <f t="shared" si="111"/>
        <v>1.019803902718557</v>
      </c>
      <c r="JKJ7" s="9">
        <f t="shared" si="111"/>
        <v>1.019803902718557</v>
      </c>
      <c r="JKK7" s="9">
        <f t="shared" si="111"/>
        <v>1.019803902718557</v>
      </c>
      <c r="JKL7" s="9">
        <f t="shared" si="111"/>
        <v>1.019803902718557</v>
      </c>
      <c r="JKM7" s="9">
        <f t="shared" si="111"/>
        <v>1.019803902718557</v>
      </c>
      <c r="JKN7" s="9">
        <f t="shared" si="111"/>
        <v>1.019803902718557</v>
      </c>
      <c r="JKO7" s="9">
        <f t="shared" si="111"/>
        <v>1.019803902718557</v>
      </c>
      <c r="JKP7" s="9">
        <f t="shared" si="111"/>
        <v>1.019803902718557</v>
      </c>
      <c r="JKQ7" s="9">
        <f t="shared" si="111"/>
        <v>1.019803902718557</v>
      </c>
      <c r="JKR7" s="9">
        <f t="shared" si="111"/>
        <v>1.019803902718557</v>
      </c>
      <c r="JKS7" s="9">
        <f t="shared" si="111"/>
        <v>1.019803902718557</v>
      </c>
      <c r="JKT7" s="9">
        <f t="shared" si="111"/>
        <v>1.019803902718557</v>
      </c>
      <c r="JKU7" s="9">
        <f t="shared" si="111"/>
        <v>1.019803902718557</v>
      </c>
      <c r="JKV7" s="9">
        <f t="shared" si="111"/>
        <v>1.019803902718557</v>
      </c>
      <c r="JKW7" s="9">
        <f t="shared" si="111"/>
        <v>1.019803902718557</v>
      </c>
      <c r="JKX7" s="9">
        <f t="shared" si="111"/>
        <v>1.019803902718557</v>
      </c>
      <c r="JKY7" s="9">
        <f t="shared" si="111"/>
        <v>1.019803902718557</v>
      </c>
      <c r="JKZ7" s="9">
        <f t="shared" si="111"/>
        <v>1.019803902718557</v>
      </c>
      <c r="JLA7" s="9">
        <f t="shared" si="111"/>
        <v>1.019803902718557</v>
      </c>
      <c r="JLB7" s="9">
        <f t="shared" si="111"/>
        <v>1.019803902718557</v>
      </c>
      <c r="JLC7" s="9">
        <f t="shared" si="111"/>
        <v>1.019803902718557</v>
      </c>
      <c r="JLD7" s="9">
        <f t="shared" si="111"/>
        <v>1.019803902718557</v>
      </c>
      <c r="JLE7" s="9">
        <f t="shared" si="111"/>
        <v>1.019803902718557</v>
      </c>
      <c r="JLF7" s="9">
        <f t="shared" si="111"/>
        <v>1.019803902718557</v>
      </c>
      <c r="JLG7" s="9">
        <f t="shared" si="111"/>
        <v>1.019803902718557</v>
      </c>
      <c r="JLH7" s="9">
        <f t="shared" si="111"/>
        <v>1.019803902718557</v>
      </c>
      <c r="JLI7" s="9">
        <f t="shared" si="111"/>
        <v>1.019803902718557</v>
      </c>
      <c r="JLJ7" s="9">
        <f t="shared" si="111"/>
        <v>1.019803902718557</v>
      </c>
      <c r="JLK7" s="9">
        <f t="shared" si="111"/>
        <v>1.019803902718557</v>
      </c>
      <c r="JLL7" s="9">
        <f t="shared" si="111"/>
        <v>1.019803902718557</v>
      </c>
      <c r="JLM7" s="9">
        <f t="shared" si="111"/>
        <v>1.019803902718557</v>
      </c>
      <c r="JLN7" s="9">
        <f t="shared" si="111"/>
        <v>1.019803902718557</v>
      </c>
      <c r="JLO7" s="9">
        <f t="shared" si="111"/>
        <v>1.019803902718557</v>
      </c>
      <c r="JLP7" s="9">
        <f t="shared" si="111"/>
        <v>1.019803902718557</v>
      </c>
      <c r="JLQ7" s="9">
        <f t="shared" si="111"/>
        <v>1.019803902718557</v>
      </c>
      <c r="JLR7" s="9">
        <f t="shared" si="111"/>
        <v>1.019803902718557</v>
      </c>
      <c r="JLS7" s="9">
        <f t="shared" si="111"/>
        <v>1.019803902718557</v>
      </c>
      <c r="JLT7" s="9">
        <f t="shared" si="111"/>
        <v>1.019803902718557</v>
      </c>
      <c r="JLU7" s="9">
        <f t="shared" si="111"/>
        <v>1.019803902718557</v>
      </c>
      <c r="JLV7" s="9">
        <f t="shared" si="111"/>
        <v>1.019803902718557</v>
      </c>
      <c r="JLW7" s="9">
        <f t="shared" si="111"/>
        <v>1.019803902718557</v>
      </c>
      <c r="JLX7" s="9">
        <f t="shared" si="111"/>
        <v>1.019803902718557</v>
      </c>
      <c r="JLY7" s="9">
        <f t="shared" si="111"/>
        <v>1.019803902718557</v>
      </c>
      <c r="JLZ7" s="9">
        <f t="shared" si="111"/>
        <v>1.019803902718557</v>
      </c>
      <c r="JMA7" s="9">
        <f t="shared" si="111"/>
        <v>1.019803902718557</v>
      </c>
      <c r="JMB7" s="9">
        <f t="shared" si="111"/>
        <v>1.019803902718557</v>
      </c>
      <c r="JMC7" s="9">
        <f t="shared" si="111"/>
        <v>1.019803902718557</v>
      </c>
      <c r="JMD7" s="9">
        <f t="shared" si="111"/>
        <v>1.019803902718557</v>
      </c>
      <c r="JME7" s="9">
        <f t="shared" si="111"/>
        <v>1.019803902718557</v>
      </c>
      <c r="JMF7" s="9">
        <f t="shared" si="111"/>
        <v>1.019803902718557</v>
      </c>
      <c r="JMG7" s="9">
        <f t="shared" si="111"/>
        <v>1.019803902718557</v>
      </c>
      <c r="JMH7" s="9">
        <f t="shared" si="111"/>
        <v>1.019803902718557</v>
      </c>
      <c r="JMI7" s="9">
        <f t="shared" si="111"/>
        <v>1.019803902718557</v>
      </c>
      <c r="JMJ7" s="9">
        <f t="shared" si="111"/>
        <v>1.019803902718557</v>
      </c>
      <c r="JMK7" s="9">
        <f t="shared" si="111"/>
        <v>1.019803902718557</v>
      </c>
      <c r="JML7" s="9">
        <f t="shared" si="111"/>
        <v>1.019803902718557</v>
      </c>
      <c r="JMM7" s="9">
        <f t="shared" si="111"/>
        <v>1.019803902718557</v>
      </c>
      <c r="JMN7" s="9">
        <f t="shared" si="111"/>
        <v>1.019803902718557</v>
      </c>
      <c r="JMO7" s="9">
        <f t="shared" si="111"/>
        <v>1.019803902718557</v>
      </c>
      <c r="JMP7" s="9">
        <f t="shared" ref="JMP7:JPA7" si="112">1/((1+$F$6) ^(JMP3-$F$7))</f>
        <v>1.019803902718557</v>
      </c>
      <c r="JMQ7" s="9">
        <f t="shared" si="112"/>
        <v>1.019803902718557</v>
      </c>
      <c r="JMR7" s="9">
        <f t="shared" si="112"/>
        <v>1.019803902718557</v>
      </c>
      <c r="JMS7" s="9">
        <f t="shared" si="112"/>
        <v>1.019803902718557</v>
      </c>
      <c r="JMT7" s="9">
        <f t="shared" si="112"/>
        <v>1.019803902718557</v>
      </c>
      <c r="JMU7" s="9">
        <f t="shared" si="112"/>
        <v>1.019803902718557</v>
      </c>
      <c r="JMV7" s="9">
        <f t="shared" si="112"/>
        <v>1.019803902718557</v>
      </c>
      <c r="JMW7" s="9">
        <f t="shared" si="112"/>
        <v>1.019803902718557</v>
      </c>
      <c r="JMX7" s="9">
        <f t="shared" si="112"/>
        <v>1.019803902718557</v>
      </c>
      <c r="JMY7" s="9">
        <f t="shared" si="112"/>
        <v>1.019803902718557</v>
      </c>
      <c r="JMZ7" s="9">
        <f t="shared" si="112"/>
        <v>1.019803902718557</v>
      </c>
      <c r="JNA7" s="9">
        <f t="shared" si="112"/>
        <v>1.019803902718557</v>
      </c>
      <c r="JNB7" s="9">
        <f t="shared" si="112"/>
        <v>1.019803902718557</v>
      </c>
      <c r="JNC7" s="9">
        <f t="shared" si="112"/>
        <v>1.019803902718557</v>
      </c>
      <c r="JND7" s="9">
        <f t="shared" si="112"/>
        <v>1.019803902718557</v>
      </c>
      <c r="JNE7" s="9">
        <f t="shared" si="112"/>
        <v>1.019803902718557</v>
      </c>
      <c r="JNF7" s="9">
        <f t="shared" si="112"/>
        <v>1.019803902718557</v>
      </c>
      <c r="JNG7" s="9">
        <f t="shared" si="112"/>
        <v>1.019803902718557</v>
      </c>
      <c r="JNH7" s="9">
        <f t="shared" si="112"/>
        <v>1.019803902718557</v>
      </c>
      <c r="JNI7" s="9">
        <f t="shared" si="112"/>
        <v>1.019803902718557</v>
      </c>
      <c r="JNJ7" s="9">
        <f t="shared" si="112"/>
        <v>1.019803902718557</v>
      </c>
      <c r="JNK7" s="9">
        <f t="shared" si="112"/>
        <v>1.019803902718557</v>
      </c>
      <c r="JNL7" s="9">
        <f t="shared" si="112"/>
        <v>1.019803902718557</v>
      </c>
      <c r="JNM7" s="9">
        <f t="shared" si="112"/>
        <v>1.019803902718557</v>
      </c>
      <c r="JNN7" s="9">
        <f t="shared" si="112"/>
        <v>1.019803902718557</v>
      </c>
      <c r="JNO7" s="9">
        <f t="shared" si="112"/>
        <v>1.019803902718557</v>
      </c>
      <c r="JNP7" s="9">
        <f t="shared" si="112"/>
        <v>1.019803902718557</v>
      </c>
      <c r="JNQ7" s="9">
        <f t="shared" si="112"/>
        <v>1.019803902718557</v>
      </c>
      <c r="JNR7" s="9">
        <f t="shared" si="112"/>
        <v>1.019803902718557</v>
      </c>
      <c r="JNS7" s="9">
        <f t="shared" si="112"/>
        <v>1.019803902718557</v>
      </c>
      <c r="JNT7" s="9">
        <f t="shared" si="112"/>
        <v>1.019803902718557</v>
      </c>
      <c r="JNU7" s="9">
        <f t="shared" si="112"/>
        <v>1.019803902718557</v>
      </c>
      <c r="JNV7" s="9">
        <f t="shared" si="112"/>
        <v>1.019803902718557</v>
      </c>
      <c r="JNW7" s="9">
        <f t="shared" si="112"/>
        <v>1.019803902718557</v>
      </c>
      <c r="JNX7" s="9">
        <f t="shared" si="112"/>
        <v>1.019803902718557</v>
      </c>
      <c r="JNY7" s="9">
        <f t="shared" si="112"/>
        <v>1.019803902718557</v>
      </c>
      <c r="JNZ7" s="9">
        <f t="shared" si="112"/>
        <v>1.019803902718557</v>
      </c>
      <c r="JOA7" s="9">
        <f t="shared" si="112"/>
        <v>1.019803902718557</v>
      </c>
      <c r="JOB7" s="9">
        <f t="shared" si="112"/>
        <v>1.019803902718557</v>
      </c>
      <c r="JOC7" s="9">
        <f t="shared" si="112"/>
        <v>1.019803902718557</v>
      </c>
      <c r="JOD7" s="9">
        <f t="shared" si="112"/>
        <v>1.019803902718557</v>
      </c>
      <c r="JOE7" s="9">
        <f t="shared" si="112"/>
        <v>1.019803902718557</v>
      </c>
      <c r="JOF7" s="9">
        <f t="shared" si="112"/>
        <v>1.019803902718557</v>
      </c>
      <c r="JOG7" s="9">
        <f t="shared" si="112"/>
        <v>1.019803902718557</v>
      </c>
      <c r="JOH7" s="9">
        <f t="shared" si="112"/>
        <v>1.019803902718557</v>
      </c>
      <c r="JOI7" s="9">
        <f t="shared" si="112"/>
        <v>1.019803902718557</v>
      </c>
      <c r="JOJ7" s="9">
        <f t="shared" si="112"/>
        <v>1.019803902718557</v>
      </c>
      <c r="JOK7" s="9">
        <f t="shared" si="112"/>
        <v>1.019803902718557</v>
      </c>
      <c r="JOL7" s="9">
        <f t="shared" si="112"/>
        <v>1.019803902718557</v>
      </c>
      <c r="JOM7" s="9">
        <f t="shared" si="112"/>
        <v>1.019803902718557</v>
      </c>
      <c r="JON7" s="9">
        <f t="shared" si="112"/>
        <v>1.019803902718557</v>
      </c>
      <c r="JOO7" s="9">
        <f t="shared" si="112"/>
        <v>1.019803902718557</v>
      </c>
      <c r="JOP7" s="9">
        <f t="shared" si="112"/>
        <v>1.019803902718557</v>
      </c>
      <c r="JOQ7" s="9">
        <f t="shared" si="112"/>
        <v>1.019803902718557</v>
      </c>
      <c r="JOR7" s="9">
        <f t="shared" si="112"/>
        <v>1.019803902718557</v>
      </c>
      <c r="JOS7" s="9">
        <f t="shared" si="112"/>
        <v>1.019803902718557</v>
      </c>
      <c r="JOT7" s="9">
        <f t="shared" si="112"/>
        <v>1.019803902718557</v>
      </c>
      <c r="JOU7" s="9">
        <f t="shared" si="112"/>
        <v>1.019803902718557</v>
      </c>
      <c r="JOV7" s="9">
        <f t="shared" si="112"/>
        <v>1.019803902718557</v>
      </c>
      <c r="JOW7" s="9">
        <f t="shared" si="112"/>
        <v>1.019803902718557</v>
      </c>
      <c r="JOX7" s="9">
        <f t="shared" si="112"/>
        <v>1.019803902718557</v>
      </c>
      <c r="JOY7" s="9">
        <f t="shared" si="112"/>
        <v>1.019803902718557</v>
      </c>
      <c r="JOZ7" s="9">
        <f t="shared" si="112"/>
        <v>1.019803902718557</v>
      </c>
      <c r="JPA7" s="9">
        <f t="shared" si="112"/>
        <v>1.019803902718557</v>
      </c>
      <c r="JPB7" s="9">
        <f t="shared" ref="JPB7:JRM7" si="113">1/((1+$F$6) ^(JPB3-$F$7))</f>
        <v>1.019803902718557</v>
      </c>
      <c r="JPC7" s="9">
        <f t="shared" si="113"/>
        <v>1.019803902718557</v>
      </c>
      <c r="JPD7" s="9">
        <f t="shared" si="113"/>
        <v>1.019803902718557</v>
      </c>
      <c r="JPE7" s="9">
        <f t="shared" si="113"/>
        <v>1.019803902718557</v>
      </c>
      <c r="JPF7" s="9">
        <f t="shared" si="113"/>
        <v>1.019803902718557</v>
      </c>
      <c r="JPG7" s="9">
        <f t="shared" si="113"/>
        <v>1.019803902718557</v>
      </c>
      <c r="JPH7" s="9">
        <f t="shared" si="113"/>
        <v>1.019803902718557</v>
      </c>
      <c r="JPI7" s="9">
        <f t="shared" si="113"/>
        <v>1.019803902718557</v>
      </c>
      <c r="JPJ7" s="9">
        <f t="shared" si="113"/>
        <v>1.019803902718557</v>
      </c>
      <c r="JPK7" s="9">
        <f t="shared" si="113"/>
        <v>1.019803902718557</v>
      </c>
      <c r="JPL7" s="9">
        <f t="shared" si="113"/>
        <v>1.019803902718557</v>
      </c>
      <c r="JPM7" s="9">
        <f t="shared" si="113"/>
        <v>1.019803902718557</v>
      </c>
      <c r="JPN7" s="9">
        <f t="shared" si="113"/>
        <v>1.019803902718557</v>
      </c>
      <c r="JPO7" s="9">
        <f t="shared" si="113"/>
        <v>1.019803902718557</v>
      </c>
      <c r="JPP7" s="9">
        <f t="shared" si="113"/>
        <v>1.019803902718557</v>
      </c>
      <c r="JPQ7" s="9">
        <f t="shared" si="113"/>
        <v>1.019803902718557</v>
      </c>
      <c r="JPR7" s="9">
        <f t="shared" si="113"/>
        <v>1.019803902718557</v>
      </c>
      <c r="JPS7" s="9">
        <f t="shared" si="113"/>
        <v>1.019803902718557</v>
      </c>
      <c r="JPT7" s="9">
        <f t="shared" si="113"/>
        <v>1.019803902718557</v>
      </c>
      <c r="JPU7" s="9">
        <f t="shared" si="113"/>
        <v>1.019803902718557</v>
      </c>
      <c r="JPV7" s="9">
        <f t="shared" si="113"/>
        <v>1.019803902718557</v>
      </c>
      <c r="JPW7" s="9">
        <f t="shared" si="113"/>
        <v>1.019803902718557</v>
      </c>
      <c r="JPX7" s="9">
        <f t="shared" si="113"/>
        <v>1.019803902718557</v>
      </c>
      <c r="JPY7" s="9">
        <f t="shared" si="113"/>
        <v>1.019803902718557</v>
      </c>
      <c r="JPZ7" s="9">
        <f t="shared" si="113"/>
        <v>1.019803902718557</v>
      </c>
      <c r="JQA7" s="9">
        <f t="shared" si="113"/>
        <v>1.019803902718557</v>
      </c>
      <c r="JQB7" s="9">
        <f t="shared" si="113"/>
        <v>1.019803902718557</v>
      </c>
      <c r="JQC7" s="9">
        <f t="shared" si="113"/>
        <v>1.019803902718557</v>
      </c>
      <c r="JQD7" s="9">
        <f t="shared" si="113"/>
        <v>1.019803902718557</v>
      </c>
      <c r="JQE7" s="9">
        <f t="shared" si="113"/>
        <v>1.019803902718557</v>
      </c>
      <c r="JQF7" s="9">
        <f t="shared" si="113"/>
        <v>1.019803902718557</v>
      </c>
      <c r="JQG7" s="9">
        <f t="shared" si="113"/>
        <v>1.019803902718557</v>
      </c>
      <c r="JQH7" s="9">
        <f t="shared" si="113"/>
        <v>1.019803902718557</v>
      </c>
      <c r="JQI7" s="9">
        <f t="shared" si="113"/>
        <v>1.019803902718557</v>
      </c>
      <c r="JQJ7" s="9">
        <f t="shared" si="113"/>
        <v>1.019803902718557</v>
      </c>
      <c r="JQK7" s="9">
        <f t="shared" si="113"/>
        <v>1.019803902718557</v>
      </c>
      <c r="JQL7" s="9">
        <f t="shared" si="113"/>
        <v>1.019803902718557</v>
      </c>
      <c r="JQM7" s="9">
        <f t="shared" si="113"/>
        <v>1.019803902718557</v>
      </c>
      <c r="JQN7" s="9">
        <f t="shared" si="113"/>
        <v>1.019803902718557</v>
      </c>
      <c r="JQO7" s="9">
        <f t="shared" si="113"/>
        <v>1.019803902718557</v>
      </c>
      <c r="JQP7" s="9">
        <f t="shared" si="113"/>
        <v>1.019803902718557</v>
      </c>
      <c r="JQQ7" s="9">
        <f t="shared" si="113"/>
        <v>1.019803902718557</v>
      </c>
      <c r="JQR7" s="9">
        <f t="shared" si="113"/>
        <v>1.019803902718557</v>
      </c>
      <c r="JQS7" s="9">
        <f t="shared" si="113"/>
        <v>1.019803902718557</v>
      </c>
      <c r="JQT7" s="9">
        <f t="shared" si="113"/>
        <v>1.019803902718557</v>
      </c>
      <c r="JQU7" s="9">
        <f t="shared" si="113"/>
        <v>1.019803902718557</v>
      </c>
      <c r="JQV7" s="9">
        <f t="shared" si="113"/>
        <v>1.019803902718557</v>
      </c>
      <c r="JQW7" s="9">
        <f t="shared" si="113"/>
        <v>1.019803902718557</v>
      </c>
      <c r="JQX7" s="9">
        <f t="shared" si="113"/>
        <v>1.019803902718557</v>
      </c>
      <c r="JQY7" s="9">
        <f t="shared" si="113"/>
        <v>1.019803902718557</v>
      </c>
      <c r="JQZ7" s="9">
        <f t="shared" si="113"/>
        <v>1.019803902718557</v>
      </c>
      <c r="JRA7" s="9">
        <f t="shared" si="113"/>
        <v>1.019803902718557</v>
      </c>
      <c r="JRB7" s="9">
        <f t="shared" si="113"/>
        <v>1.019803902718557</v>
      </c>
      <c r="JRC7" s="9">
        <f t="shared" si="113"/>
        <v>1.019803902718557</v>
      </c>
      <c r="JRD7" s="9">
        <f t="shared" si="113"/>
        <v>1.019803902718557</v>
      </c>
      <c r="JRE7" s="9">
        <f t="shared" si="113"/>
        <v>1.019803902718557</v>
      </c>
      <c r="JRF7" s="9">
        <f t="shared" si="113"/>
        <v>1.019803902718557</v>
      </c>
      <c r="JRG7" s="9">
        <f t="shared" si="113"/>
        <v>1.019803902718557</v>
      </c>
      <c r="JRH7" s="9">
        <f t="shared" si="113"/>
        <v>1.019803902718557</v>
      </c>
      <c r="JRI7" s="9">
        <f t="shared" si="113"/>
        <v>1.019803902718557</v>
      </c>
      <c r="JRJ7" s="9">
        <f t="shared" si="113"/>
        <v>1.019803902718557</v>
      </c>
      <c r="JRK7" s="9">
        <f t="shared" si="113"/>
        <v>1.019803902718557</v>
      </c>
      <c r="JRL7" s="9">
        <f t="shared" si="113"/>
        <v>1.019803902718557</v>
      </c>
      <c r="JRM7" s="9">
        <f t="shared" si="113"/>
        <v>1.019803902718557</v>
      </c>
      <c r="JRN7" s="9">
        <f t="shared" ref="JRN7:JTY7" si="114">1/((1+$F$6) ^(JRN3-$F$7))</f>
        <v>1.019803902718557</v>
      </c>
      <c r="JRO7" s="9">
        <f t="shared" si="114"/>
        <v>1.019803902718557</v>
      </c>
      <c r="JRP7" s="9">
        <f t="shared" si="114"/>
        <v>1.019803902718557</v>
      </c>
      <c r="JRQ7" s="9">
        <f t="shared" si="114"/>
        <v>1.019803902718557</v>
      </c>
      <c r="JRR7" s="9">
        <f t="shared" si="114"/>
        <v>1.019803902718557</v>
      </c>
      <c r="JRS7" s="9">
        <f t="shared" si="114"/>
        <v>1.019803902718557</v>
      </c>
      <c r="JRT7" s="9">
        <f t="shared" si="114"/>
        <v>1.019803902718557</v>
      </c>
      <c r="JRU7" s="9">
        <f t="shared" si="114"/>
        <v>1.019803902718557</v>
      </c>
      <c r="JRV7" s="9">
        <f t="shared" si="114"/>
        <v>1.019803902718557</v>
      </c>
      <c r="JRW7" s="9">
        <f t="shared" si="114"/>
        <v>1.019803902718557</v>
      </c>
      <c r="JRX7" s="9">
        <f t="shared" si="114"/>
        <v>1.019803902718557</v>
      </c>
      <c r="JRY7" s="9">
        <f t="shared" si="114"/>
        <v>1.019803902718557</v>
      </c>
      <c r="JRZ7" s="9">
        <f t="shared" si="114"/>
        <v>1.019803902718557</v>
      </c>
      <c r="JSA7" s="9">
        <f t="shared" si="114"/>
        <v>1.019803902718557</v>
      </c>
      <c r="JSB7" s="9">
        <f t="shared" si="114"/>
        <v>1.019803902718557</v>
      </c>
      <c r="JSC7" s="9">
        <f t="shared" si="114"/>
        <v>1.019803902718557</v>
      </c>
      <c r="JSD7" s="9">
        <f t="shared" si="114"/>
        <v>1.019803902718557</v>
      </c>
      <c r="JSE7" s="9">
        <f t="shared" si="114"/>
        <v>1.019803902718557</v>
      </c>
      <c r="JSF7" s="9">
        <f t="shared" si="114"/>
        <v>1.019803902718557</v>
      </c>
      <c r="JSG7" s="9">
        <f t="shared" si="114"/>
        <v>1.019803902718557</v>
      </c>
      <c r="JSH7" s="9">
        <f t="shared" si="114"/>
        <v>1.019803902718557</v>
      </c>
      <c r="JSI7" s="9">
        <f t="shared" si="114"/>
        <v>1.019803902718557</v>
      </c>
      <c r="JSJ7" s="9">
        <f t="shared" si="114"/>
        <v>1.019803902718557</v>
      </c>
      <c r="JSK7" s="9">
        <f t="shared" si="114"/>
        <v>1.019803902718557</v>
      </c>
      <c r="JSL7" s="9">
        <f t="shared" si="114"/>
        <v>1.019803902718557</v>
      </c>
      <c r="JSM7" s="9">
        <f t="shared" si="114"/>
        <v>1.019803902718557</v>
      </c>
      <c r="JSN7" s="9">
        <f t="shared" si="114"/>
        <v>1.019803902718557</v>
      </c>
      <c r="JSO7" s="9">
        <f t="shared" si="114"/>
        <v>1.019803902718557</v>
      </c>
      <c r="JSP7" s="9">
        <f t="shared" si="114"/>
        <v>1.019803902718557</v>
      </c>
      <c r="JSQ7" s="9">
        <f t="shared" si="114"/>
        <v>1.019803902718557</v>
      </c>
      <c r="JSR7" s="9">
        <f t="shared" si="114"/>
        <v>1.019803902718557</v>
      </c>
      <c r="JSS7" s="9">
        <f t="shared" si="114"/>
        <v>1.019803902718557</v>
      </c>
      <c r="JST7" s="9">
        <f t="shared" si="114"/>
        <v>1.019803902718557</v>
      </c>
      <c r="JSU7" s="9">
        <f t="shared" si="114"/>
        <v>1.019803902718557</v>
      </c>
      <c r="JSV7" s="9">
        <f t="shared" si="114"/>
        <v>1.019803902718557</v>
      </c>
      <c r="JSW7" s="9">
        <f t="shared" si="114"/>
        <v>1.019803902718557</v>
      </c>
      <c r="JSX7" s="9">
        <f t="shared" si="114"/>
        <v>1.019803902718557</v>
      </c>
      <c r="JSY7" s="9">
        <f t="shared" si="114"/>
        <v>1.019803902718557</v>
      </c>
      <c r="JSZ7" s="9">
        <f t="shared" si="114"/>
        <v>1.019803902718557</v>
      </c>
      <c r="JTA7" s="9">
        <f t="shared" si="114"/>
        <v>1.019803902718557</v>
      </c>
      <c r="JTB7" s="9">
        <f t="shared" si="114"/>
        <v>1.019803902718557</v>
      </c>
      <c r="JTC7" s="9">
        <f t="shared" si="114"/>
        <v>1.019803902718557</v>
      </c>
      <c r="JTD7" s="9">
        <f t="shared" si="114"/>
        <v>1.019803902718557</v>
      </c>
      <c r="JTE7" s="9">
        <f t="shared" si="114"/>
        <v>1.019803902718557</v>
      </c>
      <c r="JTF7" s="9">
        <f t="shared" si="114"/>
        <v>1.019803902718557</v>
      </c>
      <c r="JTG7" s="9">
        <f t="shared" si="114"/>
        <v>1.019803902718557</v>
      </c>
      <c r="JTH7" s="9">
        <f t="shared" si="114"/>
        <v>1.019803902718557</v>
      </c>
      <c r="JTI7" s="9">
        <f t="shared" si="114"/>
        <v>1.019803902718557</v>
      </c>
      <c r="JTJ7" s="9">
        <f t="shared" si="114"/>
        <v>1.019803902718557</v>
      </c>
      <c r="JTK7" s="9">
        <f t="shared" si="114"/>
        <v>1.019803902718557</v>
      </c>
      <c r="JTL7" s="9">
        <f t="shared" si="114"/>
        <v>1.019803902718557</v>
      </c>
      <c r="JTM7" s="9">
        <f t="shared" si="114"/>
        <v>1.019803902718557</v>
      </c>
      <c r="JTN7" s="9">
        <f t="shared" si="114"/>
        <v>1.019803902718557</v>
      </c>
      <c r="JTO7" s="9">
        <f t="shared" si="114"/>
        <v>1.019803902718557</v>
      </c>
      <c r="JTP7" s="9">
        <f t="shared" si="114"/>
        <v>1.019803902718557</v>
      </c>
      <c r="JTQ7" s="9">
        <f t="shared" si="114"/>
        <v>1.019803902718557</v>
      </c>
      <c r="JTR7" s="9">
        <f t="shared" si="114"/>
        <v>1.019803902718557</v>
      </c>
      <c r="JTS7" s="9">
        <f t="shared" si="114"/>
        <v>1.019803902718557</v>
      </c>
      <c r="JTT7" s="9">
        <f t="shared" si="114"/>
        <v>1.019803902718557</v>
      </c>
      <c r="JTU7" s="9">
        <f t="shared" si="114"/>
        <v>1.019803902718557</v>
      </c>
      <c r="JTV7" s="9">
        <f t="shared" si="114"/>
        <v>1.019803902718557</v>
      </c>
      <c r="JTW7" s="9">
        <f t="shared" si="114"/>
        <v>1.019803902718557</v>
      </c>
      <c r="JTX7" s="9">
        <f t="shared" si="114"/>
        <v>1.019803902718557</v>
      </c>
      <c r="JTY7" s="9">
        <f t="shared" si="114"/>
        <v>1.019803902718557</v>
      </c>
      <c r="JTZ7" s="9">
        <f t="shared" ref="JTZ7:JWK7" si="115">1/((1+$F$6) ^(JTZ3-$F$7))</f>
        <v>1.019803902718557</v>
      </c>
      <c r="JUA7" s="9">
        <f t="shared" si="115"/>
        <v>1.019803902718557</v>
      </c>
      <c r="JUB7" s="9">
        <f t="shared" si="115"/>
        <v>1.019803902718557</v>
      </c>
      <c r="JUC7" s="9">
        <f t="shared" si="115"/>
        <v>1.019803902718557</v>
      </c>
      <c r="JUD7" s="9">
        <f t="shared" si="115"/>
        <v>1.019803902718557</v>
      </c>
      <c r="JUE7" s="9">
        <f t="shared" si="115"/>
        <v>1.019803902718557</v>
      </c>
      <c r="JUF7" s="9">
        <f t="shared" si="115"/>
        <v>1.019803902718557</v>
      </c>
      <c r="JUG7" s="9">
        <f t="shared" si="115"/>
        <v>1.019803902718557</v>
      </c>
      <c r="JUH7" s="9">
        <f t="shared" si="115"/>
        <v>1.019803902718557</v>
      </c>
      <c r="JUI7" s="9">
        <f t="shared" si="115"/>
        <v>1.019803902718557</v>
      </c>
      <c r="JUJ7" s="9">
        <f t="shared" si="115"/>
        <v>1.019803902718557</v>
      </c>
      <c r="JUK7" s="9">
        <f t="shared" si="115"/>
        <v>1.019803902718557</v>
      </c>
      <c r="JUL7" s="9">
        <f t="shared" si="115"/>
        <v>1.019803902718557</v>
      </c>
      <c r="JUM7" s="9">
        <f t="shared" si="115"/>
        <v>1.019803902718557</v>
      </c>
      <c r="JUN7" s="9">
        <f t="shared" si="115"/>
        <v>1.019803902718557</v>
      </c>
      <c r="JUO7" s="9">
        <f t="shared" si="115"/>
        <v>1.019803902718557</v>
      </c>
      <c r="JUP7" s="9">
        <f t="shared" si="115"/>
        <v>1.019803902718557</v>
      </c>
      <c r="JUQ7" s="9">
        <f t="shared" si="115"/>
        <v>1.019803902718557</v>
      </c>
      <c r="JUR7" s="9">
        <f t="shared" si="115"/>
        <v>1.019803902718557</v>
      </c>
      <c r="JUS7" s="9">
        <f t="shared" si="115"/>
        <v>1.019803902718557</v>
      </c>
      <c r="JUT7" s="9">
        <f t="shared" si="115"/>
        <v>1.019803902718557</v>
      </c>
      <c r="JUU7" s="9">
        <f t="shared" si="115"/>
        <v>1.019803902718557</v>
      </c>
      <c r="JUV7" s="9">
        <f t="shared" si="115"/>
        <v>1.019803902718557</v>
      </c>
      <c r="JUW7" s="9">
        <f t="shared" si="115"/>
        <v>1.019803902718557</v>
      </c>
      <c r="JUX7" s="9">
        <f t="shared" si="115"/>
        <v>1.019803902718557</v>
      </c>
      <c r="JUY7" s="9">
        <f t="shared" si="115"/>
        <v>1.019803902718557</v>
      </c>
      <c r="JUZ7" s="9">
        <f t="shared" si="115"/>
        <v>1.019803902718557</v>
      </c>
      <c r="JVA7" s="9">
        <f t="shared" si="115"/>
        <v>1.019803902718557</v>
      </c>
      <c r="JVB7" s="9">
        <f t="shared" si="115"/>
        <v>1.019803902718557</v>
      </c>
      <c r="JVC7" s="9">
        <f t="shared" si="115"/>
        <v>1.019803902718557</v>
      </c>
      <c r="JVD7" s="9">
        <f t="shared" si="115"/>
        <v>1.019803902718557</v>
      </c>
      <c r="JVE7" s="9">
        <f t="shared" si="115"/>
        <v>1.019803902718557</v>
      </c>
      <c r="JVF7" s="9">
        <f t="shared" si="115"/>
        <v>1.019803902718557</v>
      </c>
      <c r="JVG7" s="9">
        <f t="shared" si="115"/>
        <v>1.019803902718557</v>
      </c>
      <c r="JVH7" s="9">
        <f t="shared" si="115"/>
        <v>1.019803902718557</v>
      </c>
      <c r="JVI7" s="9">
        <f t="shared" si="115"/>
        <v>1.019803902718557</v>
      </c>
      <c r="JVJ7" s="9">
        <f t="shared" si="115"/>
        <v>1.019803902718557</v>
      </c>
      <c r="JVK7" s="9">
        <f t="shared" si="115"/>
        <v>1.019803902718557</v>
      </c>
      <c r="JVL7" s="9">
        <f t="shared" si="115"/>
        <v>1.019803902718557</v>
      </c>
      <c r="JVM7" s="9">
        <f t="shared" si="115"/>
        <v>1.019803902718557</v>
      </c>
      <c r="JVN7" s="9">
        <f t="shared" si="115"/>
        <v>1.019803902718557</v>
      </c>
      <c r="JVO7" s="9">
        <f t="shared" si="115"/>
        <v>1.019803902718557</v>
      </c>
      <c r="JVP7" s="9">
        <f t="shared" si="115"/>
        <v>1.019803902718557</v>
      </c>
      <c r="JVQ7" s="9">
        <f t="shared" si="115"/>
        <v>1.019803902718557</v>
      </c>
      <c r="JVR7" s="9">
        <f t="shared" si="115"/>
        <v>1.019803902718557</v>
      </c>
      <c r="JVS7" s="9">
        <f t="shared" si="115"/>
        <v>1.019803902718557</v>
      </c>
      <c r="JVT7" s="9">
        <f t="shared" si="115"/>
        <v>1.019803902718557</v>
      </c>
      <c r="JVU7" s="9">
        <f t="shared" si="115"/>
        <v>1.019803902718557</v>
      </c>
      <c r="JVV7" s="9">
        <f t="shared" si="115"/>
        <v>1.019803902718557</v>
      </c>
      <c r="JVW7" s="9">
        <f t="shared" si="115"/>
        <v>1.019803902718557</v>
      </c>
      <c r="JVX7" s="9">
        <f t="shared" si="115"/>
        <v>1.019803902718557</v>
      </c>
      <c r="JVY7" s="9">
        <f t="shared" si="115"/>
        <v>1.019803902718557</v>
      </c>
      <c r="JVZ7" s="9">
        <f t="shared" si="115"/>
        <v>1.019803902718557</v>
      </c>
      <c r="JWA7" s="9">
        <f t="shared" si="115"/>
        <v>1.019803902718557</v>
      </c>
      <c r="JWB7" s="9">
        <f t="shared" si="115"/>
        <v>1.019803902718557</v>
      </c>
      <c r="JWC7" s="9">
        <f t="shared" si="115"/>
        <v>1.019803902718557</v>
      </c>
      <c r="JWD7" s="9">
        <f t="shared" si="115"/>
        <v>1.019803902718557</v>
      </c>
      <c r="JWE7" s="9">
        <f t="shared" si="115"/>
        <v>1.019803902718557</v>
      </c>
      <c r="JWF7" s="9">
        <f t="shared" si="115"/>
        <v>1.019803902718557</v>
      </c>
      <c r="JWG7" s="9">
        <f t="shared" si="115"/>
        <v>1.019803902718557</v>
      </c>
      <c r="JWH7" s="9">
        <f t="shared" si="115"/>
        <v>1.019803902718557</v>
      </c>
      <c r="JWI7" s="9">
        <f t="shared" si="115"/>
        <v>1.019803902718557</v>
      </c>
      <c r="JWJ7" s="9">
        <f t="shared" si="115"/>
        <v>1.019803902718557</v>
      </c>
      <c r="JWK7" s="9">
        <f t="shared" si="115"/>
        <v>1.019803902718557</v>
      </c>
      <c r="JWL7" s="9">
        <f t="shared" ref="JWL7:JYW7" si="116">1/((1+$F$6) ^(JWL3-$F$7))</f>
        <v>1.019803902718557</v>
      </c>
      <c r="JWM7" s="9">
        <f t="shared" si="116"/>
        <v>1.019803902718557</v>
      </c>
      <c r="JWN7" s="9">
        <f t="shared" si="116"/>
        <v>1.019803902718557</v>
      </c>
      <c r="JWO7" s="9">
        <f t="shared" si="116"/>
        <v>1.019803902718557</v>
      </c>
      <c r="JWP7" s="9">
        <f t="shared" si="116"/>
        <v>1.019803902718557</v>
      </c>
      <c r="JWQ7" s="9">
        <f t="shared" si="116"/>
        <v>1.019803902718557</v>
      </c>
      <c r="JWR7" s="9">
        <f t="shared" si="116"/>
        <v>1.019803902718557</v>
      </c>
      <c r="JWS7" s="9">
        <f t="shared" si="116"/>
        <v>1.019803902718557</v>
      </c>
      <c r="JWT7" s="9">
        <f t="shared" si="116"/>
        <v>1.019803902718557</v>
      </c>
      <c r="JWU7" s="9">
        <f t="shared" si="116"/>
        <v>1.019803902718557</v>
      </c>
      <c r="JWV7" s="9">
        <f t="shared" si="116"/>
        <v>1.019803902718557</v>
      </c>
      <c r="JWW7" s="9">
        <f t="shared" si="116"/>
        <v>1.019803902718557</v>
      </c>
      <c r="JWX7" s="9">
        <f t="shared" si="116"/>
        <v>1.019803902718557</v>
      </c>
      <c r="JWY7" s="9">
        <f t="shared" si="116"/>
        <v>1.019803902718557</v>
      </c>
      <c r="JWZ7" s="9">
        <f t="shared" si="116"/>
        <v>1.019803902718557</v>
      </c>
      <c r="JXA7" s="9">
        <f t="shared" si="116"/>
        <v>1.019803902718557</v>
      </c>
      <c r="JXB7" s="9">
        <f t="shared" si="116"/>
        <v>1.019803902718557</v>
      </c>
      <c r="JXC7" s="9">
        <f t="shared" si="116"/>
        <v>1.019803902718557</v>
      </c>
      <c r="JXD7" s="9">
        <f t="shared" si="116"/>
        <v>1.019803902718557</v>
      </c>
      <c r="JXE7" s="9">
        <f t="shared" si="116"/>
        <v>1.019803902718557</v>
      </c>
      <c r="JXF7" s="9">
        <f t="shared" si="116"/>
        <v>1.019803902718557</v>
      </c>
      <c r="JXG7" s="9">
        <f t="shared" si="116"/>
        <v>1.019803902718557</v>
      </c>
      <c r="JXH7" s="9">
        <f t="shared" si="116"/>
        <v>1.019803902718557</v>
      </c>
      <c r="JXI7" s="9">
        <f t="shared" si="116"/>
        <v>1.019803902718557</v>
      </c>
      <c r="JXJ7" s="9">
        <f t="shared" si="116"/>
        <v>1.019803902718557</v>
      </c>
      <c r="JXK7" s="9">
        <f t="shared" si="116"/>
        <v>1.019803902718557</v>
      </c>
      <c r="JXL7" s="9">
        <f t="shared" si="116"/>
        <v>1.019803902718557</v>
      </c>
      <c r="JXM7" s="9">
        <f t="shared" si="116"/>
        <v>1.019803902718557</v>
      </c>
      <c r="JXN7" s="9">
        <f t="shared" si="116"/>
        <v>1.019803902718557</v>
      </c>
      <c r="JXO7" s="9">
        <f t="shared" si="116"/>
        <v>1.019803902718557</v>
      </c>
      <c r="JXP7" s="9">
        <f t="shared" si="116"/>
        <v>1.019803902718557</v>
      </c>
      <c r="JXQ7" s="9">
        <f t="shared" si="116"/>
        <v>1.019803902718557</v>
      </c>
      <c r="JXR7" s="9">
        <f t="shared" si="116"/>
        <v>1.019803902718557</v>
      </c>
      <c r="JXS7" s="9">
        <f t="shared" si="116"/>
        <v>1.019803902718557</v>
      </c>
      <c r="JXT7" s="9">
        <f t="shared" si="116"/>
        <v>1.019803902718557</v>
      </c>
      <c r="JXU7" s="9">
        <f t="shared" si="116"/>
        <v>1.019803902718557</v>
      </c>
      <c r="JXV7" s="9">
        <f t="shared" si="116"/>
        <v>1.019803902718557</v>
      </c>
      <c r="JXW7" s="9">
        <f t="shared" si="116"/>
        <v>1.019803902718557</v>
      </c>
      <c r="JXX7" s="9">
        <f t="shared" si="116"/>
        <v>1.019803902718557</v>
      </c>
      <c r="JXY7" s="9">
        <f t="shared" si="116"/>
        <v>1.019803902718557</v>
      </c>
      <c r="JXZ7" s="9">
        <f t="shared" si="116"/>
        <v>1.019803902718557</v>
      </c>
      <c r="JYA7" s="9">
        <f t="shared" si="116"/>
        <v>1.019803902718557</v>
      </c>
      <c r="JYB7" s="9">
        <f t="shared" si="116"/>
        <v>1.019803902718557</v>
      </c>
      <c r="JYC7" s="9">
        <f t="shared" si="116"/>
        <v>1.019803902718557</v>
      </c>
      <c r="JYD7" s="9">
        <f t="shared" si="116"/>
        <v>1.019803902718557</v>
      </c>
      <c r="JYE7" s="9">
        <f t="shared" si="116"/>
        <v>1.019803902718557</v>
      </c>
      <c r="JYF7" s="9">
        <f t="shared" si="116"/>
        <v>1.019803902718557</v>
      </c>
      <c r="JYG7" s="9">
        <f t="shared" si="116"/>
        <v>1.019803902718557</v>
      </c>
      <c r="JYH7" s="9">
        <f t="shared" si="116"/>
        <v>1.019803902718557</v>
      </c>
      <c r="JYI7" s="9">
        <f t="shared" si="116"/>
        <v>1.019803902718557</v>
      </c>
      <c r="JYJ7" s="9">
        <f t="shared" si="116"/>
        <v>1.019803902718557</v>
      </c>
      <c r="JYK7" s="9">
        <f t="shared" si="116"/>
        <v>1.019803902718557</v>
      </c>
      <c r="JYL7" s="9">
        <f t="shared" si="116"/>
        <v>1.019803902718557</v>
      </c>
      <c r="JYM7" s="9">
        <f t="shared" si="116"/>
        <v>1.019803902718557</v>
      </c>
      <c r="JYN7" s="9">
        <f t="shared" si="116"/>
        <v>1.019803902718557</v>
      </c>
      <c r="JYO7" s="9">
        <f t="shared" si="116"/>
        <v>1.019803902718557</v>
      </c>
      <c r="JYP7" s="9">
        <f t="shared" si="116"/>
        <v>1.019803902718557</v>
      </c>
      <c r="JYQ7" s="9">
        <f t="shared" si="116"/>
        <v>1.019803902718557</v>
      </c>
      <c r="JYR7" s="9">
        <f t="shared" si="116"/>
        <v>1.019803902718557</v>
      </c>
      <c r="JYS7" s="9">
        <f t="shared" si="116"/>
        <v>1.019803902718557</v>
      </c>
      <c r="JYT7" s="9">
        <f t="shared" si="116"/>
        <v>1.019803902718557</v>
      </c>
      <c r="JYU7" s="9">
        <f t="shared" si="116"/>
        <v>1.019803902718557</v>
      </c>
      <c r="JYV7" s="9">
        <f t="shared" si="116"/>
        <v>1.019803902718557</v>
      </c>
      <c r="JYW7" s="9">
        <f t="shared" si="116"/>
        <v>1.019803902718557</v>
      </c>
      <c r="JYX7" s="9">
        <f t="shared" ref="JYX7:KBI7" si="117">1/((1+$F$6) ^(JYX3-$F$7))</f>
        <v>1.019803902718557</v>
      </c>
      <c r="JYY7" s="9">
        <f t="shared" si="117"/>
        <v>1.019803902718557</v>
      </c>
      <c r="JYZ7" s="9">
        <f t="shared" si="117"/>
        <v>1.019803902718557</v>
      </c>
      <c r="JZA7" s="9">
        <f t="shared" si="117"/>
        <v>1.019803902718557</v>
      </c>
      <c r="JZB7" s="9">
        <f t="shared" si="117"/>
        <v>1.019803902718557</v>
      </c>
      <c r="JZC7" s="9">
        <f t="shared" si="117"/>
        <v>1.019803902718557</v>
      </c>
      <c r="JZD7" s="9">
        <f t="shared" si="117"/>
        <v>1.019803902718557</v>
      </c>
      <c r="JZE7" s="9">
        <f t="shared" si="117"/>
        <v>1.019803902718557</v>
      </c>
      <c r="JZF7" s="9">
        <f t="shared" si="117"/>
        <v>1.019803902718557</v>
      </c>
      <c r="JZG7" s="9">
        <f t="shared" si="117"/>
        <v>1.019803902718557</v>
      </c>
      <c r="JZH7" s="9">
        <f t="shared" si="117"/>
        <v>1.019803902718557</v>
      </c>
      <c r="JZI7" s="9">
        <f t="shared" si="117"/>
        <v>1.019803902718557</v>
      </c>
      <c r="JZJ7" s="9">
        <f t="shared" si="117"/>
        <v>1.019803902718557</v>
      </c>
      <c r="JZK7" s="9">
        <f t="shared" si="117"/>
        <v>1.019803902718557</v>
      </c>
      <c r="JZL7" s="9">
        <f t="shared" si="117"/>
        <v>1.019803902718557</v>
      </c>
      <c r="JZM7" s="9">
        <f t="shared" si="117"/>
        <v>1.019803902718557</v>
      </c>
      <c r="JZN7" s="9">
        <f t="shared" si="117"/>
        <v>1.019803902718557</v>
      </c>
      <c r="JZO7" s="9">
        <f t="shared" si="117"/>
        <v>1.019803902718557</v>
      </c>
      <c r="JZP7" s="9">
        <f t="shared" si="117"/>
        <v>1.019803902718557</v>
      </c>
      <c r="JZQ7" s="9">
        <f t="shared" si="117"/>
        <v>1.019803902718557</v>
      </c>
      <c r="JZR7" s="9">
        <f t="shared" si="117"/>
        <v>1.019803902718557</v>
      </c>
      <c r="JZS7" s="9">
        <f t="shared" si="117"/>
        <v>1.019803902718557</v>
      </c>
      <c r="JZT7" s="9">
        <f t="shared" si="117"/>
        <v>1.019803902718557</v>
      </c>
      <c r="JZU7" s="9">
        <f t="shared" si="117"/>
        <v>1.019803902718557</v>
      </c>
      <c r="JZV7" s="9">
        <f t="shared" si="117"/>
        <v>1.019803902718557</v>
      </c>
      <c r="JZW7" s="9">
        <f t="shared" si="117"/>
        <v>1.019803902718557</v>
      </c>
      <c r="JZX7" s="9">
        <f t="shared" si="117"/>
        <v>1.019803902718557</v>
      </c>
      <c r="JZY7" s="9">
        <f t="shared" si="117"/>
        <v>1.019803902718557</v>
      </c>
      <c r="JZZ7" s="9">
        <f t="shared" si="117"/>
        <v>1.019803902718557</v>
      </c>
      <c r="KAA7" s="9">
        <f t="shared" si="117"/>
        <v>1.019803902718557</v>
      </c>
      <c r="KAB7" s="9">
        <f t="shared" si="117"/>
        <v>1.019803902718557</v>
      </c>
      <c r="KAC7" s="9">
        <f t="shared" si="117"/>
        <v>1.019803902718557</v>
      </c>
      <c r="KAD7" s="9">
        <f t="shared" si="117"/>
        <v>1.019803902718557</v>
      </c>
      <c r="KAE7" s="9">
        <f t="shared" si="117"/>
        <v>1.019803902718557</v>
      </c>
      <c r="KAF7" s="9">
        <f t="shared" si="117"/>
        <v>1.019803902718557</v>
      </c>
      <c r="KAG7" s="9">
        <f t="shared" si="117"/>
        <v>1.019803902718557</v>
      </c>
      <c r="KAH7" s="9">
        <f t="shared" si="117"/>
        <v>1.019803902718557</v>
      </c>
      <c r="KAI7" s="9">
        <f t="shared" si="117"/>
        <v>1.019803902718557</v>
      </c>
      <c r="KAJ7" s="9">
        <f t="shared" si="117"/>
        <v>1.019803902718557</v>
      </c>
      <c r="KAK7" s="9">
        <f t="shared" si="117"/>
        <v>1.019803902718557</v>
      </c>
      <c r="KAL7" s="9">
        <f t="shared" si="117"/>
        <v>1.019803902718557</v>
      </c>
      <c r="KAM7" s="9">
        <f t="shared" si="117"/>
        <v>1.019803902718557</v>
      </c>
      <c r="KAN7" s="9">
        <f t="shared" si="117"/>
        <v>1.019803902718557</v>
      </c>
      <c r="KAO7" s="9">
        <f t="shared" si="117"/>
        <v>1.019803902718557</v>
      </c>
      <c r="KAP7" s="9">
        <f t="shared" si="117"/>
        <v>1.019803902718557</v>
      </c>
      <c r="KAQ7" s="9">
        <f t="shared" si="117"/>
        <v>1.019803902718557</v>
      </c>
      <c r="KAR7" s="9">
        <f t="shared" si="117"/>
        <v>1.019803902718557</v>
      </c>
      <c r="KAS7" s="9">
        <f t="shared" si="117"/>
        <v>1.019803902718557</v>
      </c>
      <c r="KAT7" s="9">
        <f t="shared" si="117"/>
        <v>1.019803902718557</v>
      </c>
      <c r="KAU7" s="9">
        <f t="shared" si="117"/>
        <v>1.019803902718557</v>
      </c>
      <c r="KAV7" s="9">
        <f t="shared" si="117"/>
        <v>1.019803902718557</v>
      </c>
      <c r="KAW7" s="9">
        <f t="shared" si="117"/>
        <v>1.019803902718557</v>
      </c>
      <c r="KAX7" s="9">
        <f t="shared" si="117"/>
        <v>1.019803902718557</v>
      </c>
      <c r="KAY7" s="9">
        <f t="shared" si="117"/>
        <v>1.019803902718557</v>
      </c>
      <c r="KAZ7" s="9">
        <f t="shared" si="117"/>
        <v>1.019803902718557</v>
      </c>
      <c r="KBA7" s="9">
        <f t="shared" si="117"/>
        <v>1.019803902718557</v>
      </c>
      <c r="KBB7" s="9">
        <f t="shared" si="117"/>
        <v>1.019803902718557</v>
      </c>
      <c r="KBC7" s="9">
        <f t="shared" si="117"/>
        <v>1.019803902718557</v>
      </c>
      <c r="KBD7" s="9">
        <f t="shared" si="117"/>
        <v>1.019803902718557</v>
      </c>
      <c r="KBE7" s="9">
        <f t="shared" si="117"/>
        <v>1.019803902718557</v>
      </c>
      <c r="KBF7" s="9">
        <f t="shared" si="117"/>
        <v>1.019803902718557</v>
      </c>
      <c r="KBG7" s="9">
        <f t="shared" si="117"/>
        <v>1.019803902718557</v>
      </c>
      <c r="KBH7" s="9">
        <f t="shared" si="117"/>
        <v>1.019803902718557</v>
      </c>
      <c r="KBI7" s="9">
        <f t="shared" si="117"/>
        <v>1.019803902718557</v>
      </c>
      <c r="KBJ7" s="9">
        <f t="shared" ref="KBJ7:KDU7" si="118">1/((1+$F$6) ^(KBJ3-$F$7))</f>
        <v>1.019803902718557</v>
      </c>
      <c r="KBK7" s="9">
        <f t="shared" si="118"/>
        <v>1.019803902718557</v>
      </c>
      <c r="KBL7" s="9">
        <f t="shared" si="118"/>
        <v>1.019803902718557</v>
      </c>
      <c r="KBM7" s="9">
        <f t="shared" si="118"/>
        <v>1.019803902718557</v>
      </c>
      <c r="KBN7" s="9">
        <f t="shared" si="118"/>
        <v>1.019803902718557</v>
      </c>
      <c r="KBO7" s="9">
        <f t="shared" si="118"/>
        <v>1.019803902718557</v>
      </c>
      <c r="KBP7" s="9">
        <f t="shared" si="118"/>
        <v>1.019803902718557</v>
      </c>
      <c r="KBQ7" s="9">
        <f t="shared" si="118"/>
        <v>1.019803902718557</v>
      </c>
      <c r="KBR7" s="9">
        <f t="shared" si="118"/>
        <v>1.019803902718557</v>
      </c>
      <c r="KBS7" s="9">
        <f t="shared" si="118"/>
        <v>1.019803902718557</v>
      </c>
      <c r="KBT7" s="9">
        <f t="shared" si="118"/>
        <v>1.019803902718557</v>
      </c>
      <c r="KBU7" s="9">
        <f t="shared" si="118"/>
        <v>1.019803902718557</v>
      </c>
      <c r="KBV7" s="9">
        <f t="shared" si="118"/>
        <v>1.019803902718557</v>
      </c>
      <c r="KBW7" s="9">
        <f t="shared" si="118"/>
        <v>1.019803902718557</v>
      </c>
      <c r="KBX7" s="9">
        <f t="shared" si="118"/>
        <v>1.019803902718557</v>
      </c>
      <c r="KBY7" s="9">
        <f t="shared" si="118"/>
        <v>1.019803902718557</v>
      </c>
      <c r="KBZ7" s="9">
        <f t="shared" si="118"/>
        <v>1.019803902718557</v>
      </c>
      <c r="KCA7" s="9">
        <f t="shared" si="118"/>
        <v>1.019803902718557</v>
      </c>
      <c r="KCB7" s="9">
        <f t="shared" si="118"/>
        <v>1.019803902718557</v>
      </c>
      <c r="KCC7" s="9">
        <f t="shared" si="118"/>
        <v>1.019803902718557</v>
      </c>
      <c r="KCD7" s="9">
        <f t="shared" si="118"/>
        <v>1.019803902718557</v>
      </c>
      <c r="KCE7" s="9">
        <f t="shared" si="118"/>
        <v>1.019803902718557</v>
      </c>
      <c r="KCF7" s="9">
        <f t="shared" si="118"/>
        <v>1.019803902718557</v>
      </c>
      <c r="KCG7" s="9">
        <f t="shared" si="118"/>
        <v>1.019803902718557</v>
      </c>
      <c r="KCH7" s="9">
        <f t="shared" si="118"/>
        <v>1.019803902718557</v>
      </c>
      <c r="KCI7" s="9">
        <f t="shared" si="118"/>
        <v>1.019803902718557</v>
      </c>
      <c r="KCJ7" s="9">
        <f t="shared" si="118"/>
        <v>1.019803902718557</v>
      </c>
      <c r="KCK7" s="9">
        <f t="shared" si="118"/>
        <v>1.019803902718557</v>
      </c>
      <c r="KCL7" s="9">
        <f t="shared" si="118"/>
        <v>1.019803902718557</v>
      </c>
      <c r="KCM7" s="9">
        <f t="shared" si="118"/>
        <v>1.019803902718557</v>
      </c>
      <c r="KCN7" s="9">
        <f t="shared" si="118"/>
        <v>1.019803902718557</v>
      </c>
      <c r="KCO7" s="9">
        <f t="shared" si="118"/>
        <v>1.019803902718557</v>
      </c>
      <c r="KCP7" s="9">
        <f t="shared" si="118"/>
        <v>1.019803902718557</v>
      </c>
      <c r="KCQ7" s="9">
        <f t="shared" si="118"/>
        <v>1.019803902718557</v>
      </c>
      <c r="KCR7" s="9">
        <f t="shared" si="118"/>
        <v>1.019803902718557</v>
      </c>
      <c r="KCS7" s="9">
        <f t="shared" si="118"/>
        <v>1.019803902718557</v>
      </c>
      <c r="KCT7" s="9">
        <f t="shared" si="118"/>
        <v>1.019803902718557</v>
      </c>
      <c r="KCU7" s="9">
        <f t="shared" si="118"/>
        <v>1.019803902718557</v>
      </c>
      <c r="KCV7" s="9">
        <f t="shared" si="118"/>
        <v>1.019803902718557</v>
      </c>
      <c r="KCW7" s="9">
        <f t="shared" si="118"/>
        <v>1.019803902718557</v>
      </c>
      <c r="KCX7" s="9">
        <f t="shared" si="118"/>
        <v>1.019803902718557</v>
      </c>
      <c r="KCY7" s="9">
        <f t="shared" si="118"/>
        <v>1.019803902718557</v>
      </c>
      <c r="KCZ7" s="9">
        <f t="shared" si="118"/>
        <v>1.019803902718557</v>
      </c>
      <c r="KDA7" s="9">
        <f t="shared" si="118"/>
        <v>1.019803902718557</v>
      </c>
      <c r="KDB7" s="9">
        <f t="shared" si="118"/>
        <v>1.019803902718557</v>
      </c>
      <c r="KDC7" s="9">
        <f t="shared" si="118"/>
        <v>1.019803902718557</v>
      </c>
      <c r="KDD7" s="9">
        <f t="shared" si="118"/>
        <v>1.019803902718557</v>
      </c>
      <c r="KDE7" s="9">
        <f t="shared" si="118"/>
        <v>1.019803902718557</v>
      </c>
      <c r="KDF7" s="9">
        <f t="shared" si="118"/>
        <v>1.019803902718557</v>
      </c>
      <c r="KDG7" s="9">
        <f t="shared" si="118"/>
        <v>1.019803902718557</v>
      </c>
      <c r="KDH7" s="9">
        <f t="shared" si="118"/>
        <v>1.019803902718557</v>
      </c>
      <c r="KDI7" s="9">
        <f t="shared" si="118"/>
        <v>1.019803902718557</v>
      </c>
      <c r="KDJ7" s="9">
        <f t="shared" si="118"/>
        <v>1.019803902718557</v>
      </c>
      <c r="KDK7" s="9">
        <f t="shared" si="118"/>
        <v>1.019803902718557</v>
      </c>
      <c r="KDL7" s="9">
        <f t="shared" si="118"/>
        <v>1.019803902718557</v>
      </c>
      <c r="KDM7" s="9">
        <f t="shared" si="118"/>
        <v>1.019803902718557</v>
      </c>
      <c r="KDN7" s="9">
        <f t="shared" si="118"/>
        <v>1.019803902718557</v>
      </c>
      <c r="KDO7" s="9">
        <f t="shared" si="118"/>
        <v>1.019803902718557</v>
      </c>
      <c r="KDP7" s="9">
        <f t="shared" si="118"/>
        <v>1.019803902718557</v>
      </c>
      <c r="KDQ7" s="9">
        <f t="shared" si="118"/>
        <v>1.019803902718557</v>
      </c>
      <c r="KDR7" s="9">
        <f t="shared" si="118"/>
        <v>1.019803902718557</v>
      </c>
      <c r="KDS7" s="9">
        <f t="shared" si="118"/>
        <v>1.019803902718557</v>
      </c>
      <c r="KDT7" s="9">
        <f t="shared" si="118"/>
        <v>1.019803902718557</v>
      </c>
      <c r="KDU7" s="9">
        <f t="shared" si="118"/>
        <v>1.019803902718557</v>
      </c>
      <c r="KDV7" s="9">
        <f t="shared" ref="KDV7:KGG7" si="119">1/((1+$F$6) ^(KDV3-$F$7))</f>
        <v>1.019803902718557</v>
      </c>
      <c r="KDW7" s="9">
        <f t="shared" si="119"/>
        <v>1.019803902718557</v>
      </c>
      <c r="KDX7" s="9">
        <f t="shared" si="119"/>
        <v>1.019803902718557</v>
      </c>
      <c r="KDY7" s="9">
        <f t="shared" si="119"/>
        <v>1.019803902718557</v>
      </c>
      <c r="KDZ7" s="9">
        <f t="shared" si="119"/>
        <v>1.019803902718557</v>
      </c>
      <c r="KEA7" s="9">
        <f t="shared" si="119"/>
        <v>1.019803902718557</v>
      </c>
      <c r="KEB7" s="9">
        <f t="shared" si="119"/>
        <v>1.019803902718557</v>
      </c>
      <c r="KEC7" s="9">
        <f t="shared" si="119"/>
        <v>1.019803902718557</v>
      </c>
      <c r="KED7" s="9">
        <f t="shared" si="119"/>
        <v>1.019803902718557</v>
      </c>
      <c r="KEE7" s="9">
        <f t="shared" si="119"/>
        <v>1.019803902718557</v>
      </c>
      <c r="KEF7" s="9">
        <f t="shared" si="119"/>
        <v>1.019803902718557</v>
      </c>
      <c r="KEG7" s="9">
        <f t="shared" si="119"/>
        <v>1.019803902718557</v>
      </c>
      <c r="KEH7" s="9">
        <f t="shared" si="119"/>
        <v>1.019803902718557</v>
      </c>
      <c r="KEI7" s="9">
        <f t="shared" si="119"/>
        <v>1.019803902718557</v>
      </c>
      <c r="KEJ7" s="9">
        <f t="shared" si="119"/>
        <v>1.019803902718557</v>
      </c>
      <c r="KEK7" s="9">
        <f t="shared" si="119"/>
        <v>1.019803902718557</v>
      </c>
      <c r="KEL7" s="9">
        <f t="shared" si="119"/>
        <v>1.019803902718557</v>
      </c>
      <c r="KEM7" s="9">
        <f t="shared" si="119"/>
        <v>1.019803902718557</v>
      </c>
      <c r="KEN7" s="9">
        <f t="shared" si="119"/>
        <v>1.019803902718557</v>
      </c>
      <c r="KEO7" s="9">
        <f t="shared" si="119"/>
        <v>1.019803902718557</v>
      </c>
      <c r="KEP7" s="9">
        <f t="shared" si="119"/>
        <v>1.019803902718557</v>
      </c>
      <c r="KEQ7" s="9">
        <f t="shared" si="119"/>
        <v>1.019803902718557</v>
      </c>
      <c r="KER7" s="9">
        <f t="shared" si="119"/>
        <v>1.019803902718557</v>
      </c>
      <c r="KES7" s="9">
        <f t="shared" si="119"/>
        <v>1.019803902718557</v>
      </c>
      <c r="KET7" s="9">
        <f t="shared" si="119"/>
        <v>1.019803902718557</v>
      </c>
      <c r="KEU7" s="9">
        <f t="shared" si="119"/>
        <v>1.019803902718557</v>
      </c>
      <c r="KEV7" s="9">
        <f t="shared" si="119"/>
        <v>1.019803902718557</v>
      </c>
      <c r="KEW7" s="9">
        <f t="shared" si="119"/>
        <v>1.019803902718557</v>
      </c>
      <c r="KEX7" s="9">
        <f t="shared" si="119"/>
        <v>1.019803902718557</v>
      </c>
      <c r="KEY7" s="9">
        <f t="shared" si="119"/>
        <v>1.019803902718557</v>
      </c>
      <c r="KEZ7" s="9">
        <f t="shared" si="119"/>
        <v>1.019803902718557</v>
      </c>
      <c r="KFA7" s="9">
        <f t="shared" si="119"/>
        <v>1.019803902718557</v>
      </c>
      <c r="KFB7" s="9">
        <f t="shared" si="119"/>
        <v>1.019803902718557</v>
      </c>
      <c r="KFC7" s="9">
        <f t="shared" si="119"/>
        <v>1.019803902718557</v>
      </c>
      <c r="KFD7" s="9">
        <f t="shared" si="119"/>
        <v>1.019803902718557</v>
      </c>
      <c r="KFE7" s="9">
        <f t="shared" si="119"/>
        <v>1.019803902718557</v>
      </c>
      <c r="KFF7" s="9">
        <f t="shared" si="119"/>
        <v>1.019803902718557</v>
      </c>
      <c r="KFG7" s="9">
        <f t="shared" si="119"/>
        <v>1.019803902718557</v>
      </c>
      <c r="KFH7" s="9">
        <f t="shared" si="119"/>
        <v>1.019803902718557</v>
      </c>
      <c r="KFI7" s="9">
        <f t="shared" si="119"/>
        <v>1.019803902718557</v>
      </c>
      <c r="KFJ7" s="9">
        <f t="shared" si="119"/>
        <v>1.019803902718557</v>
      </c>
      <c r="KFK7" s="9">
        <f t="shared" si="119"/>
        <v>1.019803902718557</v>
      </c>
      <c r="KFL7" s="9">
        <f t="shared" si="119"/>
        <v>1.019803902718557</v>
      </c>
      <c r="KFM7" s="9">
        <f t="shared" si="119"/>
        <v>1.019803902718557</v>
      </c>
      <c r="KFN7" s="9">
        <f t="shared" si="119"/>
        <v>1.019803902718557</v>
      </c>
      <c r="KFO7" s="9">
        <f t="shared" si="119"/>
        <v>1.019803902718557</v>
      </c>
      <c r="KFP7" s="9">
        <f t="shared" si="119"/>
        <v>1.019803902718557</v>
      </c>
      <c r="KFQ7" s="9">
        <f t="shared" si="119"/>
        <v>1.019803902718557</v>
      </c>
      <c r="KFR7" s="9">
        <f t="shared" si="119"/>
        <v>1.019803902718557</v>
      </c>
      <c r="KFS7" s="9">
        <f t="shared" si="119"/>
        <v>1.019803902718557</v>
      </c>
      <c r="KFT7" s="9">
        <f t="shared" si="119"/>
        <v>1.019803902718557</v>
      </c>
      <c r="KFU7" s="9">
        <f t="shared" si="119"/>
        <v>1.019803902718557</v>
      </c>
      <c r="KFV7" s="9">
        <f t="shared" si="119"/>
        <v>1.019803902718557</v>
      </c>
      <c r="KFW7" s="9">
        <f t="shared" si="119"/>
        <v>1.019803902718557</v>
      </c>
      <c r="KFX7" s="9">
        <f t="shared" si="119"/>
        <v>1.019803902718557</v>
      </c>
      <c r="KFY7" s="9">
        <f t="shared" si="119"/>
        <v>1.019803902718557</v>
      </c>
      <c r="KFZ7" s="9">
        <f t="shared" si="119"/>
        <v>1.019803902718557</v>
      </c>
      <c r="KGA7" s="9">
        <f t="shared" si="119"/>
        <v>1.019803902718557</v>
      </c>
      <c r="KGB7" s="9">
        <f t="shared" si="119"/>
        <v>1.019803902718557</v>
      </c>
      <c r="KGC7" s="9">
        <f t="shared" si="119"/>
        <v>1.019803902718557</v>
      </c>
      <c r="KGD7" s="9">
        <f t="shared" si="119"/>
        <v>1.019803902718557</v>
      </c>
      <c r="KGE7" s="9">
        <f t="shared" si="119"/>
        <v>1.019803902718557</v>
      </c>
      <c r="KGF7" s="9">
        <f t="shared" si="119"/>
        <v>1.019803902718557</v>
      </c>
      <c r="KGG7" s="9">
        <f t="shared" si="119"/>
        <v>1.019803902718557</v>
      </c>
      <c r="KGH7" s="9">
        <f t="shared" ref="KGH7:KIS7" si="120">1/((1+$F$6) ^(KGH3-$F$7))</f>
        <v>1.019803902718557</v>
      </c>
      <c r="KGI7" s="9">
        <f t="shared" si="120"/>
        <v>1.019803902718557</v>
      </c>
      <c r="KGJ7" s="9">
        <f t="shared" si="120"/>
        <v>1.019803902718557</v>
      </c>
      <c r="KGK7" s="9">
        <f t="shared" si="120"/>
        <v>1.019803902718557</v>
      </c>
      <c r="KGL7" s="9">
        <f t="shared" si="120"/>
        <v>1.019803902718557</v>
      </c>
      <c r="KGM7" s="9">
        <f t="shared" si="120"/>
        <v>1.019803902718557</v>
      </c>
      <c r="KGN7" s="9">
        <f t="shared" si="120"/>
        <v>1.019803902718557</v>
      </c>
      <c r="KGO7" s="9">
        <f t="shared" si="120"/>
        <v>1.019803902718557</v>
      </c>
      <c r="KGP7" s="9">
        <f t="shared" si="120"/>
        <v>1.019803902718557</v>
      </c>
      <c r="KGQ7" s="9">
        <f t="shared" si="120"/>
        <v>1.019803902718557</v>
      </c>
      <c r="KGR7" s="9">
        <f t="shared" si="120"/>
        <v>1.019803902718557</v>
      </c>
      <c r="KGS7" s="9">
        <f t="shared" si="120"/>
        <v>1.019803902718557</v>
      </c>
      <c r="KGT7" s="9">
        <f t="shared" si="120"/>
        <v>1.019803902718557</v>
      </c>
      <c r="KGU7" s="9">
        <f t="shared" si="120"/>
        <v>1.019803902718557</v>
      </c>
      <c r="KGV7" s="9">
        <f t="shared" si="120"/>
        <v>1.019803902718557</v>
      </c>
      <c r="KGW7" s="9">
        <f t="shared" si="120"/>
        <v>1.019803902718557</v>
      </c>
      <c r="KGX7" s="9">
        <f t="shared" si="120"/>
        <v>1.019803902718557</v>
      </c>
      <c r="KGY7" s="9">
        <f t="shared" si="120"/>
        <v>1.019803902718557</v>
      </c>
      <c r="KGZ7" s="9">
        <f t="shared" si="120"/>
        <v>1.019803902718557</v>
      </c>
      <c r="KHA7" s="9">
        <f t="shared" si="120"/>
        <v>1.019803902718557</v>
      </c>
      <c r="KHB7" s="9">
        <f t="shared" si="120"/>
        <v>1.019803902718557</v>
      </c>
      <c r="KHC7" s="9">
        <f t="shared" si="120"/>
        <v>1.019803902718557</v>
      </c>
      <c r="KHD7" s="9">
        <f t="shared" si="120"/>
        <v>1.019803902718557</v>
      </c>
      <c r="KHE7" s="9">
        <f t="shared" si="120"/>
        <v>1.019803902718557</v>
      </c>
      <c r="KHF7" s="9">
        <f t="shared" si="120"/>
        <v>1.019803902718557</v>
      </c>
      <c r="KHG7" s="9">
        <f t="shared" si="120"/>
        <v>1.019803902718557</v>
      </c>
      <c r="KHH7" s="9">
        <f t="shared" si="120"/>
        <v>1.019803902718557</v>
      </c>
      <c r="KHI7" s="9">
        <f t="shared" si="120"/>
        <v>1.019803902718557</v>
      </c>
      <c r="KHJ7" s="9">
        <f t="shared" si="120"/>
        <v>1.019803902718557</v>
      </c>
      <c r="KHK7" s="9">
        <f t="shared" si="120"/>
        <v>1.019803902718557</v>
      </c>
      <c r="KHL7" s="9">
        <f t="shared" si="120"/>
        <v>1.019803902718557</v>
      </c>
      <c r="KHM7" s="9">
        <f t="shared" si="120"/>
        <v>1.019803902718557</v>
      </c>
      <c r="KHN7" s="9">
        <f t="shared" si="120"/>
        <v>1.019803902718557</v>
      </c>
      <c r="KHO7" s="9">
        <f t="shared" si="120"/>
        <v>1.019803902718557</v>
      </c>
      <c r="KHP7" s="9">
        <f t="shared" si="120"/>
        <v>1.019803902718557</v>
      </c>
      <c r="KHQ7" s="9">
        <f t="shared" si="120"/>
        <v>1.019803902718557</v>
      </c>
      <c r="KHR7" s="9">
        <f t="shared" si="120"/>
        <v>1.019803902718557</v>
      </c>
      <c r="KHS7" s="9">
        <f t="shared" si="120"/>
        <v>1.019803902718557</v>
      </c>
      <c r="KHT7" s="9">
        <f t="shared" si="120"/>
        <v>1.019803902718557</v>
      </c>
      <c r="KHU7" s="9">
        <f t="shared" si="120"/>
        <v>1.019803902718557</v>
      </c>
      <c r="KHV7" s="9">
        <f t="shared" si="120"/>
        <v>1.019803902718557</v>
      </c>
      <c r="KHW7" s="9">
        <f t="shared" si="120"/>
        <v>1.019803902718557</v>
      </c>
      <c r="KHX7" s="9">
        <f t="shared" si="120"/>
        <v>1.019803902718557</v>
      </c>
      <c r="KHY7" s="9">
        <f t="shared" si="120"/>
        <v>1.019803902718557</v>
      </c>
      <c r="KHZ7" s="9">
        <f t="shared" si="120"/>
        <v>1.019803902718557</v>
      </c>
      <c r="KIA7" s="9">
        <f t="shared" si="120"/>
        <v>1.019803902718557</v>
      </c>
      <c r="KIB7" s="9">
        <f t="shared" si="120"/>
        <v>1.019803902718557</v>
      </c>
      <c r="KIC7" s="9">
        <f t="shared" si="120"/>
        <v>1.019803902718557</v>
      </c>
      <c r="KID7" s="9">
        <f t="shared" si="120"/>
        <v>1.019803902718557</v>
      </c>
      <c r="KIE7" s="9">
        <f t="shared" si="120"/>
        <v>1.019803902718557</v>
      </c>
      <c r="KIF7" s="9">
        <f t="shared" si="120"/>
        <v>1.019803902718557</v>
      </c>
      <c r="KIG7" s="9">
        <f t="shared" si="120"/>
        <v>1.019803902718557</v>
      </c>
      <c r="KIH7" s="9">
        <f t="shared" si="120"/>
        <v>1.019803902718557</v>
      </c>
      <c r="KII7" s="9">
        <f t="shared" si="120"/>
        <v>1.019803902718557</v>
      </c>
      <c r="KIJ7" s="9">
        <f t="shared" si="120"/>
        <v>1.019803902718557</v>
      </c>
      <c r="KIK7" s="9">
        <f t="shared" si="120"/>
        <v>1.019803902718557</v>
      </c>
      <c r="KIL7" s="9">
        <f t="shared" si="120"/>
        <v>1.019803902718557</v>
      </c>
      <c r="KIM7" s="9">
        <f t="shared" si="120"/>
        <v>1.019803902718557</v>
      </c>
      <c r="KIN7" s="9">
        <f t="shared" si="120"/>
        <v>1.019803902718557</v>
      </c>
      <c r="KIO7" s="9">
        <f t="shared" si="120"/>
        <v>1.019803902718557</v>
      </c>
      <c r="KIP7" s="9">
        <f t="shared" si="120"/>
        <v>1.019803902718557</v>
      </c>
      <c r="KIQ7" s="9">
        <f t="shared" si="120"/>
        <v>1.019803902718557</v>
      </c>
      <c r="KIR7" s="9">
        <f t="shared" si="120"/>
        <v>1.019803902718557</v>
      </c>
      <c r="KIS7" s="9">
        <f t="shared" si="120"/>
        <v>1.019803902718557</v>
      </c>
      <c r="KIT7" s="9">
        <f t="shared" ref="KIT7:KLE7" si="121">1/((1+$F$6) ^(KIT3-$F$7))</f>
        <v>1.019803902718557</v>
      </c>
      <c r="KIU7" s="9">
        <f t="shared" si="121"/>
        <v>1.019803902718557</v>
      </c>
      <c r="KIV7" s="9">
        <f t="shared" si="121"/>
        <v>1.019803902718557</v>
      </c>
      <c r="KIW7" s="9">
        <f t="shared" si="121"/>
        <v>1.019803902718557</v>
      </c>
      <c r="KIX7" s="9">
        <f t="shared" si="121"/>
        <v>1.019803902718557</v>
      </c>
      <c r="KIY7" s="9">
        <f t="shared" si="121"/>
        <v>1.019803902718557</v>
      </c>
      <c r="KIZ7" s="9">
        <f t="shared" si="121"/>
        <v>1.019803902718557</v>
      </c>
      <c r="KJA7" s="9">
        <f t="shared" si="121"/>
        <v>1.019803902718557</v>
      </c>
      <c r="KJB7" s="9">
        <f t="shared" si="121"/>
        <v>1.019803902718557</v>
      </c>
      <c r="KJC7" s="9">
        <f t="shared" si="121"/>
        <v>1.019803902718557</v>
      </c>
      <c r="KJD7" s="9">
        <f t="shared" si="121"/>
        <v>1.019803902718557</v>
      </c>
      <c r="KJE7" s="9">
        <f t="shared" si="121"/>
        <v>1.019803902718557</v>
      </c>
      <c r="KJF7" s="9">
        <f t="shared" si="121"/>
        <v>1.019803902718557</v>
      </c>
      <c r="KJG7" s="9">
        <f t="shared" si="121"/>
        <v>1.019803902718557</v>
      </c>
      <c r="KJH7" s="9">
        <f t="shared" si="121"/>
        <v>1.019803902718557</v>
      </c>
      <c r="KJI7" s="9">
        <f t="shared" si="121"/>
        <v>1.019803902718557</v>
      </c>
      <c r="KJJ7" s="9">
        <f t="shared" si="121"/>
        <v>1.019803902718557</v>
      </c>
      <c r="KJK7" s="9">
        <f t="shared" si="121"/>
        <v>1.019803902718557</v>
      </c>
      <c r="KJL7" s="9">
        <f t="shared" si="121"/>
        <v>1.019803902718557</v>
      </c>
      <c r="KJM7" s="9">
        <f t="shared" si="121"/>
        <v>1.019803902718557</v>
      </c>
      <c r="KJN7" s="9">
        <f t="shared" si="121"/>
        <v>1.019803902718557</v>
      </c>
      <c r="KJO7" s="9">
        <f t="shared" si="121"/>
        <v>1.019803902718557</v>
      </c>
      <c r="KJP7" s="9">
        <f t="shared" si="121"/>
        <v>1.019803902718557</v>
      </c>
      <c r="KJQ7" s="9">
        <f t="shared" si="121"/>
        <v>1.019803902718557</v>
      </c>
      <c r="KJR7" s="9">
        <f t="shared" si="121"/>
        <v>1.019803902718557</v>
      </c>
      <c r="KJS7" s="9">
        <f t="shared" si="121"/>
        <v>1.019803902718557</v>
      </c>
      <c r="KJT7" s="9">
        <f t="shared" si="121"/>
        <v>1.019803902718557</v>
      </c>
      <c r="KJU7" s="9">
        <f t="shared" si="121"/>
        <v>1.019803902718557</v>
      </c>
      <c r="KJV7" s="9">
        <f t="shared" si="121"/>
        <v>1.019803902718557</v>
      </c>
      <c r="KJW7" s="9">
        <f t="shared" si="121"/>
        <v>1.019803902718557</v>
      </c>
      <c r="KJX7" s="9">
        <f t="shared" si="121"/>
        <v>1.019803902718557</v>
      </c>
      <c r="KJY7" s="9">
        <f t="shared" si="121"/>
        <v>1.019803902718557</v>
      </c>
      <c r="KJZ7" s="9">
        <f t="shared" si="121"/>
        <v>1.019803902718557</v>
      </c>
      <c r="KKA7" s="9">
        <f t="shared" si="121"/>
        <v>1.019803902718557</v>
      </c>
      <c r="KKB7" s="9">
        <f t="shared" si="121"/>
        <v>1.019803902718557</v>
      </c>
      <c r="KKC7" s="9">
        <f t="shared" si="121"/>
        <v>1.019803902718557</v>
      </c>
      <c r="KKD7" s="9">
        <f t="shared" si="121"/>
        <v>1.019803902718557</v>
      </c>
      <c r="KKE7" s="9">
        <f t="shared" si="121"/>
        <v>1.019803902718557</v>
      </c>
      <c r="KKF7" s="9">
        <f t="shared" si="121"/>
        <v>1.019803902718557</v>
      </c>
      <c r="KKG7" s="9">
        <f t="shared" si="121"/>
        <v>1.019803902718557</v>
      </c>
      <c r="KKH7" s="9">
        <f t="shared" si="121"/>
        <v>1.019803902718557</v>
      </c>
      <c r="KKI7" s="9">
        <f t="shared" si="121"/>
        <v>1.019803902718557</v>
      </c>
      <c r="KKJ7" s="9">
        <f t="shared" si="121"/>
        <v>1.019803902718557</v>
      </c>
      <c r="KKK7" s="9">
        <f t="shared" si="121"/>
        <v>1.019803902718557</v>
      </c>
      <c r="KKL7" s="9">
        <f t="shared" si="121"/>
        <v>1.019803902718557</v>
      </c>
      <c r="KKM7" s="9">
        <f t="shared" si="121"/>
        <v>1.019803902718557</v>
      </c>
      <c r="KKN7" s="9">
        <f t="shared" si="121"/>
        <v>1.019803902718557</v>
      </c>
      <c r="KKO7" s="9">
        <f t="shared" si="121"/>
        <v>1.019803902718557</v>
      </c>
      <c r="KKP7" s="9">
        <f t="shared" si="121"/>
        <v>1.019803902718557</v>
      </c>
      <c r="KKQ7" s="9">
        <f t="shared" si="121"/>
        <v>1.019803902718557</v>
      </c>
      <c r="KKR7" s="9">
        <f t="shared" si="121"/>
        <v>1.019803902718557</v>
      </c>
      <c r="KKS7" s="9">
        <f t="shared" si="121"/>
        <v>1.019803902718557</v>
      </c>
      <c r="KKT7" s="9">
        <f t="shared" si="121"/>
        <v>1.019803902718557</v>
      </c>
      <c r="KKU7" s="9">
        <f t="shared" si="121"/>
        <v>1.019803902718557</v>
      </c>
      <c r="KKV7" s="9">
        <f t="shared" si="121"/>
        <v>1.019803902718557</v>
      </c>
      <c r="KKW7" s="9">
        <f t="shared" si="121"/>
        <v>1.019803902718557</v>
      </c>
      <c r="KKX7" s="9">
        <f t="shared" si="121"/>
        <v>1.019803902718557</v>
      </c>
      <c r="KKY7" s="9">
        <f t="shared" si="121"/>
        <v>1.019803902718557</v>
      </c>
      <c r="KKZ7" s="9">
        <f t="shared" si="121"/>
        <v>1.019803902718557</v>
      </c>
      <c r="KLA7" s="9">
        <f t="shared" si="121"/>
        <v>1.019803902718557</v>
      </c>
      <c r="KLB7" s="9">
        <f t="shared" si="121"/>
        <v>1.019803902718557</v>
      </c>
      <c r="KLC7" s="9">
        <f t="shared" si="121"/>
        <v>1.019803902718557</v>
      </c>
      <c r="KLD7" s="9">
        <f t="shared" si="121"/>
        <v>1.019803902718557</v>
      </c>
      <c r="KLE7" s="9">
        <f t="shared" si="121"/>
        <v>1.019803902718557</v>
      </c>
      <c r="KLF7" s="9">
        <f t="shared" ref="KLF7:KNQ7" si="122">1/((1+$F$6) ^(KLF3-$F$7))</f>
        <v>1.019803902718557</v>
      </c>
      <c r="KLG7" s="9">
        <f t="shared" si="122"/>
        <v>1.019803902718557</v>
      </c>
      <c r="KLH7" s="9">
        <f t="shared" si="122"/>
        <v>1.019803902718557</v>
      </c>
      <c r="KLI7" s="9">
        <f t="shared" si="122"/>
        <v>1.019803902718557</v>
      </c>
      <c r="KLJ7" s="9">
        <f t="shared" si="122"/>
        <v>1.019803902718557</v>
      </c>
      <c r="KLK7" s="9">
        <f t="shared" si="122"/>
        <v>1.019803902718557</v>
      </c>
      <c r="KLL7" s="9">
        <f t="shared" si="122"/>
        <v>1.019803902718557</v>
      </c>
      <c r="KLM7" s="9">
        <f t="shared" si="122"/>
        <v>1.019803902718557</v>
      </c>
      <c r="KLN7" s="9">
        <f t="shared" si="122"/>
        <v>1.019803902718557</v>
      </c>
      <c r="KLO7" s="9">
        <f t="shared" si="122"/>
        <v>1.019803902718557</v>
      </c>
      <c r="KLP7" s="9">
        <f t="shared" si="122"/>
        <v>1.019803902718557</v>
      </c>
      <c r="KLQ7" s="9">
        <f t="shared" si="122"/>
        <v>1.019803902718557</v>
      </c>
      <c r="KLR7" s="9">
        <f t="shared" si="122"/>
        <v>1.019803902718557</v>
      </c>
      <c r="KLS7" s="9">
        <f t="shared" si="122"/>
        <v>1.019803902718557</v>
      </c>
      <c r="KLT7" s="9">
        <f t="shared" si="122"/>
        <v>1.019803902718557</v>
      </c>
      <c r="KLU7" s="9">
        <f t="shared" si="122"/>
        <v>1.019803902718557</v>
      </c>
      <c r="KLV7" s="9">
        <f t="shared" si="122"/>
        <v>1.019803902718557</v>
      </c>
      <c r="KLW7" s="9">
        <f t="shared" si="122"/>
        <v>1.019803902718557</v>
      </c>
      <c r="KLX7" s="9">
        <f t="shared" si="122"/>
        <v>1.019803902718557</v>
      </c>
      <c r="KLY7" s="9">
        <f t="shared" si="122"/>
        <v>1.019803902718557</v>
      </c>
      <c r="KLZ7" s="9">
        <f t="shared" si="122"/>
        <v>1.019803902718557</v>
      </c>
      <c r="KMA7" s="9">
        <f t="shared" si="122"/>
        <v>1.019803902718557</v>
      </c>
      <c r="KMB7" s="9">
        <f t="shared" si="122"/>
        <v>1.019803902718557</v>
      </c>
      <c r="KMC7" s="9">
        <f t="shared" si="122"/>
        <v>1.019803902718557</v>
      </c>
      <c r="KMD7" s="9">
        <f t="shared" si="122"/>
        <v>1.019803902718557</v>
      </c>
      <c r="KME7" s="9">
        <f t="shared" si="122"/>
        <v>1.019803902718557</v>
      </c>
      <c r="KMF7" s="9">
        <f t="shared" si="122"/>
        <v>1.019803902718557</v>
      </c>
      <c r="KMG7" s="9">
        <f t="shared" si="122"/>
        <v>1.019803902718557</v>
      </c>
      <c r="KMH7" s="9">
        <f t="shared" si="122"/>
        <v>1.019803902718557</v>
      </c>
      <c r="KMI7" s="9">
        <f t="shared" si="122"/>
        <v>1.019803902718557</v>
      </c>
      <c r="KMJ7" s="9">
        <f t="shared" si="122"/>
        <v>1.019803902718557</v>
      </c>
      <c r="KMK7" s="9">
        <f t="shared" si="122"/>
        <v>1.019803902718557</v>
      </c>
      <c r="KML7" s="9">
        <f t="shared" si="122"/>
        <v>1.019803902718557</v>
      </c>
      <c r="KMM7" s="9">
        <f t="shared" si="122"/>
        <v>1.019803902718557</v>
      </c>
      <c r="KMN7" s="9">
        <f t="shared" si="122"/>
        <v>1.019803902718557</v>
      </c>
      <c r="KMO7" s="9">
        <f t="shared" si="122"/>
        <v>1.019803902718557</v>
      </c>
      <c r="KMP7" s="9">
        <f t="shared" si="122"/>
        <v>1.019803902718557</v>
      </c>
      <c r="KMQ7" s="9">
        <f t="shared" si="122"/>
        <v>1.019803902718557</v>
      </c>
      <c r="KMR7" s="9">
        <f t="shared" si="122"/>
        <v>1.019803902718557</v>
      </c>
      <c r="KMS7" s="9">
        <f t="shared" si="122"/>
        <v>1.019803902718557</v>
      </c>
      <c r="KMT7" s="9">
        <f t="shared" si="122"/>
        <v>1.019803902718557</v>
      </c>
      <c r="KMU7" s="9">
        <f t="shared" si="122"/>
        <v>1.019803902718557</v>
      </c>
      <c r="KMV7" s="9">
        <f t="shared" si="122"/>
        <v>1.019803902718557</v>
      </c>
      <c r="KMW7" s="9">
        <f t="shared" si="122"/>
        <v>1.019803902718557</v>
      </c>
      <c r="KMX7" s="9">
        <f t="shared" si="122"/>
        <v>1.019803902718557</v>
      </c>
      <c r="KMY7" s="9">
        <f t="shared" si="122"/>
        <v>1.019803902718557</v>
      </c>
      <c r="KMZ7" s="9">
        <f t="shared" si="122"/>
        <v>1.019803902718557</v>
      </c>
      <c r="KNA7" s="9">
        <f t="shared" si="122"/>
        <v>1.019803902718557</v>
      </c>
      <c r="KNB7" s="9">
        <f t="shared" si="122"/>
        <v>1.019803902718557</v>
      </c>
      <c r="KNC7" s="9">
        <f t="shared" si="122"/>
        <v>1.019803902718557</v>
      </c>
      <c r="KND7" s="9">
        <f t="shared" si="122"/>
        <v>1.019803902718557</v>
      </c>
      <c r="KNE7" s="9">
        <f t="shared" si="122"/>
        <v>1.019803902718557</v>
      </c>
      <c r="KNF7" s="9">
        <f t="shared" si="122"/>
        <v>1.019803902718557</v>
      </c>
      <c r="KNG7" s="9">
        <f t="shared" si="122"/>
        <v>1.019803902718557</v>
      </c>
      <c r="KNH7" s="9">
        <f t="shared" si="122"/>
        <v>1.019803902718557</v>
      </c>
      <c r="KNI7" s="9">
        <f t="shared" si="122"/>
        <v>1.019803902718557</v>
      </c>
      <c r="KNJ7" s="9">
        <f t="shared" si="122"/>
        <v>1.019803902718557</v>
      </c>
      <c r="KNK7" s="9">
        <f t="shared" si="122"/>
        <v>1.019803902718557</v>
      </c>
      <c r="KNL7" s="9">
        <f t="shared" si="122"/>
        <v>1.019803902718557</v>
      </c>
      <c r="KNM7" s="9">
        <f t="shared" si="122"/>
        <v>1.019803902718557</v>
      </c>
      <c r="KNN7" s="9">
        <f t="shared" si="122"/>
        <v>1.019803902718557</v>
      </c>
      <c r="KNO7" s="9">
        <f t="shared" si="122"/>
        <v>1.019803902718557</v>
      </c>
      <c r="KNP7" s="9">
        <f t="shared" si="122"/>
        <v>1.019803902718557</v>
      </c>
      <c r="KNQ7" s="9">
        <f t="shared" si="122"/>
        <v>1.019803902718557</v>
      </c>
      <c r="KNR7" s="9">
        <f t="shared" ref="KNR7:KQC7" si="123">1/((1+$F$6) ^(KNR3-$F$7))</f>
        <v>1.019803902718557</v>
      </c>
      <c r="KNS7" s="9">
        <f t="shared" si="123"/>
        <v>1.019803902718557</v>
      </c>
      <c r="KNT7" s="9">
        <f t="shared" si="123"/>
        <v>1.019803902718557</v>
      </c>
      <c r="KNU7" s="9">
        <f t="shared" si="123"/>
        <v>1.019803902718557</v>
      </c>
      <c r="KNV7" s="9">
        <f t="shared" si="123"/>
        <v>1.019803902718557</v>
      </c>
      <c r="KNW7" s="9">
        <f t="shared" si="123"/>
        <v>1.019803902718557</v>
      </c>
      <c r="KNX7" s="9">
        <f t="shared" si="123"/>
        <v>1.019803902718557</v>
      </c>
      <c r="KNY7" s="9">
        <f t="shared" si="123"/>
        <v>1.019803902718557</v>
      </c>
      <c r="KNZ7" s="9">
        <f t="shared" si="123"/>
        <v>1.019803902718557</v>
      </c>
      <c r="KOA7" s="9">
        <f t="shared" si="123"/>
        <v>1.019803902718557</v>
      </c>
      <c r="KOB7" s="9">
        <f t="shared" si="123"/>
        <v>1.019803902718557</v>
      </c>
      <c r="KOC7" s="9">
        <f t="shared" si="123"/>
        <v>1.019803902718557</v>
      </c>
      <c r="KOD7" s="9">
        <f t="shared" si="123"/>
        <v>1.019803902718557</v>
      </c>
      <c r="KOE7" s="9">
        <f t="shared" si="123"/>
        <v>1.019803902718557</v>
      </c>
      <c r="KOF7" s="9">
        <f t="shared" si="123"/>
        <v>1.019803902718557</v>
      </c>
      <c r="KOG7" s="9">
        <f t="shared" si="123"/>
        <v>1.019803902718557</v>
      </c>
      <c r="KOH7" s="9">
        <f t="shared" si="123"/>
        <v>1.019803902718557</v>
      </c>
      <c r="KOI7" s="9">
        <f t="shared" si="123"/>
        <v>1.019803902718557</v>
      </c>
      <c r="KOJ7" s="9">
        <f t="shared" si="123"/>
        <v>1.019803902718557</v>
      </c>
      <c r="KOK7" s="9">
        <f t="shared" si="123"/>
        <v>1.019803902718557</v>
      </c>
      <c r="KOL7" s="9">
        <f t="shared" si="123"/>
        <v>1.019803902718557</v>
      </c>
      <c r="KOM7" s="9">
        <f t="shared" si="123"/>
        <v>1.019803902718557</v>
      </c>
      <c r="KON7" s="9">
        <f t="shared" si="123"/>
        <v>1.019803902718557</v>
      </c>
      <c r="KOO7" s="9">
        <f t="shared" si="123"/>
        <v>1.019803902718557</v>
      </c>
      <c r="KOP7" s="9">
        <f t="shared" si="123"/>
        <v>1.019803902718557</v>
      </c>
      <c r="KOQ7" s="9">
        <f t="shared" si="123"/>
        <v>1.019803902718557</v>
      </c>
      <c r="KOR7" s="9">
        <f t="shared" si="123"/>
        <v>1.019803902718557</v>
      </c>
      <c r="KOS7" s="9">
        <f t="shared" si="123"/>
        <v>1.019803902718557</v>
      </c>
      <c r="KOT7" s="9">
        <f t="shared" si="123"/>
        <v>1.019803902718557</v>
      </c>
      <c r="KOU7" s="9">
        <f t="shared" si="123"/>
        <v>1.019803902718557</v>
      </c>
      <c r="KOV7" s="9">
        <f t="shared" si="123"/>
        <v>1.019803902718557</v>
      </c>
      <c r="KOW7" s="9">
        <f t="shared" si="123"/>
        <v>1.019803902718557</v>
      </c>
      <c r="KOX7" s="9">
        <f t="shared" si="123"/>
        <v>1.019803902718557</v>
      </c>
      <c r="KOY7" s="9">
        <f t="shared" si="123"/>
        <v>1.019803902718557</v>
      </c>
      <c r="KOZ7" s="9">
        <f t="shared" si="123"/>
        <v>1.019803902718557</v>
      </c>
      <c r="KPA7" s="9">
        <f t="shared" si="123"/>
        <v>1.019803902718557</v>
      </c>
      <c r="KPB7" s="9">
        <f t="shared" si="123"/>
        <v>1.019803902718557</v>
      </c>
      <c r="KPC7" s="9">
        <f t="shared" si="123"/>
        <v>1.019803902718557</v>
      </c>
      <c r="KPD7" s="9">
        <f t="shared" si="123"/>
        <v>1.019803902718557</v>
      </c>
      <c r="KPE7" s="9">
        <f t="shared" si="123"/>
        <v>1.019803902718557</v>
      </c>
      <c r="KPF7" s="9">
        <f t="shared" si="123"/>
        <v>1.019803902718557</v>
      </c>
      <c r="KPG7" s="9">
        <f t="shared" si="123"/>
        <v>1.019803902718557</v>
      </c>
      <c r="KPH7" s="9">
        <f t="shared" si="123"/>
        <v>1.019803902718557</v>
      </c>
      <c r="KPI7" s="9">
        <f t="shared" si="123"/>
        <v>1.019803902718557</v>
      </c>
      <c r="KPJ7" s="9">
        <f t="shared" si="123"/>
        <v>1.019803902718557</v>
      </c>
      <c r="KPK7" s="9">
        <f t="shared" si="123"/>
        <v>1.019803902718557</v>
      </c>
      <c r="KPL7" s="9">
        <f t="shared" si="123"/>
        <v>1.019803902718557</v>
      </c>
      <c r="KPM7" s="9">
        <f t="shared" si="123"/>
        <v>1.019803902718557</v>
      </c>
      <c r="KPN7" s="9">
        <f t="shared" si="123"/>
        <v>1.019803902718557</v>
      </c>
      <c r="KPO7" s="9">
        <f t="shared" si="123"/>
        <v>1.019803902718557</v>
      </c>
      <c r="KPP7" s="9">
        <f t="shared" si="123"/>
        <v>1.019803902718557</v>
      </c>
      <c r="KPQ7" s="9">
        <f t="shared" si="123"/>
        <v>1.019803902718557</v>
      </c>
      <c r="KPR7" s="9">
        <f t="shared" si="123"/>
        <v>1.019803902718557</v>
      </c>
      <c r="KPS7" s="9">
        <f t="shared" si="123"/>
        <v>1.019803902718557</v>
      </c>
      <c r="KPT7" s="9">
        <f t="shared" si="123"/>
        <v>1.019803902718557</v>
      </c>
      <c r="KPU7" s="9">
        <f t="shared" si="123"/>
        <v>1.019803902718557</v>
      </c>
      <c r="KPV7" s="9">
        <f t="shared" si="123"/>
        <v>1.019803902718557</v>
      </c>
      <c r="KPW7" s="9">
        <f t="shared" si="123"/>
        <v>1.019803902718557</v>
      </c>
      <c r="KPX7" s="9">
        <f t="shared" si="123"/>
        <v>1.019803902718557</v>
      </c>
      <c r="KPY7" s="9">
        <f t="shared" si="123"/>
        <v>1.019803902718557</v>
      </c>
      <c r="KPZ7" s="9">
        <f t="shared" si="123"/>
        <v>1.019803902718557</v>
      </c>
      <c r="KQA7" s="9">
        <f t="shared" si="123"/>
        <v>1.019803902718557</v>
      </c>
      <c r="KQB7" s="9">
        <f t="shared" si="123"/>
        <v>1.019803902718557</v>
      </c>
      <c r="KQC7" s="9">
        <f t="shared" si="123"/>
        <v>1.019803902718557</v>
      </c>
      <c r="KQD7" s="9">
        <f t="shared" ref="KQD7:KSO7" si="124">1/((1+$F$6) ^(KQD3-$F$7))</f>
        <v>1.019803902718557</v>
      </c>
      <c r="KQE7" s="9">
        <f t="shared" si="124"/>
        <v>1.019803902718557</v>
      </c>
      <c r="KQF7" s="9">
        <f t="shared" si="124"/>
        <v>1.019803902718557</v>
      </c>
      <c r="KQG7" s="9">
        <f t="shared" si="124"/>
        <v>1.019803902718557</v>
      </c>
      <c r="KQH7" s="9">
        <f t="shared" si="124"/>
        <v>1.019803902718557</v>
      </c>
      <c r="KQI7" s="9">
        <f t="shared" si="124"/>
        <v>1.019803902718557</v>
      </c>
      <c r="KQJ7" s="9">
        <f t="shared" si="124"/>
        <v>1.019803902718557</v>
      </c>
      <c r="KQK7" s="9">
        <f t="shared" si="124"/>
        <v>1.019803902718557</v>
      </c>
      <c r="KQL7" s="9">
        <f t="shared" si="124"/>
        <v>1.019803902718557</v>
      </c>
      <c r="KQM7" s="9">
        <f t="shared" si="124"/>
        <v>1.019803902718557</v>
      </c>
      <c r="KQN7" s="9">
        <f t="shared" si="124"/>
        <v>1.019803902718557</v>
      </c>
      <c r="KQO7" s="9">
        <f t="shared" si="124"/>
        <v>1.019803902718557</v>
      </c>
      <c r="KQP7" s="9">
        <f t="shared" si="124"/>
        <v>1.019803902718557</v>
      </c>
      <c r="KQQ7" s="9">
        <f t="shared" si="124"/>
        <v>1.019803902718557</v>
      </c>
      <c r="KQR7" s="9">
        <f t="shared" si="124"/>
        <v>1.019803902718557</v>
      </c>
      <c r="KQS7" s="9">
        <f t="shared" si="124"/>
        <v>1.019803902718557</v>
      </c>
      <c r="KQT7" s="9">
        <f t="shared" si="124"/>
        <v>1.019803902718557</v>
      </c>
      <c r="KQU7" s="9">
        <f t="shared" si="124"/>
        <v>1.019803902718557</v>
      </c>
      <c r="KQV7" s="9">
        <f t="shared" si="124"/>
        <v>1.019803902718557</v>
      </c>
      <c r="KQW7" s="9">
        <f t="shared" si="124"/>
        <v>1.019803902718557</v>
      </c>
      <c r="KQX7" s="9">
        <f t="shared" si="124"/>
        <v>1.019803902718557</v>
      </c>
      <c r="KQY7" s="9">
        <f t="shared" si="124"/>
        <v>1.019803902718557</v>
      </c>
      <c r="KQZ7" s="9">
        <f t="shared" si="124"/>
        <v>1.019803902718557</v>
      </c>
      <c r="KRA7" s="9">
        <f t="shared" si="124"/>
        <v>1.019803902718557</v>
      </c>
      <c r="KRB7" s="9">
        <f t="shared" si="124"/>
        <v>1.019803902718557</v>
      </c>
      <c r="KRC7" s="9">
        <f t="shared" si="124"/>
        <v>1.019803902718557</v>
      </c>
      <c r="KRD7" s="9">
        <f t="shared" si="124"/>
        <v>1.019803902718557</v>
      </c>
      <c r="KRE7" s="9">
        <f t="shared" si="124"/>
        <v>1.019803902718557</v>
      </c>
      <c r="KRF7" s="9">
        <f t="shared" si="124"/>
        <v>1.019803902718557</v>
      </c>
      <c r="KRG7" s="9">
        <f t="shared" si="124"/>
        <v>1.019803902718557</v>
      </c>
      <c r="KRH7" s="9">
        <f t="shared" si="124"/>
        <v>1.019803902718557</v>
      </c>
      <c r="KRI7" s="9">
        <f t="shared" si="124"/>
        <v>1.019803902718557</v>
      </c>
      <c r="KRJ7" s="9">
        <f t="shared" si="124"/>
        <v>1.019803902718557</v>
      </c>
      <c r="KRK7" s="9">
        <f t="shared" si="124"/>
        <v>1.019803902718557</v>
      </c>
      <c r="KRL7" s="9">
        <f t="shared" si="124"/>
        <v>1.019803902718557</v>
      </c>
      <c r="KRM7" s="9">
        <f t="shared" si="124"/>
        <v>1.019803902718557</v>
      </c>
      <c r="KRN7" s="9">
        <f t="shared" si="124"/>
        <v>1.019803902718557</v>
      </c>
      <c r="KRO7" s="9">
        <f t="shared" si="124"/>
        <v>1.019803902718557</v>
      </c>
      <c r="KRP7" s="9">
        <f t="shared" si="124"/>
        <v>1.019803902718557</v>
      </c>
      <c r="KRQ7" s="9">
        <f t="shared" si="124"/>
        <v>1.019803902718557</v>
      </c>
      <c r="KRR7" s="9">
        <f t="shared" si="124"/>
        <v>1.019803902718557</v>
      </c>
      <c r="KRS7" s="9">
        <f t="shared" si="124"/>
        <v>1.019803902718557</v>
      </c>
      <c r="KRT7" s="9">
        <f t="shared" si="124"/>
        <v>1.019803902718557</v>
      </c>
      <c r="KRU7" s="9">
        <f t="shared" si="124"/>
        <v>1.019803902718557</v>
      </c>
      <c r="KRV7" s="9">
        <f t="shared" si="124"/>
        <v>1.019803902718557</v>
      </c>
      <c r="KRW7" s="9">
        <f t="shared" si="124"/>
        <v>1.019803902718557</v>
      </c>
      <c r="KRX7" s="9">
        <f t="shared" si="124"/>
        <v>1.019803902718557</v>
      </c>
      <c r="KRY7" s="9">
        <f t="shared" si="124"/>
        <v>1.019803902718557</v>
      </c>
      <c r="KRZ7" s="9">
        <f t="shared" si="124"/>
        <v>1.019803902718557</v>
      </c>
      <c r="KSA7" s="9">
        <f t="shared" si="124"/>
        <v>1.019803902718557</v>
      </c>
      <c r="KSB7" s="9">
        <f t="shared" si="124"/>
        <v>1.019803902718557</v>
      </c>
      <c r="KSC7" s="9">
        <f t="shared" si="124"/>
        <v>1.019803902718557</v>
      </c>
      <c r="KSD7" s="9">
        <f t="shared" si="124"/>
        <v>1.019803902718557</v>
      </c>
      <c r="KSE7" s="9">
        <f t="shared" si="124"/>
        <v>1.019803902718557</v>
      </c>
      <c r="KSF7" s="9">
        <f t="shared" si="124"/>
        <v>1.019803902718557</v>
      </c>
      <c r="KSG7" s="9">
        <f t="shared" si="124"/>
        <v>1.019803902718557</v>
      </c>
      <c r="KSH7" s="9">
        <f t="shared" si="124"/>
        <v>1.019803902718557</v>
      </c>
      <c r="KSI7" s="9">
        <f t="shared" si="124"/>
        <v>1.019803902718557</v>
      </c>
      <c r="KSJ7" s="9">
        <f t="shared" si="124"/>
        <v>1.019803902718557</v>
      </c>
      <c r="KSK7" s="9">
        <f t="shared" si="124"/>
        <v>1.019803902718557</v>
      </c>
      <c r="KSL7" s="9">
        <f t="shared" si="124"/>
        <v>1.019803902718557</v>
      </c>
      <c r="KSM7" s="9">
        <f t="shared" si="124"/>
        <v>1.019803902718557</v>
      </c>
      <c r="KSN7" s="9">
        <f t="shared" si="124"/>
        <v>1.019803902718557</v>
      </c>
      <c r="KSO7" s="9">
        <f t="shared" si="124"/>
        <v>1.019803902718557</v>
      </c>
      <c r="KSP7" s="9">
        <f t="shared" ref="KSP7:KVA7" si="125">1/((1+$F$6) ^(KSP3-$F$7))</f>
        <v>1.019803902718557</v>
      </c>
      <c r="KSQ7" s="9">
        <f t="shared" si="125"/>
        <v>1.019803902718557</v>
      </c>
      <c r="KSR7" s="9">
        <f t="shared" si="125"/>
        <v>1.019803902718557</v>
      </c>
      <c r="KSS7" s="9">
        <f t="shared" si="125"/>
        <v>1.019803902718557</v>
      </c>
      <c r="KST7" s="9">
        <f t="shared" si="125"/>
        <v>1.019803902718557</v>
      </c>
      <c r="KSU7" s="9">
        <f t="shared" si="125"/>
        <v>1.019803902718557</v>
      </c>
      <c r="KSV7" s="9">
        <f t="shared" si="125"/>
        <v>1.019803902718557</v>
      </c>
      <c r="KSW7" s="9">
        <f t="shared" si="125"/>
        <v>1.019803902718557</v>
      </c>
      <c r="KSX7" s="9">
        <f t="shared" si="125"/>
        <v>1.019803902718557</v>
      </c>
      <c r="KSY7" s="9">
        <f t="shared" si="125"/>
        <v>1.019803902718557</v>
      </c>
      <c r="KSZ7" s="9">
        <f t="shared" si="125"/>
        <v>1.019803902718557</v>
      </c>
      <c r="KTA7" s="9">
        <f t="shared" si="125"/>
        <v>1.019803902718557</v>
      </c>
      <c r="KTB7" s="9">
        <f t="shared" si="125"/>
        <v>1.019803902718557</v>
      </c>
      <c r="KTC7" s="9">
        <f t="shared" si="125"/>
        <v>1.019803902718557</v>
      </c>
      <c r="KTD7" s="9">
        <f t="shared" si="125"/>
        <v>1.019803902718557</v>
      </c>
      <c r="KTE7" s="9">
        <f t="shared" si="125"/>
        <v>1.019803902718557</v>
      </c>
      <c r="KTF7" s="9">
        <f t="shared" si="125"/>
        <v>1.019803902718557</v>
      </c>
      <c r="KTG7" s="9">
        <f t="shared" si="125"/>
        <v>1.019803902718557</v>
      </c>
      <c r="KTH7" s="9">
        <f t="shared" si="125"/>
        <v>1.019803902718557</v>
      </c>
      <c r="KTI7" s="9">
        <f t="shared" si="125"/>
        <v>1.019803902718557</v>
      </c>
      <c r="KTJ7" s="9">
        <f t="shared" si="125"/>
        <v>1.019803902718557</v>
      </c>
      <c r="KTK7" s="9">
        <f t="shared" si="125"/>
        <v>1.019803902718557</v>
      </c>
      <c r="KTL7" s="9">
        <f t="shared" si="125"/>
        <v>1.019803902718557</v>
      </c>
      <c r="KTM7" s="9">
        <f t="shared" si="125"/>
        <v>1.019803902718557</v>
      </c>
      <c r="KTN7" s="9">
        <f t="shared" si="125"/>
        <v>1.019803902718557</v>
      </c>
      <c r="KTO7" s="9">
        <f t="shared" si="125"/>
        <v>1.019803902718557</v>
      </c>
      <c r="KTP7" s="9">
        <f t="shared" si="125"/>
        <v>1.019803902718557</v>
      </c>
      <c r="KTQ7" s="9">
        <f t="shared" si="125"/>
        <v>1.019803902718557</v>
      </c>
      <c r="KTR7" s="9">
        <f t="shared" si="125"/>
        <v>1.019803902718557</v>
      </c>
      <c r="KTS7" s="9">
        <f t="shared" si="125"/>
        <v>1.019803902718557</v>
      </c>
      <c r="KTT7" s="9">
        <f t="shared" si="125"/>
        <v>1.019803902718557</v>
      </c>
      <c r="KTU7" s="9">
        <f t="shared" si="125"/>
        <v>1.019803902718557</v>
      </c>
      <c r="KTV7" s="9">
        <f t="shared" si="125"/>
        <v>1.019803902718557</v>
      </c>
      <c r="KTW7" s="9">
        <f t="shared" si="125"/>
        <v>1.019803902718557</v>
      </c>
      <c r="KTX7" s="9">
        <f t="shared" si="125"/>
        <v>1.019803902718557</v>
      </c>
      <c r="KTY7" s="9">
        <f t="shared" si="125"/>
        <v>1.019803902718557</v>
      </c>
      <c r="KTZ7" s="9">
        <f t="shared" si="125"/>
        <v>1.019803902718557</v>
      </c>
      <c r="KUA7" s="9">
        <f t="shared" si="125"/>
        <v>1.019803902718557</v>
      </c>
      <c r="KUB7" s="9">
        <f t="shared" si="125"/>
        <v>1.019803902718557</v>
      </c>
      <c r="KUC7" s="9">
        <f t="shared" si="125"/>
        <v>1.019803902718557</v>
      </c>
      <c r="KUD7" s="9">
        <f t="shared" si="125"/>
        <v>1.019803902718557</v>
      </c>
      <c r="KUE7" s="9">
        <f t="shared" si="125"/>
        <v>1.019803902718557</v>
      </c>
      <c r="KUF7" s="9">
        <f t="shared" si="125"/>
        <v>1.019803902718557</v>
      </c>
      <c r="KUG7" s="9">
        <f t="shared" si="125"/>
        <v>1.019803902718557</v>
      </c>
      <c r="KUH7" s="9">
        <f t="shared" si="125"/>
        <v>1.019803902718557</v>
      </c>
      <c r="KUI7" s="9">
        <f t="shared" si="125"/>
        <v>1.019803902718557</v>
      </c>
      <c r="KUJ7" s="9">
        <f t="shared" si="125"/>
        <v>1.019803902718557</v>
      </c>
      <c r="KUK7" s="9">
        <f t="shared" si="125"/>
        <v>1.019803902718557</v>
      </c>
      <c r="KUL7" s="9">
        <f t="shared" si="125"/>
        <v>1.019803902718557</v>
      </c>
      <c r="KUM7" s="9">
        <f t="shared" si="125"/>
        <v>1.019803902718557</v>
      </c>
      <c r="KUN7" s="9">
        <f t="shared" si="125"/>
        <v>1.019803902718557</v>
      </c>
      <c r="KUO7" s="9">
        <f t="shared" si="125"/>
        <v>1.019803902718557</v>
      </c>
      <c r="KUP7" s="9">
        <f t="shared" si="125"/>
        <v>1.019803902718557</v>
      </c>
      <c r="KUQ7" s="9">
        <f t="shared" si="125"/>
        <v>1.019803902718557</v>
      </c>
      <c r="KUR7" s="9">
        <f t="shared" si="125"/>
        <v>1.019803902718557</v>
      </c>
      <c r="KUS7" s="9">
        <f t="shared" si="125"/>
        <v>1.019803902718557</v>
      </c>
      <c r="KUT7" s="9">
        <f t="shared" si="125"/>
        <v>1.019803902718557</v>
      </c>
      <c r="KUU7" s="9">
        <f t="shared" si="125"/>
        <v>1.019803902718557</v>
      </c>
      <c r="KUV7" s="9">
        <f t="shared" si="125"/>
        <v>1.019803902718557</v>
      </c>
      <c r="KUW7" s="9">
        <f t="shared" si="125"/>
        <v>1.019803902718557</v>
      </c>
      <c r="KUX7" s="9">
        <f t="shared" si="125"/>
        <v>1.019803902718557</v>
      </c>
      <c r="KUY7" s="9">
        <f t="shared" si="125"/>
        <v>1.019803902718557</v>
      </c>
      <c r="KUZ7" s="9">
        <f t="shared" si="125"/>
        <v>1.019803902718557</v>
      </c>
      <c r="KVA7" s="9">
        <f t="shared" si="125"/>
        <v>1.019803902718557</v>
      </c>
      <c r="KVB7" s="9">
        <f t="shared" ref="KVB7:KXM7" si="126">1/((1+$F$6) ^(KVB3-$F$7))</f>
        <v>1.019803902718557</v>
      </c>
      <c r="KVC7" s="9">
        <f t="shared" si="126"/>
        <v>1.019803902718557</v>
      </c>
      <c r="KVD7" s="9">
        <f t="shared" si="126"/>
        <v>1.019803902718557</v>
      </c>
      <c r="KVE7" s="9">
        <f t="shared" si="126"/>
        <v>1.019803902718557</v>
      </c>
      <c r="KVF7" s="9">
        <f t="shared" si="126"/>
        <v>1.019803902718557</v>
      </c>
      <c r="KVG7" s="9">
        <f t="shared" si="126"/>
        <v>1.019803902718557</v>
      </c>
      <c r="KVH7" s="9">
        <f t="shared" si="126"/>
        <v>1.019803902718557</v>
      </c>
      <c r="KVI7" s="9">
        <f t="shared" si="126"/>
        <v>1.019803902718557</v>
      </c>
      <c r="KVJ7" s="9">
        <f t="shared" si="126"/>
        <v>1.019803902718557</v>
      </c>
      <c r="KVK7" s="9">
        <f t="shared" si="126"/>
        <v>1.019803902718557</v>
      </c>
      <c r="KVL7" s="9">
        <f t="shared" si="126"/>
        <v>1.019803902718557</v>
      </c>
      <c r="KVM7" s="9">
        <f t="shared" si="126"/>
        <v>1.019803902718557</v>
      </c>
      <c r="KVN7" s="9">
        <f t="shared" si="126"/>
        <v>1.019803902718557</v>
      </c>
      <c r="KVO7" s="9">
        <f t="shared" si="126"/>
        <v>1.019803902718557</v>
      </c>
      <c r="KVP7" s="9">
        <f t="shared" si="126"/>
        <v>1.019803902718557</v>
      </c>
      <c r="KVQ7" s="9">
        <f t="shared" si="126"/>
        <v>1.019803902718557</v>
      </c>
      <c r="KVR7" s="9">
        <f t="shared" si="126"/>
        <v>1.019803902718557</v>
      </c>
      <c r="KVS7" s="9">
        <f t="shared" si="126"/>
        <v>1.019803902718557</v>
      </c>
      <c r="KVT7" s="9">
        <f t="shared" si="126"/>
        <v>1.019803902718557</v>
      </c>
      <c r="KVU7" s="9">
        <f t="shared" si="126"/>
        <v>1.019803902718557</v>
      </c>
      <c r="KVV7" s="9">
        <f t="shared" si="126"/>
        <v>1.019803902718557</v>
      </c>
      <c r="KVW7" s="9">
        <f t="shared" si="126"/>
        <v>1.019803902718557</v>
      </c>
      <c r="KVX7" s="9">
        <f t="shared" si="126"/>
        <v>1.019803902718557</v>
      </c>
      <c r="KVY7" s="9">
        <f t="shared" si="126"/>
        <v>1.019803902718557</v>
      </c>
      <c r="KVZ7" s="9">
        <f t="shared" si="126"/>
        <v>1.019803902718557</v>
      </c>
      <c r="KWA7" s="9">
        <f t="shared" si="126"/>
        <v>1.019803902718557</v>
      </c>
      <c r="KWB7" s="9">
        <f t="shared" si="126"/>
        <v>1.019803902718557</v>
      </c>
      <c r="KWC7" s="9">
        <f t="shared" si="126"/>
        <v>1.019803902718557</v>
      </c>
      <c r="KWD7" s="9">
        <f t="shared" si="126"/>
        <v>1.019803902718557</v>
      </c>
      <c r="KWE7" s="9">
        <f t="shared" si="126"/>
        <v>1.019803902718557</v>
      </c>
      <c r="KWF7" s="9">
        <f t="shared" si="126"/>
        <v>1.019803902718557</v>
      </c>
      <c r="KWG7" s="9">
        <f t="shared" si="126"/>
        <v>1.019803902718557</v>
      </c>
      <c r="KWH7" s="9">
        <f t="shared" si="126"/>
        <v>1.019803902718557</v>
      </c>
      <c r="KWI7" s="9">
        <f t="shared" si="126"/>
        <v>1.019803902718557</v>
      </c>
      <c r="KWJ7" s="9">
        <f t="shared" si="126"/>
        <v>1.019803902718557</v>
      </c>
      <c r="KWK7" s="9">
        <f t="shared" si="126"/>
        <v>1.019803902718557</v>
      </c>
      <c r="KWL7" s="9">
        <f t="shared" si="126"/>
        <v>1.019803902718557</v>
      </c>
      <c r="KWM7" s="9">
        <f t="shared" si="126"/>
        <v>1.019803902718557</v>
      </c>
      <c r="KWN7" s="9">
        <f t="shared" si="126"/>
        <v>1.019803902718557</v>
      </c>
      <c r="KWO7" s="9">
        <f t="shared" si="126"/>
        <v>1.019803902718557</v>
      </c>
      <c r="KWP7" s="9">
        <f t="shared" si="126"/>
        <v>1.019803902718557</v>
      </c>
      <c r="KWQ7" s="9">
        <f t="shared" si="126"/>
        <v>1.019803902718557</v>
      </c>
      <c r="KWR7" s="9">
        <f t="shared" si="126"/>
        <v>1.019803902718557</v>
      </c>
      <c r="KWS7" s="9">
        <f t="shared" si="126"/>
        <v>1.019803902718557</v>
      </c>
      <c r="KWT7" s="9">
        <f t="shared" si="126"/>
        <v>1.019803902718557</v>
      </c>
      <c r="KWU7" s="9">
        <f t="shared" si="126"/>
        <v>1.019803902718557</v>
      </c>
      <c r="KWV7" s="9">
        <f t="shared" si="126"/>
        <v>1.019803902718557</v>
      </c>
      <c r="KWW7" s="9">
        <f t="shared" si="126"/>
        <v>1.019803902718557</v>
      </c>
      <c r="KWX7" s="9">
        <f t="shared" si="126"/>
        <v>1.019803902718557</v>
      </c>
      <c r="KWY7" s="9">
        <f t="shared" si="126"/>
        <v>1.019803902718557</v>
      </c>
      <c r="KWZ7" s="9">
        <f t="shared" si="126"/>
        <v>1.019803902718557</v>
      </c>
      <c r="KXA7" s="9">
        <f t="shared" si="126"/>
        <v>1.019803902718557</v>
      </c>
      <c r="KXB7" s="9">
        <f t="shared" si="126"/>
        <v>1.019803902718557</v>
      </c>
      <c r="KXC7" s="9">
        <f t="shared" si="126"/>
        <v>1.019803902718557</v>
      </c>
      <c r="KXD7" s="9">
        <f t="shared" si="126"/>
        <v>1.019803902718557</v>
      </c>
      <c r="KXE7" s="9">
        <f t="shared" si="126"/>
        <v>1.019803902718557</v>
      </c>
      <c r="KXF7" s="9">
        <f t="shared" si="126"/>
        <v>1.019803902718557</v>
      </c>
      <c r="KXG7" s="9">
        <f t="shared" si="126"/>
        <v>1.019803902718557</v>
      </c>
      <c r="KXH7" s="9">
        <f t="shared" si="126"/>
        <v>1.019803902718557</v>
      </c>
      <c r="KXI7" s="9">
        <f t="shared" si="126"/>
        <v>1.019803902718557</v>
      </c>
      <c r="KXJ7" s="9">
        <f t="shared" si="126"/>
        <v>1.019803902718557</v>
      </c>
      <c r="KXK7" s="9">
        <f t="shared" si="126"/>
        <v>1.019803902718557</v>
      </c>
      <c r="KXL7" s="9">
        <f t="shared" si="126"/>
        <v>1.019803902718557</v>
      </c>
      <c r="KXM7" s="9">
        <f t="shared" si="126"/>
        <v>1.019803902718557</v>
      </c>
      <c r="KXN7" s="9">
        <f t="shared" ref="KXN7:KZY7" si="127">1/((1+$F$6) ^(KXN3-$F$7))</f>
        <v>1.019803902718557</v>
      </c>
      <c r="KXO7" s="9">
        <f t="shared" si="127"/>
        <v>1.019803902718557</v>
      </c>
      <c r="KXP7" s="9">
        <f t="shared" si="127"/>
        <v>1.019803902718557</v>
      </c>
      <c r="KXQ7" s="9">
        <f t="shared" si="127"/>
        <v>1.019803902718557</v>
      </c>
      <c r="KXR7" s="9">
        <f t="shared" si="127"/>
        <v>1.019803902718557</v>
      </c>
      <c r="KXS7" s="9">
        <f t="shared" si="127"/>
        <v>1.019803902718557</v>
      </c>
      <c r="KXT7" s="9">
        <f t="shared" si="127"/>
        <v>1.019803902718557</v>
      </c>
      <c r="KXU7" s="9">
        <f t="shared" si="127"/>
        <v>1.019803902718557</v>
      </c>
      <c r="KXV7" s="9">
        <f t="shared" si="127"/>
        <v>1.019803902718557</v>
      </c>
      <c r="KXW7" s="9">
        <f t="shared" si="127"/>
        <v>1.019803902718557</v>
      </c>
      <c r="KXX7" s="9">
        <f t="shared" si="127"/>
        <v>1.019803902718557</v>
      </c>
      <c r="KXY7" s="9">
        <f t="shared" si="127"/>
        <v>1.019803902718557</v>
      </c>
      <c r="KXZ7" s="9">
        <f t="shared" si="127"/>
        <v>1.019803902718557</v>
      </c>
      <c r="KYA7" s="9">
        <f t="shared" si="127"/>
        <v>1.019803902718557</v>
      </c>
      <c r="KYB7" s="9">
        <f t="shared" si="127"/>
        <v>1.019803902718557</v>
      </c>
      <c r="KYC7" s="9">
        <f t="shared" si="127"/>
        <v>1.019803902718557</v>
      </c>
      <c r="KYD7" s="9">
        <f t="shared" si="127"/>
        <v>1.019803902718557</v>
      </c>
      <c r="KYE7" s="9">
        <f t="shared" si="127"/>
        <v>1.019803902718557</v>
      </c>
      <c r="KYF7" s="9">
        <f t="shared" si="127"/>
        <v>1.019803902718557</v>
      </c>
      <c r="KYG7" s="9">
        <f t="shared" si="127"/>
        <v>1.019803902718557</v>
      </c>
      <c r="KYH7" s="9">
        <f t="shared" si="127"/>
        <v>1.019803902718557</v>
      </c>
      <c r="KYI7" s="9">
        <f t="shared" si="127"/>
        <v>1.019803902718557</v>
      </c>
      <c r="KYJ7" s="9">
        <f t="shared" si="127"/>
        <v>1.019803902718557</v>
      </c>
      <c r="KYK7" s="9">
        <f t="shared" si="127"/>
        <v>1.019803902718557</v>
      </c>
      <c r="KYL7" s="9">
        <f t="shared" si="127"/>
        <v>1.019803902718557</v>
      </c>
      <c r="KYM7" s="9">
        <f t="shared" si="127"/>
        <v>1.019803902718557</v>
      </c>
      <c r="KYN7" s="9">
        <f t="shared" si="127"/>
        <v>1.019803902718557</v>
      </c>
      <c r="KYO7" s="9">
        <f t="shared" si="127"/>
        <v>1.019803902718557</v>
      </c>
      <c r="KYP7" s="9">
        <f t="shared" si="127"/>
        <v>1.019803902718557</v>
      </c>
      <c r="KYQ7" s="9">
        <f t="shared" si="127"/>
        <v>1.019803902718557</v>
      </c>
      <c r="KYR7" s="9">
        <f t="shared" si="127"/>
        <v>1.019803902718557</v>
      </c>
      <c r="KYS7" s="9">
        <f t="shared" si="127"/>
        <v>1.019803902718557</v>
      </c>
      <c r="KYT7" s="9">
        <f t="shared" si="127"/>
        <v>1.019803902718557</v>
      </c>
      <c r="KYU7" s="9">
        <f t="shared" si="127"/>
        <v>1.019803902718557</v>
      </c>
      <c r="KYV7" s="9">
        <f t="shared" si="127"/>
        <v>1.019803902718557</v>
      </c>
      <c r="KYW7" s="9">
        <f t="shared" si="127"/>
        <v>1.019803902718557</v>
      </c>
      <c r="KYX7" s="9">
        <f t="shared" si="127"/>
        <v>1.019803902718557</v>
      </c>
      <c r="KYY7" s="9">
        <f t="shared" si="127"/>
        <v>1.019803902718557</v>
      </c>
      <c r="KYZ7" s="9">
        <f t="shared" si="127"/>
        <v>1.019803902718557</v>
      </c>
      <c r="KZA7" s="9">
        <f t="shared" si="127"/>
        <v>1.019803902718557</v>
      </c>
      <c r="KZB7" s="9">
        <f t="shared" si="127"/>
        <v>1.019803902718557</v>
      </c>
      <c r="KZC7" s="9">
        <f t="shared" si="127"/>
        <v>1.019803902718557</v>
      </c>
      <c r="KZD7" s="9">
        <f t="shared" si="127"/>
        <v>1.019803902718557</v>
      </c>
      <c r="KZE7" s="9">
        <f t="shared" si="127"/>
        <v>1.019803902718557</v>
      </c>
      <c r="KZF7" s="9">
        <f t="shared" si="127"/>
        <v>1.019803902718557</v>
      </c>
      <c r="KZG7" s="9">
        <f t="shared" si="127"/>
        <v>1.019803902718557</v>
      </c>
      <c r="KZH7" s="9">
        <f t="shared" si="127"/>
        <v>1.019803902718557</v>
      </c>
      <c r="KZI7" s="9">
        <f t="shared" si="127"/>
        <v>1.019803902718557</v>
      </c>
      <c r="KZJ7" s="9">
        <f t="shared" si="127"/>
        <v>1.019803902718557</v>
      </c>
      <c r="KZK7" s="9">
        <f t="shared" si="127"/>
        <v>1.019803902718557</v>
      </c>
      <c r="KZL7" s="9">
        <f t="shared" si="127"/>
        <v>1.019803902718557</v>
      </c>
      <c r="KZM7" s="9">
        <f t="shared" si="127"/>
        <v>1.019803902718557</v>
      </c>
      <c r="KZN7" s="9">
        <f t="shared" si="127"/>
        <v>1.019803902718557</v>
      </c>
      <c r="KZO7" s="9">
        <f t="shared" si="127"/>
        <v>1.019803902718557</v>
      </c>
      <c r="KZP7" s="9">
        <f t="shared" si="127"/>
        <v>1.019803902718557</v>
      </c>
      <c r="KZQ7" s="9">
        <f t="shared" si="127"/>
        <v>1.019803902718557</v>
      </c>
      <c r="KZR7" s="9">
        <f t="shared" si="127"/>
        <v>1.019803902718557</v>
      </c>
      <c r="KZS7" s="9">
        <f t="shared" si="127"/>
        <v>1.019803902718557</v>
      </c>
      <c r="KZT7" s="9">
        <f t="shared" si="127"/>
        <v>1.019803902718557</v>
      </c>
      <c r="KZU7" s="9">
        <f t="shared" si="127"/>
        <v>1.019803902718557</v>
      </c>
      <c r="KZV7" s="9">
        <f t="shared" si="127"/>
        <v>1.019803902718557</v>
      </c>
      <c r="KZW7" s="9">
        <f t="shared" si="127"/>
        <v>1.019803902718557</v>
      </c>
      <c r="KZX7" s="9">
        <f t="shared" si="127"/>
        <v>1.019803902718557</v>
      </c>
      <c r="KZY7" s="9">
        <f t="shared" si="127"/>
        <v>1.019803902718557</v>
      </c>
      <c r="KZZ7" s="9">
        <f t="shared" ref="KZZ7:LCK7" si="128">1/((1+$F$6) ^(KZZ3-$F$7))</f>
        <v>1.019803902718557</v>
      </c>
      <c r="LAA7" s="9">
        <f t="shared" si="128"/>
        <v>1.019803902718557</v>
      </c>
      <c r="LAB7" s="9">
        <f t="shared" si="128"/>
        <v>1.019803902718557</v>
      </c>
      <c r="LAC7" s="9">
        <f t="shared" si="128"/>
        <v>1.019803902718557</v>
      </c>
      <c r="LAD7" s="9">
        <f t="shared" si="128"/>
        <v>1.019803902718557</v>
      </c>
      <c r="LAE7" s="9">
        <f t="shared" si="128"/>
        <v>1.019803902718557</v>
      </c>
      <c r="LAF7" s="9">
        <f t="shared" si="128"/>
        <v>1.019803902718557</v>
      </c>
      <c r="LAG7" s="9">
        <f t="shared" si="128"/>
        <v>1.019803902718557</v>
      </c>
      <c r="LAH7" s="9">
        <f t="shared" si="128"/>
        <v>1.019803902718557</v>
      </c>
      <c r="LAI7" s="9">
        <f t="shared" si="128"/>
        <v>1.019803902718557</v>
      </c>
      <c r="LAJ7" s="9">
        <f t="shared" si="128"/>
        <v>1.019803902718557</v>
      </c>
      <c r="LAK7" s="9">
        <f t="shared" si="128"/>
        <v>1.019803902718557</v>
      </c>
      <c r="LAL7" s="9">
        <f t="shared" si="128"/>
        <v>1.019803902718557</v>
      </c>
      <c r="LAM7" s="9">
        <f t="shared" si="128"/>
        <v>1.019803902718557</v>
      </c>
      <c r="LAN7" s="9">
        <f t="shared" si="128"/>
        <v>1.019803902718557</v>
      </c>
      <c r="LAO7" s="9">
        <f t="shared" si="128"/>
        <v>1.019803902718557</v>
      </c>
      <c r="LAP7" s="9">
        <f t="shared" si="128"/>
        <v>1.019803902718557</v>
      </c>
      <c r="LAQ7" s="9">
        <f t="shared" si="128"/>
        <v>1.019803902718557</v>
      </c>
      <c r="LAR7" s="9">
        <f t="shared" si="128"/>
        <v>1.019803902718557</v>
      </c>
      <c r="LAS7" s="9">
        <f t="shared" si="128"/>
        <v>1.019803902718557</v>
      </c>
      <c r="LAT7" s="9">
        <f t="shared" si="128"/>
        <v>1.019803902718557</v>
      </c>
      <c r="LAU7" s="9">
        <f t="shared" si="128"/>
        <v>1.019803902718557</v>
      </c>
      <c r="LAV7" s="9">
        <f t="shared" si="128"/>
        <v>1.019803902718557</v>
      </c>
      <c r="LAW7" s="9">
        <f t="shared" si="128"/>
        <v>1.019803902718557</v>
      </c>
      <c r="LAX7" s="9">
        <f t="shared" si="128"/>
        <v>1.019803902718557</v>
      </c>
      <c r="LAY7" s="9">
        <f t="shared" si="128"/>
        <v>1.019803902718557</v>
      </c>
      <c r="LAZ7" s="9">
        <f t="shared" si="128"/>
        <v>1.019803902718557</v>
      </c>
      <c r="LBA7" s="9">
        <f t="shared" si="128"/>
        <v>1.019803902718557</v>
      </c>
      <c r="LBB7" s="9">
        <f t="shared" si="128"/>
        <v>1.019803902718557</v>
      </c>
      <c r="LBC7" s="9">
        <f t="shared" si="128"/>
        <v>1.019803902718557</v>
      </c>
      <c r="LBD7" s="9">
        <f t="shared" si="128"/>
        <v>1.019803902718557</v>
      </c>
      <c r="LBE7" s="9">
        <f t="shared" si="128"/>
        <v>1.019803902718557</v>
      </c>
      <c r="LBF7" s="9">
        <f t="shared" si="128"/>
        <v>1.019803902718557</v>
      </c>
      <c r="LBG7" s="9">
        <f t="shared" si="128"/>
        <v>1.019803902718557</v>
      </c>
      <c r="LBH7" s="9">
        <f t="shared" si="128"/>
        <v>1.019803902718557</v>
      </c>
      <c r="LBI7" s="9">
        <f t="shared" si="128"/>
        <v>1.019803902718557</v>
      </c>
      <c r="LBJ7" s="9">
        <f t="shared" si="128"/>
        <v>1.019803902718557</v>
      </c>
      <c r="LBK7" s="9">
        <f t="shared" si="128"/>
        <v>1.019803902718557</v>
      </c>
      <c r="LBL7" s="9">
        <f t="shared" si="128"/>
        <v>1.019803902718557</v>
      </c>
      <c r="LBM7" s="9">
        <f t="shared" si="128"/>
        <v>1.019803902718557</v>
      </c>
      <c r="LBN7" s="9">
        <f t="shared" si="128"/>
        <v>1.019803902718557</v>
      </c>
      <c r="LBO7" s="9">
        <f t="shared" si="128"/>
        <v>1.019803902718557</v>
      </c>
      <c r="LBP7" s="9">
        <f t="shared" si="128"/>
        <v>1.019803902718557</v>
      </c>
      <c r="LBQ7" s="9">
        <f t="shared" si="128"/>
        <v>1.019803902718557</v>
      </c>
      <c r="LBR7" s="9">
        <f t="shared" si="128"/>
        <v>1.019803902718557</v>
      </c>
      <c r="LBS7" s="9">
        <f t="shared" si="128"/>
        <v>1.019803902718557</v>
      </c>
      <c r="LBT7" s="9">
        <f t="shared" si="128"/>
        <v>1.019803902718557</v>
      </c>
      <c r="LBU7" s="9">
        <f t="shared" si="128"/>
        <v>1.019803902718557</v>
      </c>
      <c r="LBV7" s="9">
        <f t="shared" si="128"/>
        <v>1.019803902718557</v>
      </c>
      <c r="LBW7" s="9">
        <f t="shared" si="128"/>
        <v>1.019803902718557</v>
      </c>
      <c r="LBX7" s="9">
        <f t="shared" si="128"/>
        <v>1.019803902718557</v>
      </c>
      <c r="LBY7" s="9">
        <f t="shared" si="128"/>
        <v>1.019803902718557</v>
      </c>
      <c r="LBZ7" s="9">
        <f t="shared" si="128"/>
        <v>1.019803902718557</v>
      </c>
      <c r="LCA7" s="9">
        <f t="shared" si="128"/>
        <v>1.019803902718557</v>
      </c>
      <c r="LCB7" s="9">
        <f t="shared" si="128"/>
        <v>1.019803902718557</v>
      </c>
      <c r="LCC7" s="9">
        <f t="shared" si="128"/>
        <v>1.019803902718557</v>
      </c>
      <c r="LCD7" s="9">
        <f t="shared" si="128"/>
        <v>1.019803902718557</v>
      </c>
      <c r="LCE7" s="9">
        <f t="shared" si="128"/>
        <v>1.019803902718557</v>
      </c>
      <c r="LCF7" s="9">
        <f t="shared" si="128"/>
        <v>1.019803902718557</v>
      </c>
      <c r="LCG7" s="9">
        <f t="shared" si="128"/>
        <v>1.019803902718557</v>
      </c>
      <c r="LCH7" s="9">
        <f t="shared" si="128"/>
        <v>1.019803902718557</v>
      </c>
      <c r="LCI7" s="9">
        <f t="shared" si="128"/>
        <v>1.019803902718557</v>
      </c>
      <c r="LCJ7" s="9">
        <f t="shared" si="128"/>
        <v>1.019803902718557</v>
      </c>
      <c r="LCK7" s="9">
        <f t="shared" si="128"/>
        <v>1.019803902718557</v>
      </c>
      <c r="LCL7" s="9">
        <f t="shared" ref="LCL7:LEW7" si="129">1/((1+$F$6) ^(LCL3-$F$7))</f>
        <v>1.019803902718557</v>
      </c>
      <c r="LCM7" s="9">
        <f t="shared" si="129"/>
        <v>1.019803902718557</v>
      </c>
      <c r="LCN7" s="9">
        <f t="shared" si="129"/>
        <v>1.019803902718557</v>
      </c>
      <c r="LCO7" s="9">
        <f t="shared" si="129"/>
        <v>1.019803902718557</v>
      </c>
      <c r="LCP7" s="9">
        <f t="shared" si="129"/>
        <v>1.019803902718557</v>
      </c>
      <c r="LCQ7" s="9">
        <f t="shared" si="129"/>
        <v>1.019803902718557</v>
      </c>
      <c r="LCR7" s="9">
        <f t="shared" si="129"/>
        <v>1.019803902718557</v>
      </c>
      <c r="LCS7" s="9">
        <f t="shared" si="129"/>
        <v>1.019803902718557</v>
      </c>
      <c r="LCT7" s="9">
        <f t="shared" si="129"/>
        <v>1.019803902718557</v>
      </c>
      <c r="LCU7" s="9">
        <f t="shared" si="129"/>
        <v>1.019803902718557</v>
      </c>
      <c r="LCV7" s="9">
        <f t="shared" si="129"/>
        <v>1.019803902718557</v>
      </c>
      <c r="LCW7" s="9">
        <f t="shared" si="129"/>
        <v>1.019803902718557</v>
      </c>
      <c r="LCX7" s="9">
        <f t="shared" si="129"/>
        <v>1.019803902718557</v>
      </c>
      <c r="LCY7" s="9">
        <f t="shared" si="129"/>
        <v>1.019803902718557</v>
      </c>
      <c r="LCZ7" s="9">
        <f t="shared" si="129"/>
        <v>1.019803902718557</v>
      </c>
      <c r="LDA7" s="9">
        <f t="shared" si="129"/>
        <v>1.019803902718557</v>
      </c>
      <c r="LDB7" s="9">
        <f t="shared" si="129"/>
        <v>1.019803902718557</v>
      </c>
      <c r="LDC7" s="9">
        <f t="shared" si="129"/>
        <v>1.019803902718557</v>
      </c>
      <c r="LDD7" s="9">
        <f t="shared" si="129"/>
        <v>1.019803902718557</v>
      </c>
      <c r="LDE7" s="9">
        <f t="shared" si="129"/>
        <v>1.019803902718557</v>
      </c>
      <c r="LDF7" s="9">
        <f t="shared" si="129"/>
        <v>1.019803902718557</v>
      </c>
      <c r="LDG7" s="9">
        <f t="shared" si="129"/>
        <v>1.019803902718557</v>
      </c>
      <c r="LDH7" s="9">
        <f t="shared" si="129"/>
        <v>1.019803902718557</v>
      </c>
      <c r="LDI7" s="9">
        <f t="shared" si="129"/>
        <v>1.019803902718557</v>
      </c>
      <c r="LDJ7" s="9">
        <f t="shared" si="129"/>
        <v>1.019803902718557</v>
      </c>
      <c r="LDK7" s="9">
        <f t="shared" si="129"/>
        <v>1.019803902718557</v>
      </c>
      <c r="LDL7" s="9">
        <f t="shared" si="129"/>
        <v>1.019803902718557</v>
      </c>
      <c r="LDM7" s="9">
        <f t="shared" si="129"/>
        <v>1.019803902718557</v>
      </c>
      <c r="LDN7" s="9">
        <f t="shared" si="129"/>
        <v>1.019803902718557</v>
      </c>
      <c r="LDO7" s="9">
        <f t="shared" si="129"/>
        <v>1.019803902718557</v>
      </c>
      <c r="LDP7" s="9">
        <f t="shared" si="129"/>
        <v>1.019803902718557</v>
      </c>
      <c r="LDQ7" s="9">
        <f t="shared" si="129"/>
        <v>1.019803902718557</v>
      </c>
      <c r="LDR7" s="9">
        <f t="shared" si="129"/>
        <v>1.019803902718557</v>
      </c>
      <c r="LDS7" s="9">
        <f t="shared" si="129"/>
        <v>1.019803902718557</v>
      </c>
      <c r="LDT7" s="9">
        <f t="shared" si="129"/>
        <v>1.019803902718557</v>
      </c>
      <c r="LDU7" s="9">
        <f t="shared" si="129"/>
        <v>1.019803902718557</v>
      </c>
      <c r="LDV7" s="9">
        <f t="shared" si="129"/>
        <v>1.019803902718557</v>
      </c>
      <c r="LDW7" s="9">
        <f t="shared" si="129"/>
        <v>1.019803902718557</v>
      </c>
      <c r="LDX7" s="9">
        <f t="shared" si="129"/>
        <v>1.019803902718557</v>
      </c>
      <c r="LDY7" s="9">
        <f t="shared" si="129"/>
        <v>1.019803902718557</v>
      </c>
      <c r="LDZ7" s="9">
        <f t="shared" si="129"/>
        <v>1.019803902718557</v>
      </c>
      <c r="LEA7" s="9">
        <f t="shared" si="129"/>
        <v>1.019803902718557</v>
      </c>
      <c r="LEB7" s="9">
        <f t="shared" si="129"/>
        <v>1.019803902718557</v>
      </c>
      <c r="LEC7" s="9">
        <f t="shared" si="129"/>
        <v>1.019803902718557</v>
      </c>
      <c r="LED7" s="9">
        <f t="shared" si="129"/>
        <v>1.019803902718557</v>
      </c>
      <c r="LEE7" s="9">
        <f t="shared" si="129"/>
        <v>1.019803902718557</v>
      </c>
      <c r="LEF7" s="9">
        <f t="shared" si="129"/>
        <v>1.019803902718557</v>
      </c>
      <c r="LEG7" s="9">
        <f t="shared" si="129"/>
        <v>1.019803902718557</v>
      </c>
      <c r="LEH7" s="9">
        <f t="shared" si="129"/>
        <v>1.019803902718557</v>
      </c>
      <c r="LEI7" s="9">
        <f t="shared" si="129"/>
        <v>1.019803902718557</v>
      </c>
      <c r="LEJ7" s="9">
        <f t="shared" si="129"/>
        <v>1.019803902718557</v>
      </c>
      <c r="LEK7" s="9">
        <f t="shared" si="129"/>
        <v>1.019803902718557</v>
      </c>
      <c r="LEL7" s="9">
        <f t="shared" si="129"/>
        <v>1.019803902718557</v>
      </c>
      <c r="LEM7" s="9">
        <f t="shared" si="129"/>
        <v>1.019803902718557</v>
      </c>
      <c r="LEN7" s="9">
        <f t="shared" si="129"/>
        <v>1.019803902718557</v>
      </c>
      <c r="LEO7" s="9">
        <f t="shared" si="129"/>
        <v>1.019803902718557</v>
      </c>
      <c r="LEP7" s="9">
        <f t="shared" si="129"/>
        <v>1.019803902718557</v>
      </c>
      <c r="LEQ7" s="9">
        <f t="shared" si="129"/>
        <v>1.019803902718557</v>
      </c>
      <c r="LER7" s="9">
        <f t="shared" si="129"/>
        <v>1.019803902718557</v>
      </c>
      <c r="LES7" s="9">
        <f t="shared" si="129"/>
        <v>1.019803902718557</v>
      </c>
      <c r="LET7" s="9">
        <f t="shared" si="129"/>
        <v>1.019803902718557</v>
      </c>
      <c r="LEU7" s="9">
        <f t="shared" si="129"/>
        <v>1.019803902718557</v>
      </c>
      <c r="LEV7" s="9">
        <f t="shared" si="129"/>
        <v>1.019803902718557</v>
      </c>
      <c r="LEW7" s="9">
        <f t="shared" si="129"/>
        <v>1.019803902718557</v>
      </c>
      <c r="LEX7" s="9">
        <f t="shared" ref="LEX7:LHI7" si="130">1/((1+$F$6) ^(LEX3-$F$7))</f>
        <v>1.019803902718557</v>
      </c>
      <c r="LEY7" s="9">
        <f t="shared" si="130"/>
        <v>1.019803902718557</v>
      </c>
      <c r="LEZ7" s="9">
        <f t="shared" si="130"/>
        <v>1.019803902718557</v>
      </c>
      <c r="LFA7" s="9">
        <f t="shared" si="130"/>
        <v>1.019803902718557</v>
      </c>
      <c r="LFB7" s="9">
        <f t="shared" si="130"/>
        <v>1.019803902718557</v>
      </c>
      <c r="LFC7" s="9">
        <f t="shared" si="130"/>
        <v>1.019803902718557</v>
      </c>
      <c r="LFD7" s="9">
        <f t="shared" si="130"/>
        <v>1.019803902718557</v>
      </c>
      <c r="LFE7" s="9">
        <f t="shared" si="130"/>
        <v>1.019803902718557</v>
      </c>
      <c r="LFF7" s="9">
        <f t="shared" si="130"/>
        <v>1.019803902718557</v>
      </c>
      <c r="LFG7" s="9">
        <f t="shared" si="130"/>
        <v>1.019803902718557</v>
      </c>
      <c r="LFH7" s="9">
        <f t="shared" si="130"/>
        <v>1.019803902718557</v>
      </c>
      <c r="LFI7" s="9">
        <f t="shared" si="130"/>
        <v>1.019803902718557</v>
      </c>
      <c r="LFJ7" s="9">
        <f t="shared" si="130"/>
        <v>1.019803902718557</v>
      </c>
      <c r="LFK7" s="9">
        <f t="shared" si="130"/>
        <v>1.019803902718557</v>
      </c>
      <c r="LFL7" s="9">
        <f t="shared" si="130"/>
        <v>1.019803902718557</v>
      </c>
      <c r="LFM7" s="9">
        <f t="shared" si="130"/>
        <v>1.019803902718557</v>
      </c>
      <c r="LFN7" s="9">
        <f t="shared" si="130"/>
        <v>1.019803902718557</v>
      </c>
      <c r="LFO7" s="9">
        <f t="shared" si="130"/>
        <v>1.019803902718557</v>
      </c>
      <c r="LFP7" s="9">
        <f t="shared" si="130"/>
        <v>1.019803902718557</v>
      </c>
      <c r="LFQ7" s="9">
        <f t="shared" si="130"/>
        <v>1.019803902718557</v>
      </c>
      <c r="LFR7" s="9">
        <f t="shared" si="130"/>
        <v>1.019803902718557</v>
      </c>
      <c r="LFS7" s="9">
        <f t="shared" si="130"/>
        <v>1.019803902718557</v>
      </c>
      <c r="LFT7" s="9">
        <f t="shared" si="130"/>
        <v>1.019803902718557</v>
      </c>
      <c r="LFU7" s="9">
        <f t="shared" si="130"/>
        <v>1.019803902718557</v>
      </c>
      <c r="LFV7" s="9">
        <f t="shared" si="130"/>
        <v>1.019803902718557</v>
      </c>
      <c r="LFW7" s="9">
        <f t="shared" si="130"/>
        <v>1.019803902718557</v>
      </c>
      <c r="LFX7" s="9">
        <f t="shared" si="130"/>
        <v>1.019803902718557</v>
      </c>
      <c r="LFY7" s="9">
        <f t="shared" si="130"/>
        <v>1.019803902718557</v>
      </c>
      <c r="LFZ7" s="9">
        <f t="shared" si="130"/>
        <v>1.019803902718557</v>
      </c>
      <c r="LGA7" s="9">
        <f t="shared" si="130"/>
        <v>1.019803902718557</v>
      </c>
      <c r="LGB7" s="9">
        <f t="shared" si="130"/>
        <v>1.019803902718557</v>
      </c>
      <c r="LGC7" s="9">
        <f t="shared" si="130"/>
        <v>1.019803902718557</v>
      </c>
      <c r="LGD7" s="9">
        <f t="shared" si="130"/>
        <v>1.019803902718557</v>
      </c>
      <c r="LGE7" s="9">
        <f t="shared" si="130"/>
        <v>1.019803902718557</v>
      </c>
      <c r="LGF7" s="9">
        <f t="shared" si="130"/>
        <v>1.019803902718557</v>
      </c>
      <c r="LGG7" s="9">
        <f t="shared" si="130"/>
        <v>1.019803902718557</v>
      </c>
      <c r="LGH7" s="9">
        <f t="shared" si="130"/>
        <v>1.019803902718557</v>
      </c>
      <c r="LGI7" s="9">
        <f t="shared" si="130"/>
        <v>1.019803902718557</v>
      </c>
      <c r="LGJ7" s="9">
        <f t="shared" si="130"/>
        <v>1.019803902718557</v>
      </c>
      <c r="LGK7" s="9">
        <f t="shared" si="130"/>
        <v>1.019803902718557</v>
      </c>
      <c r="LGL7" s="9">
        <f t="shared" si="130"/>
        <v>1.019803902718557</v>
      </c>
      <c r="LGM7" s="9">
        <f t="shared" si="130"/>
        <v>1.019803902718557</v>
      </c>
      <c r="LGN7" s="9">
        <f t="shared" si="130"/>
        <v>1.019803902718557</v>
      </c>
      <c r="LGO7" s="9">
        <f t="shared" si="130"/>
        <v>1.019803902718557</v>
      </c>
      <c r="LGP7" s="9">
        <f t="shared" si="130"/>
        <v>1.019803902718557</v>
      </c>
      <c r="LGQ7" s="9">
        <f t="shared" si="130"/>
        <v>1.019803902718557</v>
      </c>
      <c r="LGR7" s="9">
        <f t="shared" si="130"/>
        <v>1.019803902718557</v>
      </c>
      <c r="LGS7" s="9">
        <f t="shared" si="130"/>
        <v>1.019803902718557</v>
      </c>
      <c r="LGT7" s="9">
        <f t="shared" si="130"/>
        <v>1.019803902718557</v>
      </c>
      <c r="LGU7" s="9">
        <f t="shared" si="130"/>
        <v>1.019803902718557</v>
      </c>
      <c r="LGV7" s="9">
        <f t="shared" si="130"/>
        <v>1.019803902718557</v>
      </c>
      <c r="LGW7" s="9">
        <f t="shared" si="130"/>
        <v>1.019803902718557</v>
      </c>
      <c r="LGX7" s="9">
        <f t="shared" si="130"/>
        <v>1.019803902718557</v>
      </c>
      <c r="LGY7" s="9">
        <f t="shared" si="130"/>
        <v>1.019803902718557</v>
      </c>
      <c r="LGZ7" s="9">
        <f t="shared" si="130"/>
        <v>1.019803902718557</v>
      </c>
      <c r="LHA7" s="9">
        <f t="shared" si="130"/>
        <v>1.019803902718557</v>
      </c>
      <c r="LHB7" s="9">
        <f t="shared" si="130"/>
        <v>1.019803902718557</v>
      </c>
      <c r="LHC7" s="9">
        <f t="shared" si="130"/>
        <v>1.019803902718557</v>
      </c>
      <c r="LHD7" s="9">
        <f t="shared" si="130"/>
        <v>1.019803902718557</v>
      </c>
      <c r="LHE7" s="9">
        <f t="shared" si="130"/>
        <v>1.019803902718557</v>
      </c>
      <c r="LHF7" s="9">
        <f t="shared" si="130"/>
        <v>1.019803902718557</v>
      </c>
      <c r="LHG7" s="9">
        <f t="shared" si="130"/>
        <v>1.019803902718557</v>
      </c>
      <c r="LHH7" s="9">
        <f t="shared" si="130"/>
        <v>1.019803902718557</v>
      </c>
      <c r="LHI7" s="9">
        <f t="shared" si="130"/>
        <v>1.019803902718557</v>
      </c>
      <c r="LHJ7" s="9">
        <f t="shared" ref="LHJ7:LJU7" si="131">1/((1+$F$6) ^(LHJ3-$F$7))</f>
        <v>1.019803902718557</v>
      </c>
      <c r="LHK7" s="9">
        <f t="shared" si="131"/>
        <v>1.019803902718557</v>
      </c>
      <c r="LHL7" s="9">
        <f t="shared" si="131"/>
        <v>1.019803902718557</v>
      </c>
      <c r="LHM7" s="9">
        <f t="shared" si="131"/>
        <v>1.019803902718557</v>
      </c>
      <c r="LHN7" s="9">
        <f t="shared" si="131"/>
        <v>1.019803902718557</v>
      </c>
      <c r="LHO7" s="9">
        <f t="shared" si="131"/>
        <v>1.019803902718557</v>
      </c>
      <c r="LHP7" s="9">
        <f t="shared" si="131"/>
        <v>1.019803902718557</v>
      </c>
      <c r="LHQ7" s="9">
        <f t="shared" si="131"/>
        <v>1.019803902718557</v>
      </c>
      <c r="LHR7" s="9">
        <f t="shared" si="131"/>
        <v>1.019803902718557</v>
      </c>
      <c r="LHS7" s="9">
        <f t="shared" si="131"/>
        <v>1.019803902718557</v>
      </c>
      <c r="LHT7" s="9">
        <f t="shared" si="131"/>
        <v>1.019803902718557</v>
      </c>
      <c r="LHU7" s="9">
        <f t="shared" si="131"/>
        <v>1.019803902718557</v>
      </c>
      <c r="LHV7" s="9">
        <f t="shared" si="131"/>
        <v>1.019803902718557</v>
      </c>
      <c r="LHW7" s="9">
        <f t="shared" si="131"/>
        <v>1.019803902718557</v>
      </c>
      <c r="LHX7" s="9">
        <f t="shared" si="131"/>
        <v>1.019803902718557</v>
      </c>
      <c r="LHY7" s="9">
        <f t="shared" si="131"/>
        <v>1.019803902718557</v>
      </c>
      <c r="LHZ7" s="9">
        <f t="shared" si="131"/>
        <v>1.019803902718557</v>
      </c>
      <c r="LIA7" s="9">
        <f t="shared" si="131"/>
        <v>1.019803902718557</v>
      </c>
      <c r="LIB7" s="9">
        <f t="shared" si="131"/>
        <v>1.019803902718557</v>
      </c>
      <c r="LIC7" s="9">
        <f t="shared" si="131"/>
        <v>1.019803902718557</v>
      </c>
      <c r="LID7" s="9">
        <f t="shared" si="131"/>
        <v>1.019803902718557</v>
      </c>
      <c r="LIE7" s="9">
        <f t="shared" si="131"/>
        <v>1.019803902718557</v>
      </c>
      <c r="LIF7" s="9">
        <f t="shared" si="131"/>
        <v>1.019803902718557</v>
      </c>
      <c r="LIG7" s="9">
        <f t="shared" si="131"/>
        <v>1.019803902718557</v>
      </c>
      <c r="LIH7" s="9">
        <f t="shared" si="131"/>
        <v>1.019803902718557</v>
      </c>
      <c r="LII7" s="9">
        <f t="shared" si="131"/>
        <v>1.019803902718557</v>
      </c>
      <c r="LIJ7" s="9">
        <f t="shared" si="131"/>
        <v>1.019803902718557</v>
      </c>
      <c r="LIK7" s="9">
        <f t="shared" si="131"/>
        <v>1.019803902718557</v>
      </c>
      <c r="LIL7" s="9">
        <f t="shared" si="131"/>
        <v>1.019803902718557</v>
      </c>
      <c r="LIM7" s="9">
        <f t="shared" si="131"/>
        <v>1.019803902718557</v>
      </c>
      <c r="LIN7" s="9">
        <f t="shared" si="131"/>
        <v>1.019803902718557</v>
      </c>
      <c r="LIO7" s="9">
        <f t="shared" si="131"/>
        <v>1.019803902718557</v>
      </c>
      <c r="LIP7" s="9">
        <f t="shared" si="131"/>
        <v>1.019803902718557</v>
      </c>
      <c r="LIQ7" s="9">
        <f t="shared" si="131"/>
        <v>1.019803902718557</v>
      </c>
      <c r="LIR7" s="9">
        <f t="shared" si="131"/>
        <v>1.019803902718557</v>
      </c>
      <c r="LIS7" s="9">
        <f t="shared" si="131"/>
        <v>1.019803902718557</v>
      </c>
      <c r="LIT7" s="9">
        <f t="shared" si="131"/>
        <v>1.019803902718557</v>
      </c>
      <c r="LIU7" s="9">
        <f t="shared" si="131"/>
        <v>1.019803902718557</v>
      </c>
      <c r="LIV7" s="9">
        <f t="shared" si="131"/>
        <v>1.019803902718557</v>
      </c>
      <c r="LIW7" s="9">
        <f t="shared" si="131"/>
        <v>1.019803902718557</v>
      </c>
      <c r="LIX7" s="9">
        <f t="shared" si="131"/>
        <v>1.019803902718557</v>
      </c>
      <c r="LIY7" s="9">
        <f t="shared" si="131"/>
        <v>1.019803902718557</v>
      </c>
      <c r="LIZ7" s="9">
        <f t="shared" si="131"/>
        <v>1.019803902718557</v>
      </c>
      <c r="LJA7" s="9">
        <f t="shared" si="131"/>
        <v>1.019803902718557</v>
      </c>
      <c r="LJB7" s="9">
        <f t="shared" si="131"/>
        <v>1.019803902718557</v>
      </c>
      <c r="LJC7" s="9">
        <f t="shared" si="131"/>
        <v>1.019803902718557</v>
      </c>
      <c r="LJD7" s="9">
        <f t="shared" si="131"/>
        <v>1.019803902718557</v>
      </c>
      <c r="LJE7" s="9">
        <f t="shared" si="131"/>
        <v>1.019803902718557</v>
      </c>
      <c r="LJF7" s="9">
        <f t="shared" si="131"/>
        <v>1.019803902718557</v>
      </c>
      <c r="LJG7" s="9">
        <f t="shared" si="131"/>
        <v>1.019803902718557</v>
      </c>
      <c r="LJH7" s="9">
        <f t="shared" si="131"/>
        <v>1.019803902718557</v>
      </c>
      <c r="LJI7" s="9">
        <f t="shared" si="131"/>
        <v>1.019803902718557</v>
      </c>
      <c r="LJJ7" s="9">
        <f t="shared" si="131"/>
        <v>1.019803902718557</v>
      </c>
      <c r="LJK7" s="9">
        <f t="shared" si="131"/>
        <v>1.019803902718557</v>
      </c>
      <c r="LJL7" s="9">
        <f t="shared" si="131"/>
        <v>1.019803902718557</v>
      </c>
      <c r="LJM7" s="9">
        <f t="shared" si="131"/>
        <v>1.019803902718557</v>
      </c>
      <c r="LJN7" s="9">
        <f t="shared" si="131"/>
        <v>1.019803902718557</v>
      </c>
      <c r="LJO7" s="9">
        <f t="shared" si="131"/>
        <v>1.019803902718557</v>
      </c>
      <c r="LJP7" s="9">
        <f t="shared" si="131"/>
        <v>1.019803902718557</v>
      </c>
      <c r="LJQ7" s="9">
        <f t="shared" si="131"/>
        <v>1.019803902718557</v>
      </c>
      <c r="LJR7" s="9">
        <f t="shared" si="131"/>
        <v>1.019803902718557</v>
      </c>
      <c r="LJS7" s="9">
        <f t="shared" si="131"/>
        <v>1.019803902718557</v>
      </c>
      <c r="LJT7" s="9">
        <f t="shared" si="131"/>
        <v>1.019803902718557</v>
      </c>
      <c r="LJU7" s="9">
        <f t="shared" si="131"/>
        <v>1.019803902718557</v>
      </c>
      <c r="LJV7" s="9">
        <f t="shared" ref="LJV7:LMG7" si="132">1/((1+$F$6) ^(LJV3-$F$7))</f>
        <v>1.019803902718557</v>
      </c>
      <c r="LJW7" s="9">
        <f t="shared" si="132"/>
        <v>1.019803902718557</v>
      </c>
      <c r="LJX7" s="9">
        <f t="shared" si="132"/>
        <v>1.019803902718557</v>
      </c>
      <c r="LJY7" s="9">
        <f t="shared" si="132"/>
        <v>1.019803902718557</v>
      </c>
      <c r="LJZ7" s="9">
        <f t="shared" si="132"/>
        <v>1.019803902718557</v>
      </c>
      <c r="LKA7" s="9">
        <f t="shared" si="132"/>
        <v>1.019803902718557</v>
      </c>
      <c r="LKB7" s="9">
        <f t="shared" si="132"/>
        <v>1.019803902718557</v>
      </c>
      <c r="LKC7" s="9">
        <f t="shared" si="132"/>
        <v>1.019803902718557</v>
      </c>
      <c r="LKD7" s="9">
        <f t="shared" si="132"/>
        <v>1.019803902718557</v>
      </c>
      <c r="LKE7" s="9">
        <f t="shared" si="132"/>
        <v>1.019803902718557</v>
      </c>
      <c r="LKF7" s="9">
        <f t="shared" si="132"/>
        <v>1.019803902718557</v>
      </c>
      <c r="LKG7" s="9">
        <f t="shared" si="132"/>
        <v>1.019803902718557</v>
      </c>
      <c r="LKH7" s="9">
        <f t="shared" si="132"/>
        <v>1.019803902718557</v>
      </c>
      <c r="LKI7" s="9">
        <f t="shared" si="132"/>
        <v>1.019803902718557</v>
      </c>
      <c r="LKJ7" s="9">
        <f t="shared" si="132"/>
        <v>1.019803902718557</v>
      </c>
      <c r="LKK7" s="9">
        <f t="shared" si="132"/>
        <v>1.019803902718557</v>
      </c>
      <c r="LKL7" s="9">
        <f t="shared" si="132"/>
        <v>1.019803902718557</v>
      </c>
      <c r="LKM7" s="9">
        <f t="shared" si="132"/>
        <v>1.019803902718557</v>
      </c>
      <c r="LKN7" s="9">
        <f t="shared" si="132"/>
        <v>1.019803902718557</v>
      </c>
      <c r="LKO7" s="9">
        <f t="shared" si="132"/>
        <v>1.019803902718557</v>
      </c>
      <c r="LKP7" s="9">
        <f t="shared" si="132"/>
        <v>1.019803902718557</v>
      </c>
      <c r="LKQ7" s="9">
        <f t="shared" si="132"/>
        <v>1.019803902718557</v>
      </c>
      <c r="LKR7" s="9">
        <f t="shared" si="132"/>
        <v>1.019803902718557</v>
      </c>
      <c r="LKS7" s="9">
        <f t="shared" si="132"/>
        <v>1.019803902718557</v>
      </c>
      <c r="LKT7" s="9">
        <f t="shared" si="132"/>
        <v>1.019803902718557</v>
      </c>
      <c r="LKU7" s="9">
        <f t="shared" si="132"/>
        <v>1.019803902718557</v>
      </c>
      <c r="LKV7" s="9">
        <f t="shared" si="132"/>
        <v>1.019803902718557</v>
      </c>
      <c r="LKW7" s="9">
        <f t="shared" si="132"/>
        <v>1.019803902718557</v>
      </c>
      <c r="LKX7" s="9">
        <f t="shared" si="132"/>
        <v>1.019803902718557</v>
      </c>
      <c r="LKY7" s="9">
        <f t="shared" si="132"/>
        <v>1.019803902718557</v>
      </c>
      <c r="LKZ7" s="9">
        <f t="shared" si="132"/>
        <v>1.019803902718557</v>
      </c>
      <c r="LLA7" s="9">
        <f t="shared" si="132"/>
        <v>1.019803902718557</v>
      </c>
      <c r="LLB7" s="9">
        <f t="shared" si="132"/>
        <v>1.019803902718557</v>
      </c>
      <c r="LLC7" s="9">
        <f t="shared" si="132"/>
        <v>1.019803902718557</v>
      </c>
      <c r="LLD7" s="9">
        <f t="shared" si="132"/>
        <v>1.019803902718557</v>
      </c>
      <c r="LLE7" s="9">
        <f t="shared" si="132"/>
        <v>1.019803902718557</v>
      </c>
      <c r="LLF7" s="9">
        <f t="shared" si="132"/>
        <v>1.019803902718557</v>
      </c>
      <c r="LLG7" s="9">
        <f t="shared" si="132"/>
        <v>1.019803902718557</v>
      </c>
      <c r="LLH7" s="9">
        <f t="shared" si="132"/>
        <v>1.019803902718557</v>
      </c>
      <c r="LLI7" s="9">
        <f t="shared" si="132"/>
        <v>1.019803902718557</v>
      </c>
      <c r="LLJ7" s="9">
        <f t="shared" si="132"/>
        <v>1.019803902718557</v>
      </c>
      <c r="LLK7" s="9">
        <f t="shared" si="132"/>
        <v>1.019803902718557</v>
      </c>
      <c r="LLL7" s="9">
        <f t="shared" si="132"/>
        <v>1.019803902718557</v>
      </c>
      <c r="LLM7" s="9">
        <f t="shared" si="132"/>
        <v>1.019803902718557</v>
      </c>
      <c r="LLN7" s="9">
        <f t="shared" si="132"/>
        <v>1.019803902718557</v>
      </c>
      <c r="LLO7" s="9">
        <f t="shared" si="132"/>
        <v>1.019803902718557</v>
      </c>
      <c r="LLP7" s="9">
        <f t="shared" si="132"/>
        <v>1.019803902718557</v>
      </c>
      <c r="LLQ7" s="9">
        <f t="shared" si="132"/>
        <v>1.019803902718557</v>
      </c>
      <c r="LLR7" s="9">
        <f t="shared" si="132"/>
        <v>1.019803902718557</v>
      </c>
      <c r="LLS7" s="9">
        <f t="shared" si="132"/>
        <v>1.019803902718557</v>
      </c>
      <c r="LLT7" s="9">
        <f t="shared" si="132"/>
        <v>1.019803902718557</v>
      </c>
      <c r="LLU7" s="9">
        <f t="shared" si="132"/>
        <v>1.019803902718557</v>
      </c>
      <c r="LLV7" s="9">
        <f t="shared" si="132"/>
        <v>1.019803902718557</v>
      </c>
      <c r="LLW7" s="9">
        <f t="shared" si="132"/>
        <v>1.019803902718557</v>
      </c>
      <c r="LLX7" s="9">
        <f t="shared" si="132"/>
        <v>1.019803902718557</v>
      </c>
      <c r="LLY7" s="9">
        <f t="shared" si="132"/>
        <v>1.019803902718557</v>
      </c>
      <c r="LLZ7" s="9">
        <f t="shared" si="132"/>
        <v>1.019803902718557</v>
      </c>
      <c r="LMA7" s="9">
        <f t="shared" si="132"/>
        <v>1.019803902718557</v>
      </c>
      <c r="LMB7" s="9">
        <f t="shared" si="132"/>
        <v>1.019803902718557</v>
      </c>
      <c r="LMC7" s="9">
        <f t="shared" si="132"/>
        <v>1.019803902718557</v>
      </c>
      <c r="LMD7" s="9">
        <f t="shared" si="132"/>
        <v>1.019803902718557</v>
      </c>
      <c r="LME7" s="9">
        <f t="shared" si="132"/>
        <v>1.019803902718557</v>
      </c>
      <c r="LMF7" s="9">
        <f t="shared" si="132"/>
        <v>1.019803902718557</v>
      </c>
      <c r="LMG7" s="9">
        <f t="shared" si="132"/>
        <v>1.019803902718557</v>
      </c>
      <c r="LMH7" s="9">
        <f t="shared" ref="LMH7:LOS7" si="133">1/((1+$F$6) ^(LMH3-$F$7))</f>
        <v>1.019803902718557</v>
      </c>
      <c r="LMI7" s="9">
        <f t="shared" si="133"/>
        <v>1.019803902718557</v>
      </c>
      <c r="LMJ7" s="9">
        <f t="shared" si="133"/>
        <v>1.019803902718557</v>
      </c>
      <c r="LMK7" s="9">
        <f t="shared" si="133"/>
        <v>1.019803902718557</v>
      </c>
      <c r="LML7" s="9">
        <f t="shared" si="133"/>
        <v>1.019803902718557</v>
      </c>
      <c r="LMM7" s="9">
        <f t="shared" si="133"/>
        <v>1.019803902718557</v>
      </c>
      <c r="LMN7" s="9">
        <f t="shared" si="133"/>
        <v>1.019803902718557</v>
      </c>
      <c r="LMO7" s="9">
        <f t="shared" si="133"/>
        <v>1.019803902718557</v>
      </c>
      <c r="LMP7" s="9">
        <f t="shared" si="133"/>
        <v>1.019803902718557</v>
      </c>
      <c r="LMQ7" s="9">
        <f t="shared" si="133"/>
        <v>1.019803902718557</v>
      </c>
      <c r="LMR7" s="9">
        <f t="shared" si="133"/>
        <v>1.019803902718557</v>
      </c>
      <c r="LMS7" s="9">
        <f t="shared" si="133"/>
        <v>1.019803902718557</v>
      </c>
      <c r="LMT7" s="9">
        <f t="shared" si="133"/>
        <v>1.019803902718557</v>
      </c>
      <c r="LMU7" s="9">
        <f t="shared" si="133"/>
        <v>1.019803902718557</v>
      </c>
      <c r="LMV7" s="9">
        <f t="shared" si="133"/>
        <v>1.019803902718557</v>
      </c>
      <c r="LMW7" s="9">
        <f t="shared" si="133"/>
        <v>1.019803902718557</v>
      </c>
      <c r="LMX7" s="9">
        <f t="shared" si="133"/>
        <v>1.019803902718557</v>
      </c>
      <c r="LMY7" s="9">
        <f t="shared" si="133"/>
        <v>1.019803902718557</v>
      </c>
      <c r="LMZ7" s="9">
        <f t="shared" si="133"/>
        <v>1.019803902718557</v>
      </c>
      <c r="LNA7" s="9">
        <f t="shared" si="133"/>
        <v>1.019803902718557</v>
      </c>
      <c r="LNB7" s="9">
        <f t="shared" si="133"/>
        <v>1.019803902718557</v>
      </c>
      <c r="LNC7" s="9">
        <f t="shared" si="133"/>
        <v>1.019803902718557</v>
      </c>
      <c r="LND7" s="9">
        <f t="shared" si="133"/>
        <v>1.019803902718557</v>
      </c>
      <c r="LNE7" s="9">
        <f t="shared" si="133"/>
        <v>1.019803902718557</v>
      </c>
      <c r="LNF7" s="9">
        <f t="shared" si="133"/>
        <v>1.019803902718557</v>
      </c>
      <c r="LNG7" s="9">
        <f t="shared" si="133"/>
        <v>1.019803902718557</v>
      </c>
      <c r="LNH7" s="9">
        <f t="shared" si="133"/>
        <v>1.019803902718557</v>
      </c>
      <c r="LNI7" s="9">
        <f t="shared" si="133"/>
        <v>1.019803902718557</v>
      </c>
      <c r="LNJ7" s="9">
        <f t="shared" si="133"/>
        <v>1.019803902718557</v>
      </c>
      <c r="LNK7" s="9">
        <f t="shared" si="133"/>
        <v>1.019803902718557</v>
      </c>
      <c r="LNL7" s="9">
        <f t="shared" si="133"/>
        <v>1.019803902718557</v>
      </c>
      <c r="LNM7" s="9">
        <f t="shared" si="133"/>
        <v>1.019803902718557</v>
      </c>
      <c r="LNN7" s="9">
        <f t="shared" si="133"/>
        <v>1.019803902718557</v>
      </c>
      <c r="LNO7" s="9">
        <f t="shared" si="133"/>
        <v>1.019803902718557</v>
      </c>
      <c r="LNP7" s="9">
        <f t="shared" si="133"/>
        <v>1.019803902718557</v>
      </c>
      <c r="LNQ7" s="9">
        <f t="shared" si="133"/>
        <v>1.019803902718557</v>
      </c>
      <c r="LNR7" s="9">
        <f t="shared" si="133"/>
        <v>1.019803902718557</v>
      </c>
      <c r="LNS7" s="9">
        <f t="shared" si="133"/>
        <v>1.019803902718557</v>
      </c>
      <c r="LNT7" s="9">
        <f t="shared" si="133"/>
        <v>1.019803902718557</v>
      </c>
      <c r="LNU7" s="9">
        <f t="shared" si="133"/>
        <v>1.019803902718557</v>
      </c>
      <c r="LNV7" s="9">
        <f t="shared" si="133"/>
        <v>1.019803902718557</v>
      </c>
      <c r="LNW7" s="9">
        <f t="shared" si="133"/>
        <v>1.019803902718557</v>
      </c>
      <c r="LNX7" s="9">
        <f t="shared" si="133"/>
        <v>1.019803902718557</v>
      </c>
      <c r="LNY7" s="9">
        <f t="shared" si="133"/>
        <v>1.019803902718557</v>
      </c>
      <c r="LNZ7" s="9">
        <f t="shared" si="133"/>
        <v>1.019803902718557</v>
      </c>
      <c r="LOA7" s="9">
        <f t="shared" si="133"/>
        <v>1.019803902718557</v>
      </c>
      <c r="LOB7" s="9">
        <f t="shared" si="133"/>
        <v>1.019803902718557</v>
      </c>
      <c r="LOC7" s="9">
        <f t="shared" si="133"/>
        <v>1.019803902718557</v>
      </c>
      <c r="LOD7" s="9">
        <f t="shared" si="133"/>
        <v>1.019803902718557</v>
      </c>
      <c r="LOE7" s="9">
        <f t="shared" si="133"/>
        <v>1.019803902718557</v>
      </c>
      <c r="LOF7" s="9">
        <f t="shared" si="133"/>
        <v>1.019803902718557</v>
      </c>
      <c r="LOG7" s="9">
        <f t="shared" si="133"/>
        <v>1.019803902718557</v>
      </c>
      <c r="LOH7" s="9">
        <f t="shared" si="133"/>
        <v>1.019803902718557</v>
      </c>
      <c r="LOI7" s="9">
        <f t="shared" si="133"/>
        <v>1.019803902718557</v>
      </c>
      <c r="LOJ7" s="9">
        <f t="shared" si="133"/>
        <v>1.019803902718557</v>
      </c>
      <c r="LOK7" s="9">
        <f t="shared" si="133"/>
        <v>1.019803902718557</v>
      </c>
      <c r="LOL7" s="9">
        <f t="shared" si="133"/>
        <v>1.019803902718557</v>
      </c>
      <c r="LOM7" s="9">
        <f t="shared" si="133"/>
        <v>1.019803902718557</v>
      </c>
      <c r="LON7" s="9">
        <f t="shared" si="133"/>
        <v>1.019803902718557</v>
      </c>
      <c r="LOO7" s="9">
        <f t="shared" si="133"/>
        <v>1.019803902718557</v>
      </c>
      <c r="LOP7" s="9">
        <f t="shared" si="133"/>
        <v>1.019803902718557</v>
      </c>
      <c r="LOQ7" s="9">
        <f t="shared" si="133"/>
        <v>1.019803902718557</v>
      </c>
      <c r="LOR7" s="9">
        <f t="shared" si="133"/>
        <v>1.019803902718557</v>
      </c>
      <c r="LOS7" s="9">
        <f t="shared" si="133"/>
        <v>1.019803902718557</v>
      </c>
      <c r="LOT7" s="9">
        <f t="shared" ref="LOT7:LRE7" si="134">1/((1+$F$6) ^(LOT3-$F$7))</f>
        <v>1.019803902718557</v>
      </c>
      <c r="LOU7" s="9">
        <f t="shared" si="134"/>
        <v>1.019803902718557</v>
      </c>
      <c r="LOV7" s="9">
        <f t="shared" si="134"/>
        <v>1.019803902718557</v>
      </c>
      <c r="LOW7" s="9">
        <f t="shared" si="134"/>
        <v>1.019803902718557</v>
      </c>
      <c r="LOX7" s="9">
        <f t="shared" si="134"/>
        <v>1.019803902718557</v>
      </c>
      <c r="LOY7" s="9">
        <f t="shared" si="134"/>
        <v>1.019803902718557</v>
      </c>
      <c r="LOZ7" s="9">
        <f t="shared" si="134"/>
        <v>1.019803902718557</v>
      </c>
      <c r="LPA7" s="9">
        <f t="shared" si="134"/>
        <v>1.019803902718557</v>
      </c>
      <c r="LPB7" s="9">
        <f t="shared" si="134"/>
        <v>1.019803902718557</v>
      </c>
      <c r="LPC7" s="9">
        <f t="shared" si="134"/>
        <v>1.019803902718557</v>
      </c>
      <c r="LPD7" s="9">
        <f t="shared" si="134"/>
        <v>1.019803902718557</v>
      </c>
      <c r="LPE7" s="9">
        <f t="shared" si="134"/>
        <v>1.019803902718557</v>
      </c>
      <c r="LPF7" s="9">
        <f t="shared" si="134"/>
        <v>1.019803902718557</v>
      </c>
      <c r="LPG7" s="9">
        <f t="shared" si="134"/>
        <v>1.019803902718557</v>
      </c>
      <c r="LPH7" s="9">
        <f t="shared" si="134"/>
        <v>1.019803902718557</v>
      </c>
      <c r="LPI7" s="9">
        <f t="shared" si="134"/>
        <v>1.019803902718557</v>
      </c>
      <c r="LPJ7" s="9">
        <f t="shared" si="134"/>
        <v>1.019803902718557</v>
      </c>
      <c r="LPK7" s="9">
        <f t="shared" si="134"/>
        <v>1.019803902718557</v>
      </c>
      <c r="LPL7" s="9">
        <f t="shared" si="134"/>
        <v>1.019803902718557</v>
      </c>
      <c r="LPM7" s="9">
        <f t="shared" si="134"/>
        <v>1.019803902718557</v>
      </c>
      <c r="LPN7" s="9">
        <f t="shared" si="134"/>
        <v>1.019803902718557</v>
      </c>
      <c r="LPO7" s="9">
        <f t="shared" si="134"/>
        <v>1.019803902718557</v>
      </c>
      <c r="LPP7" s="9">
        <f t="shared" si="134"/>
        <v>1.019803902718557</v>
      </c>
      <c r="LPQ7" s="9">
        <f t="shared" si="134"/>
        <v>1.019803902718557</v>
      </c>
      <c r="LPR7" s="9">
        <f t="shared" si="134"/>
        <v>1.019803902718557</v>
      </c>
      <c r="LPS7" s="9">
        <f t="shared" si="134"/>
        <v>1.019803902718557</v>
      </c>
      <c r="LPT7" s="9">
        <f t="shared" si="134"/>
        <v>1.019803902718557</v>
      </c>
      <c r="LPU7" s="9">
        <f t="shared" si="134"/>
        <v>1.019803902718557</v>
      </c>
      <c r="LPV7" s="9">
        <f t="shared" si="134"/>
        <v>1.019803902718557</v>
      </c>
      <c r="LPW7" s="9">
        <f t="shared" si="134"/>
        <v>1.019803902718557</v>
      </c>
      <c r="LPX7" s="9">
        <f t="shared" si="134"/>
        <v>1.019803902718557</v>
      </c>
      <c r="LPY7" s="9">
        <f t="shared" si="134"/>
        <v>1.019803902718557</v>
      </c>
      <c r="LPZ7" s="9">
        <f t="shared" si="134"/>
        <v>1.019803902718557</v>
      </c>
      <c r="LQA7" s="9">
        <f t="shared" si="134"/>
        <v>1.019803902718557</v>
      </c>
      <c r="LQB7" s="9">
        <f t="shared" si="134"/>
        <v>1.019803902718557</v>
      </c>
      <c r="LQC7" s="9">
        <f t="shared" si="134"/>
        <v>1.019803902718557</v>
      </c>
      <c r="LQD7" s="9">
        <f t="shared" si="134"/>
        <v>1.019803902718557</v>
      </c>
      <c r="LQE7" s="9">
        <f t="shared" si="134"/>
        <v>1.019803902718557</v>
      </c>
      <c r="LQF7" s="9">
        <f t="shared" si="134"/>
        <v>1.019803902718557</v>
      </c>
      <c r="LQG7" s="9">
        <f t="shared" si="134"/>
        <v>1.019803902718557</v>
      </c>
      <c r="LQH7" s="9">
        <f t="shared" si="134"/>
        <v>1.019803902718557</v>
      </c>
      <c r="LQI7" s="9">
        <f t="shared" si="134"/>
        <v>1.019803902718557</v>
      </c>
      <c r="LQJ7" s="9">
        <f t="shared" si="134"/>
        <v>1.019803902718557</v>
      </c>
      <c r="LQK7" s="9">
        <f t="shared" si="134"/>
        <v>1.019803902718557</v>
      </c>
      <c r="LQL7" s="9">
        <f t="shared" si="134"/>
        <v>1.019803902718557</v>
      </c>
      <c r="LQM7" s="9">
        <f t="shared" si="134"/>
        <v>1.019803902718557</v>
      </c>
      <c r="LQN7" s="9">
        <f t="shared" si="134"/>
        <v>1.019803902718557</v>
      </c>
      <c r="LQO7" s="9">
        <f t="shared" si="134"/>
        <v>1.019803902718557</v>
      </c>
      <c r="LQP7" s="9">
        <f t="shared" si="134"/>
        <v>1.019803902718557</v>
      </c>
      <c r="LQQ7" s="9">
        <f t="shared" si="134"/>
        <v>1.019803902718557</v>
      </c>
      <c r="LQR7" s="9">
        <f t="shared" si="134"/>
        <v>1.019803902718557</v>
      </c>
      <c r="LQS7" s="9">
        <f t="shared" si="134"/>
        <v>1.019803902718557</v>
      </c>
      <c r="LQT7" s="9">
        <f t="shared" si="134"/>
        <v>1.019803902718557</v>
      </c>
      <c r="LQU7" s="9">
        <f t="shared" si="134"/>
        <v>1.019803902718557</v>
      </c>
      <c r="LQV7" s="9">
        <f t="shared" si="134"/>
        <v>1.019803902718557</v>
      </c>
      <c r="LQW7" s="9">
        <f t="shared" si="134"/>
        <v>1.019803902718557</v>
      </c>
      <c r="LQX7" s="9">
        <f t="shared" si="134"/>
        <v>1.019803902718557</v>
      </c>
      <c r="LQY7" s="9">
        <f t="shared" si="134"/>
        <v>1.019803902718557</v>
      </c>
      <c r="LQZ7" s="9">
        <f t="shared" si="134"/>
        <v>1.019803902718557</v>
      </c>
      <c r="LRA7" s="9">
        <f t="shared" si="134"/>
        <v>1.019803902718557</v>
      </c>
      <c r="LRB7" s="9">
        <f t="shared" si="134"/>
        <v>1.019803902718557</v>
      </c>
      <c r="LRC7" s="9">
        <f t="shared" si="134"/>
        <v>1.019803902718557</v>
      </c>
      <c r="LRD7" s="9">
        <f t="shared" si="134"/>
        <v>1.019803902718557</v>
      </c>
      <c r="LRE7" s="9">
        <f t="shared" si="134"/>
        <v>1.019803902718557</v>
      </c>
      <c r="LRF7" s="9">
        <f t="shared" ref="LRF7:LTQ7" si="135">1/((1+$F$6) ^(LRF3-$F$7))</f>
        <v>1.019803902718557</v>
      </c>
      <c r="LRG7" s="9">
        <f t="shared" si="135"/>
        <v>1.019803902718557</v>
      </c>
      <c r="LRH7" s="9">
        <f t="shared" si="135"/>
        <v>1.019803902718557</v>
      </c>
      <c r="LRI7" s="9">
        <f t="shared" si="135"/>
        <v>1.019803902718557</v>
      </c>
      <c r="LRJ7" s="9">
        <f t="shared" si="135"/>
        <v>1.019803902718557</v>
      </c>
      <c r="LRK7" s="9">
        <f t="shared" si="135"/>
        <v>1.019803902718557</v>
      </c>
      <c r="LRL7" s="9">
        <f t="shared" si="135"/>
        <v>1.019803902718557</v>
      </c>
      <c r="LRM7" s="9">
        <f t="shared" si="135"/>
        <v>1.019803902718557</v>
      </c>
      <c r="LRN7" s="9">
        <f t="shared" si="135"/>
        <v>1.019803902718557</v>
      </c>
      <c r="LRO7" s="9">
        <f t="shared" si="135"/>
        <v>1.019803902718557</v>
      </c>
      <c r="LRP7" s="9">
        <f t="shared" si="135"/>
        <v>1.019803902718557</v>
      </c>
      <c r="LRQ7" s="9">
        <f t="shared" si="135"/>
        <v>1.019803902718557</v>
      </c>
      <c r="LRR7" s="9">
        <f t="shared" si="135"/>
        <v>1.019803902718557</v>
      </c>
      <c r="LRS7" s="9">
        <f t="shared" si="135"/>
        <v>1.019803902718557</v>
      </c>
      <c r="LRT7" s="9">
        <f t="shared" si="135"/>
        <v>1.019803902718557</v>
      </c>
      <c r="LRU7" s="9">
        <f t="shared" si="135"/>
        <v>1.019803902718557</v>
      </c>
      <c r="LRV7" s="9">
        <f t="shared" si="135"/>
        <v>1.019803902718557</v>
      </c>
      <c r="LRW7" s="9">
        <f t="shared" si="135"/>
        <v>1.019803902718557</v>
      </c>
      <c r="LRX7" s="9">
        <f t="shared" si="135"/>
        <v>1.019803902718557</v>
      </c>
      <c r="LRY7" s="9">
        <f t="shared" si="135"/>
        <v>1.019803902718557</v>
      </c>
      <c r="LRZ7" s="9">
        <f t="shared" si="135"/>
        <v>1.019803902718557</v>
      </c>
      <c r="LSA7" s="9">
        <f t="shared" si="135"/>
        <v>1.019803902718557</v>
      </c>
      <c r="LSB7" s="9">
        <f t="shared" si="135"/>
        <v>1.019803902718557</v>
      </c>
      <c r="LSC7" s="9">
        <f t="shared" si="135"/>
        <v>1.019803902718557</v>
      </c>
      <c r="LSD7" s="9">
        <f t="shared" si="135"/>
        <v>1.019803902718557</v>
      </c>
      <c r="LSE7" s="9">
        <f t="shared" si="135"/>
        <v>1.019803902718557</v>
      </c>
      <c r="LSF7" s="9">
        <f t="shared" si="135"/>
        <v>1.019803902718557</v>
      </c>
      <c r="LSG7" s="9">
        <f t="shared" si="135"/>
        <v>1.019803902718557</v>
      </c>
      <c r="LSH7" s="9">
        <f t="shared" si="135"/>
        <v>1.019803902718557</v>
      </c>
      <c r="LSI7" s="9">
        <f t="shared" si="135"/>
        <v>1.019803902718557</v>
      </c>
      <c r="LSJ7" s="9">
        <f t="shared" si="135"/>
        <v>1.019803902718557</v>
      </c>
      <c r="LSK7" s="9">
        <f t="shared" si="135"/>
        <v>1.019803902718557</v>
      </c>
      <c r="LSL7" s="9">
        <f t="shared" si="135"/>
        <v>1.019803902718557</v>
      </c>
      <c r="LSM7" s="9">
        <f t="shared" si="135"/>
        <v>1.019803902718557</v>
      </c>
      <c r="LSN7" s="9">
        <f t="shared" si="135"/>
        <v>1.019803902718557</v>
      </c>
      <c r="LSO7" s="9">
        <f t="shared" si="135"/>
        <v>1.019803902718557</v>
      </c>
      <c r="LSP7" s="9">
        <f t="shared" si="135"/>
        <v>1.019803902718557</v>
      </c>
      <c r="LSQ7" s="9">
        <f t="shared" si="135"/>
        <v>1.019803902718557</v>
      </c>
      <c r="LSR7" s="9">
        <f t="shared" si="135"/>
        <v>1.019803902718557</v>
      </c>
      <c r="LSS7" s="9">
        <f t="shared" si="135"/>
        <v>1.019803902718557</v>
      </c>
      <c r="LST7" s="9">
        <f t="shared" si="135"/>
        <v>1.019803902718557</v>
      </c>
      <c r="LSU7" s="9">
        <f t="shared" si="135"/>
        <v>1.019803902718557</v>
      </c>
      <c r="LSV7" s="9">
        <f t="shared" si="135"/>
        <v>1.019803902718557</v>
      </c>
      <c r="LSW7" s="9">
        <f t="shared" si="135"/>
        <v>1.019803902718557</v>
      </c>
      <c r="LSX7" s="9">
        <f t="shared" si="135"/>
        <v>1.019803902718557</v>
      </c>
      <c r="LSY7" s="9">
        <f t="shared" si="135"/>
        <v>1.019803902718557</v>
      </c>
      <c r="LSZ7" s="9">
        <f t="shared" si="135"/>
        <v>1.019803902718557</v>
      </c>
      <c r="LTA7" s="9">
        <f t="shared" si="135"/>
        <v>1.019803902718557</v>
      </c>
      <c r="LTB7" s="9">
        <f t="shared" si="135"/>
        <v>1.019803902718557</v>
      </c>
      <c r="LTC7" s="9">
        <f t="shared" si="135"/>
        <v>1.019803902718557</v>
      </c>
      <c r="LTD7" s="9">
        <f t="shared" si="135"/>
        <v>1.019803902718557</v>
      </c>
      <c r="LTE7" s="9">
        <f t="shared" si="135"/>
        <v>1.019803902718557</v>
      </c>
      <c r="LTF7" s="9">
        <f t="shared" si="135"/>
        <v>1.019803902718557</v>
      </c>
      <c r="LTG7" s="9">
        <f t="shared" si="135"/>
        <v>1.019803902718557</v>
      </c>
      <c r="LTH7" s="9">
        <f t="shared" si="135"/>
        <v>1.019803902718557</v>
      </c>
      <c r="LTI7" s="9">
        <f t="shared" si="135"/>
        <v>1.019803902718557</v>
      </c>
      <c r="LTJ7" s="9">
        <f t="shared" si="135"/>
        <v>1.019803902718557</v>
      </c>
      <c r="LTK7" s="9">
        <f t="shared" si="135"/>
        <v>1.019803902718557</v>
      </c>
      <c r="LTL7" s="9">
        <f t="shared" si="135"/>
        <v>1.019803902718557</v>
      </c>
      <c r="LTM7" s="9">
        <f t="shared" si="135"/>
        <v>1.019803902718557</v>
      </c>
      <c r="LTN7" s="9">
        <f t="shared" si="135"/>
        <v>1.019803902718557</v>
      </c>
      <c r="LTO7" s="9">
        <f t="shared" si="135"/>
        <v>1.019803902718557</v>
      </c>
      <c r="LTP7" s="9">
        <f t="shared" si="135"/>
        <v>1.019803902718557</v>
      </c>
      <c r="LTQ7" s="9">
        <f t="shared" si="135"/>
        <v>1.019803902718557</v>
      </c>
      <c r="LTR7" s="9">
        <f t="shared" ref="LTR7:LWC7" si="136">1/((1+$F$6) ^(LTR3-$F$7))</f>
        <v>1.019803902718557</v>
      </c>
      <c r="LTS7" s="9">
        <f t="shared" si="136"/>
        <v>1.019803902718557</v>
      </c>
      <c r="LTT7" s="9">
        <f t="shared" si="136"/>
        <v>1.019803902718557</v>
      </c>
      <c r="LTU7" s="9">
        <f t="shared" si="136"/>
        <v>1.019803902718557</v>
      </c>
      <c r="LTV7" s="9">
        <f t="shared" si="136"/>
        <v>1.019803902718557</v>
      </c>
      <c r="LTW7" s="9">
        <f t="shared" si="136"/>
        <v>1.019803902718557</v>
      </c>
      <c r="LTX7" s="9">
        <f t="shared" si="136"/>
        <v>1.019803902718557</v>
      </c>
      <c r="LTY7" s="9">
        <f t="shared" si="136"/>
        <v>1.019803902718557</v>
      </c>
      <c r="LTZ7" s="9">
        <f t="shared" si="136"/>
        <v>1.019803902718557</v>
      </c>
      <c r="LUA7" s="9">
        <f t="shared" si="136"/>
        <v>1.019803902718557</v>
      </c>
      <c r="LUB7" s="9">
        <f t="shared" si="136"/>
        <v>1.019803902718557</v>
      </c>
      <c r="LUC7" s="9">
        <f t="shared" si="136"/>
        <v>1.019803902718557</v>
      </c>
      <c r="LUD7" s="9">
        <f t="shared" si="136"/>
        <v>1.019803902718557</v>
      </c>
      <c r="LUE7" s="9">
        <f t="shared" si="136"/>
        <v>1.019803902718557</v>
      </c>
      <c r="LUF7" s="9">
        <f t="shared" si="136"/>
        <v>1.019803902718557</v>
      </c>
      <c r="LUG7" s="9">
        <f t="shared" si="136"/>
        <v>1.019803902718557</v>
      </c>
      <c r="LUH7" s="9">
        <f t="shared" si="136"/>
        <v>1.019803902718557</v>
      </c>
      <c r="LUI7" s="9">
        <f t="shared" si="136"/>
        <v>1.019803902718557</v>
      </c>
      <c r="LUJ7" s="9">
        <f t="shared" si="136"/>
        <v>1.019803902718557</v>
      </c>
      <c r="LUK7" s="9">
        <f t="shared" si="136"/>
        <v>1.019803902718557</v>
      </c>
      <c r="LUL7" s="9">
        <f t="shared" si="136"/>
        <v>1.019803902718557</v>
      </c>
      <c r="LUM7" s="9">
        <f t="shared" si="136"/>
        <v>1.019803902718557</v>
      </c>
      <c r="LUN7" s="9">
        <f t="shared" si="136"/>
        <v>1.019803902718557</v>
      </c>
      <c r="LUO7" s="9">
        <f t="shared" si="136"/>
        <v>1.019803902718557</v>
      </c>
      <c r="LUP7" s="9">
        <f t="shared" si="136"/>
        <v>1.019803902718557</v>
      </c>
      <c r="LUQ7" s="9">
        <f t="shared" si="136"/>
        <v>1.019803902718557</v>
      </c>
      <c r="LUR7" s="9">
        <f t="shared" si="136"/>
        <v>1.019803902718557</v>
      </c>
      <c r="LUS7" s="9">
        <f t="shared" si="136"/>
        <v>1.019803902718557</v>
      </c>
      <c r="LUT7" s="9">
        <f t="shared" si="136"/>
        <v>1.019803902718557</v>
      </c>
      <c r="LUU7" s="9">
        <f t="shared" si="136"/>
        <v>1.019803902718557</v>
      </c>
      <c r="LUV7" s="9">
        <f t="shared" si="136"/>
        <v>1.019803902718557</v>
      </c>
      <c r="LUW7" s="9">
        <f t="shared" si="136"/>
        <v>1.019803902718557</v>
      </c>
      <c r="LUX7" s="9">
        <f t="shared" si="136"/>
        <v>1.019803902718557</v>
      </c>
      <c r="LUY7" s="9">
        <f t="shared" si="136"/>
        <v>1.019803902718557</v>
      </c>
      <c r="LUZ7" s="9">
        <f t="shared" si="136"/>
        <v>1.019803902718557</v>
      </c>
      <c r="LVA7" s="9">
        <f t="shared" si="136"/>
        <v>1.019803902718557</v>
      </c>
      <c r="LVB7" s="9">
        <f t="shared" si="136"/>
        <v>1.019803902718557</v>
      </c>
      <c r="LVC7" s="9">
        <f t="shared" si="136"/>
        <v>1.019803902718557</v>
      </c>
      <c r="LVD7" s="9">
        <f t="shared" si="136"/>
        <v>1.019803902718557</v>
      </c>
      <c r="LVE7" s="9">
        <f t="shared" si="136"/>
        <v>1.019803902718557</v>
      </c>
      <c r="LVF7" s="9">
        <f t="shared" si="136"/>
        <v>1.019803902718557</v>
      </c>
      <c r="LVG7" s="9">
        <f t="shared" si="136"/>
        <v>1.019803902718557</v>
      </c>
      <c r="LVH7" s="9">
        <f t="shared" si="136"/>
        <v>1.019803902718557</v>
      </c>
      <c r="LVI7" s="9">
        <f t="shared" si="136"/>
        <v>1.019803902718557</v>
      </c>
      <c r="LVJ7" s="9">
        <f t="shared" si="136"/>
        <v>1.019803902718557</v>
      </c>
      <c r="LVK7" s="9">
        <f t="shared" si="136"/>
        <v>1.019803902718557</v>
      </c>
      <c r="LVL7" s="9">
        <f t="shared" si="136"/>
        <v>1.019803902718557</v>
      </c>
      <c r="LVM7" s="9">
        <f t="shared" si="136"/>
        <v>1.019803902718557</v>
      </c>
      <c r="LVN7" s="9">
        <f t="shared" si="136"/>
        <v>1.019803902718557</v>
      </c>
      <c r="LVO7" s="9">
        <f t="shared" si="136"/>
        <v>1.019803902718557</v>
      </c>
      <c r="LVP7" s="9">
        <f t="shared" si="136"/>
        <v>1.019803902718557</v>
      </c>
      <c r="LVQ7" s="9">
        <f t="shared" si="136"/>
        <v>1.019803902718557</v>
      </c>
      <c r="LVR7" s="9">
        <f t="shared" si="136"/>
        <v>1.019803902718557</v>
      </c>
      <c r="LVS7" s="9">
        <f t="shared" si="136"/>
        <v>1.019803902718557</v>
      </c>
      <c r="LVT7" s="9">
        <f t="shared" si="136"/>
        <v>1.019803902718557</v>
      </c>
      <c r="LVU7" s="9">
        <f t="shared" si="136"/>
        <v>1.019803902718557</v>
      </c>
      <c r="LVV7" s="9">
        <f t="shared" si="136"/>
        <v>1.019803902718557</v>
      </c>
      <c r="LVW7" s="9">
        <f t="shared" si="136"/>
        <v>1.019803902718557</v>
      </c>
      <c r="LVX7" s="9">
        <f t="shared" si="136"/>
        <v>1.019803902718557</v>
      </c>
      <c r="LVY7" s="9">
        <f t="shared" si="136"/>
        <v>1.019803902718557</v>
      </c>
      <c r="LVZ7" s="9">
        <f t="shared" si="136"/>
        <v>1.019803902718557</v>
      </c>
      <c r="LWA7" s="9">
        <f t="shared" si="136"/>
        <v>1.019803902718557</v>
      </c>
      <c r="LWB7" s="9">
        <f t="shared" si="136"/>
        <v>1.019803902718557</v>
      </c>
      <c r="LWC7" s="9">
        <f t="shared" si="136"/>
        <v>1.019803902718557</v>
      </c>
      <c r="LWD7" s="9">
        <f t="shared" ref="LWD7:LYO7" si="137">1/((1+$F$6) ^(LWD3-$F$7))</f>
        <v>1.019803902718557</v>
      </c>
      <c r="LWE7" s="9">
        <f t="shared" si="137"/>
        <v>1.019803902718557</v>
      </c>
      <c r="LWF7" s="9">
        <f t="shared" si="137"/>
        <v>1.019803902718557</v>
      </c>
      <c r="LWG7" s="9">
        <f t="shared" si="137"/>
        <v>1.019803902718557</v>
      </c>
      <c r="LWH7" s="9">
        <f t="shared" si="137"/>
        <v>1.019803902718557</v>
      </c>
      <c r="LWI7" s="9">
        <f t="shared" si="137"/>
        <v>1.019803902718557</v>
      </c>
      <c r="LWJ7" s="9">
        <f t="shared" si="137"/>
        <v>1.019803902718557</v>
      </c>
      <c r="LWK7" s="9">
        <f t="shared" si="137"/>
        <v>1.019803902718557</v>
      </c>
      <c r="LWL7" s="9">
        <f t="shared" si="137"/>
        <v>1.019803902718557</v>
      </c>
      <c r="LWM7" s="9">
        <f t="shared" si="137"/>
        <v>1.019803902718557</v>
      </c>
      <c r="LWN7" s="9">
        <f t="shared" si="137"/>
        <v>1.019803902718557</v>
      </c>
      <c r="LWO7" s="9">
        <f t="shared" si="137"/>
        <v>1.019803902718557</v>
      </c>
      <c r="LWP7" s="9">
        <f t="shared" si="137"/>
        <v>1.019803902718557</v>
      </c>
      <c r="LWQ7" s="9">
        <f t="shared" si="137"/>
        <v>1.019803902718557</v>
      </c>
      <c r="LWR7" s="9">
        <f t="shared" si="137"/>
        <v>1.019803902718557</v>
      </c>
      <c r="LWS7" s="9">
        <f t="shared" si="137"/>
        <v>1.019803902718557</v>
      </c>
      <c r="LWT7" s="9">
        <f t="shared" si="137"/>
        <v>1.019803902718557</v>
      </c>
      <c r="LWU7" s="9">
        <f t="shared" si="137"/>
        <v>1.019803902718557</v>
      </c>
      <c r="LWV7" s="9">
        <f t="shared" si="137"/>
        <v>1.019803902718557</v>
      </c>
      <c r="LWW7" s="9">
        <f t="shared" si="137"/>
        <v>1.019803902718557</v>
      </c>
      <c r="LWX7" s="9">
        <f t="shared" si="137"/>
        <v>1.019803902718557</v>
      </c>
      <c r="LWY7" s="9">
        <f t="shared" si="137"/>
        <v>1.019803902718557</v>
      </c>
      <c r="LWZ7" s="9">
        <f t="shared" si="137"/>
        <v>1.019803902718557</v>
      </c>
      <c r="LXA7" s="9">
        <f t="shared" si="137"/>
        <v>1.019803902718557</v>
      </c>
      <c r="LXB7" s="9">
        <f t="shared" si="137"/>
        <v>1.019803902718557</v>
      </c>
      <c r="LXC7" s="9">
        <f t="shared" si="137"/>
        <v>1.019803902718557</v>
      </c>
      <c r="LXD7" s="9">
        <f t="shared" si="137"/>
        <v>1.019803902718557</v>
      </c>
      <c r="LXE7" s="9">
        <f t="shared" si="137"/>
        <v>1.019803902718557</v>
      </c>
      <c r="LXF7" s="9">
        <f t="shared" si="137"/>
        <v>1.019803902718557</v>
      </c>
      <c r="LXG7" s="9">
        <f t="shared" si="137"/>
        <v>1.019803902718557</v>
      </c>
      <c r="LXH7" s="9">
        <f t="shared" si="137"/>
        <v>1.019803902718557</v>
      </c>
      <c r="LXI7" s="9">
        <f t="shared" si="137"/>
        <v>1.019803902718557</v>
      </c>
      <c r="LXJ7" s="9">
        <f t="shared" si="137"/>
        <v>1.019803902718557</v>
      </c>
      <c r="LXK7" s="9">
        <f t="shared" si="137"/>
        <v>1.019803902718557</v>
      </c>
      <c r="LXL7" s="9">
        <f t="shared" si="137"/>
        <v>1.019803902718557</v>
      </c>
      <c r="LXM7" s="9">
        <f t="shared" si="137"/>
        <v>1.019803902718557</v>
      </c>
      <c r="LXN7" s="9">
        <f t="shared" si="137"/>
        <v>1.019803902718557</v>
      </c>
      <c r="LXO7" s="9">
        <f t="shared" si="137"/>
        <v>1.019803902718557</v>
      </c>
      <c r="LXP7" s="9">
        <f t="shared" si="137"/>
        <v>1.019803902718557</v>
      </c>
      <c r="LXQ7" s="9">
        <f t="shared" si="137"/>
        <v>1.019803902718557</v>
      </c>
      <c r="LXR7" s="9">
        <f t="shared" si="137"/>
        <v>1.019803902718557</v>
      </c>
      <c r="LXS7" s="9">
        <f t="shared" si="137"/>
        <v>1.019803902718557</v>
      </c>
      <c r="LXT7" s="9">
        <f t="shared" si="137"/>
        <v>1.019803902718557</v>
      </c>
      <c r="LXU7" s="9">
        <f t="shared" si="137"/>
        <v>1.019803902718557</v>
      </c>
      <c r="LXV7" s="9">
        <f t="shared" si="137"/>
        <v>1.019803902718557</v>
      </c>
      <c r="LXW7" s="9">
        <f t="shared" si="137"/>
        <v>1.019803902718557</v>
      </c>
      <c r="LXX7" s="9">
        <f t="shared" si="137"/>
        <v>1.019803902718557</v>
      </c>
      <c r="LXY7" s="9">
        <f t="shared" si="137"/>
        <v>1.019803902718557</v>
      </c>
      <c r="LXZ7" s="9">
        <f t="shared" si="137"/>
        <v>1.019803902718557</v>
      </c>
      <c r="LYA7" s="9">
        <f t="shared" si="137"/>
        <v>1.019803902718557</v>
      </c>
      <c r="LYB7" s="9">
        <f t="shared" si="137"/>
        <v>1.019803902718557</v>
      </c>
      <c r="LYC7" s="9">
        <f t="shared" si="137"/>
        <v>1.019803902718557</v>
      </c>
      <c r="LYD7" s="9">
        <f t="shared" si="137"/>
        <v>1.019803902718557</v>
      </c>
      <c r="LYE7" s="9">
        <f t="shared" si="137"/>
        <v>1.019803902718557</v>
      </c>
      <c r="LYF7" s="9">
        <f t="shared" si="137"/>
        <v>1.019803902718557</v>
      </c>
      <c r="LYG7" s="9">
        <f t="shared" si="137"/>
        <v>1.019803902718557</v>
      </c>
      <c r="LYH7" s="9">
        <f t="shared" si="137"/>
        <v>1.019803902718557</v>
      </c>
      <c r="LYI7" s="9">
        <f t="shared" si="137"/>
        <v>1.019803902718557</v>
      </c>
      <c r="LYJ7" s="9">
        <f t="shared" si="137"/>
        <v>1.019803902718557</v>
      </c>
      <c r="LYK7" s="9">
        <f t="shared" si="137"/>
        <v>1.019803902718557</v>
      </c>
      <c r="LYL7" s="9">
        <f t="shared" si="137"/>
        <v>1.019803902718557</v>
      </c>
      <c r="LYM7" s="9">
        <f t="shared" si="137"/>
        <v>1.019803902718557</v>
      </c>
      <c r="LYN7" s="9">
        <f t="shared" si="137"/>
        <v>1.019803902718557</v>
      </c>
      <c r="LYO7" s="9">
        <f t="shared" si="137"/>
        <v>1.019803902718557</v>
      </c>
      <c r="LYP7" s="9">
        <f t="shared" ref="LYP7:MBA7" si="138">1/((1+$F$6) ^(LYP3-$F$7))</f>
        <v>1.019803902718557</v>
      </c>
      <c r="LYQ7" s="9">
        <f t="shared" si="138"/>
        <v>1.019803902718557</v>
      </c>
      <c r="LYR7" s="9">
        <f t="shared" si="138"/>
        <v>1.019803902718557</v>
      </c>
      <c r="LYS7" s="9">
        <f t="shared" si="138"/>
        <v>1.019803902718557</v>
      </c>
      <c r="LYT7" s="9">
        <f t="shared" si="138"/>
        <v>1.019803902718557</v>
      </c>
      <c r="LYU7" s="9">
        <f t="shared" si="138"/>
        <v>1.019803902718557</v>
      </c>
      <c r="LYV7" s="9">
        <f t="shared" si="138"/>
        <v>1.019803902718557</v>
      </c>
      <c r="LYW7" s="9">
        <f t="shared" si="138"/>
        <v>1.019803902718557</v>
      </c>
      <c r="LYX7" s="9">
        <f t="shared" si="138"/>
        <v>1.019803902718557</v>
      </c>
      <c r="LYY7" s="9">
        <f t="shared" si="138"/>
        <v>1.019803902718557</v>
      </c>
      <c r="LYZ7" s="9">
        <f t="shared" si="138"/>
        <v>1.019803902718557</v>
      </c>
      <c r="LZA7" s="9">
        <f t="shared" si="138"/>
        <v>1.019803902718557</v>
      </c>
      <c r="LZB7" s="9">
        <f t="shared" si="138"/>
        <v>1.019803902718557</v>
      </c>
      <c r="LZC7" s="9">
        <f t="shared" si="138"/>
        <v>1.019803902718557</v>
      </c>
      <c r="LZD7" s="9">
        <f t="shared" si="138"/>
        <v>1.019803902718557</v>
      </c>
      <c r="LZE7" s="9">
        <f t="shared" si="138"/>
        <v>1.019803902718557</v>
      </c>
      <c r="LZF7" s="9">
        <f t="shared" si="138"/>
        <v>1.019803902718557</v>
      </c>
      <c r="LZG7" s="9">
        <f t="shared" si="138"/>
        <v>1.019803902718557</v>
      </c>
      <c r="LZH7" s="9">
        <f t="shared" si="138"/>
        <v>1.019803902718557</v>
      </c>
      <c r="LZI7" s="9">
        <f t="shared" si="138"/>
        <v>1.019803902718557</v>
      </c>
      <c r="LZJ7" s="9">
        <f t="shared" si="138"/>
        <v>1.019803902718557</v>
      </c>
      <c r="LZK7" s="9">
        <f t="shared" si="138"/>
        <v>1.019803902718557</v>
      </c>
      <c r="LZL7" s="9">
        <f t="shared" si="138"/>
        <v>1.019803902718557</v>
      </c>
      <c r="LZM7" s="9">
        <f t="shared" si="138"/>
        <v>1.019803902718557</v>
      </c>
      <c r="LZN7" s="9">
        <f t="shared" si="138"/>
        <v>1.019803902718557</v>
      </c>
      <c r="LZO7" s="9">
        <f t="shared" si="138"/>
        <v>1.019803902718557</v>
      </c>
      <c r="LZP7" s="9">
        <f t="shared" si="138"/>
        <v>1.019803902718557</v>
      </c>
      <c r="LZQ7" s="9">
        <f t="shared" si="138"/>
        <v>1.019803902718557</v>
      </c>
      <c r="LZR7" s="9">
        <f t="shared" si="138"/>
        <v>1.019803902718557</v>
      </c>
      <c r="LZS7" s="9">
        <f t="shared" si="138"/>
        <v>1.019803902718557</v>
      </c>
      <c r="LZT7" s="9">
        <f t="shared" si="138"/>
        <v>1.019803902718557</v>
      </c>
      <c r="LZU7" s="9">
        <f t="shared" si="138"/>
        <v>1.019803902718557</v>
      </c>
      <c r="LZV7" s="9">
        <f t="shared" si="138"/>
        <v>1.019803902718557</v>
      </c>
      <c r="LZW7" s="9">
        <f t="shared" si="138"/>
        <v>1.019803902718557</v>
      </c>
      <c r="LZX7" s="9">
        <f t="shared" si="138"/>
        <v>1.019803902718557</v>
      </c>
      <c r="LZY7" s="9">
        <f t="shared" si="138"/>
        <v>1.019803902718557</v>
      </c>
      <c r="LZZ7" s="9">
        <f t="shared" si="138"/>
        <v>1.019803902718557</v>
      </c>
      <c r="MAA7" s="9">
        <f t="shared" si="138"/>
        <v>1.019803902718557</v>
      </c>
      <c r="MAB7" s="9">
        <f t="shared" si="138"/>
        <v>1.019803902718557</v>
      </c>
      <c r="MAC7" s="9">
        <f t="shared" si="138"/>
        <v>1.019803902718557</v>
      </c>
      <c r="MAD7" s="9">
        <f t="shared" si="138"/>
        <v>1.019803902718557</v>
      </c>
      <c r="MAE7" s="9">
        <f t="shared" si="138"/>
        <v>1.019803902718557</v>
      </c>
      <c r="MAF7" s="9">
        <f t="shared" si="138"/>
        <v>1.019803902718557</v>
      </c>
      <c r="MAG7" s="9">
        <f t="shared" si="138"/>
        <v>1.019803902718557</v>
      </c>
      <c r="MAH7" s="9">
        <f t="shared" si="138"/>
        <v>1.019803902718557</v>
      </c>
      <c r="MAI7" s="9">
        <f t="shared" si="138"/>
        <v>1.019803902718557</v>
      </c>
      <c r="MAJ7" s="9">
        <f t="shared" si="138"/>
        <v>1.019803902718557</v>
      </c>
      <c r="MAK7" s="9">
        <f t="shared" si="138"/>
        <v>1.019803902718557</v>
      </c>
      <c r="MAL7" s="9">
        <f t="shared" si="138"/>
        <v>1.019803902718557</v>
      </c>
      <c r="MAM7" s="9">
        <f t="shared" si="138"/>
        <v>1.019803902718557</v>
      </c>
      <c r="MAN7" s="9">
        <f t="shared" si="138"/>
        <v>1.019803902718557</v>
      </c>
      <c r="MAO7" s="9">
        <f t="shared" si="138"/>
        <v>1.019803902718557</v>
      </c>
      <c r="MAP7" s="9">
        <f t="shared" si="138"/>
        <v>1.019803902718557</v>
      </c>
      <c r="MAQ7" s="9">
        <f t="shared" si="138"/>
        <v>1.019803902718557</v>
      </c>
      <c r="MAR7" s="9">
        <f t="shared" si="138"/>
        <v>1.019803902718557</v>
      </c>
      <c r="MAS7" s="9">
        <f t="shared" si="138"/>
        <v>1.019803902718557</v>
      </c>
      <c r="MAT7" s="9">
        <f t="shared" si="138"/>
        <v>1.019803902718557</v>
      </c>
      <c r="MAU7" s="9">
        <f t="shared" si="138"/>
        <v>1.019803902718557</v>
      </c>
      <c r="MAV7" s="9">
        <f t="shared" si="138"/>
        <v>1.019803902718557</v>
      </c>
      <c r="MAW7" s="9">
        <f t="shared" si="138"/>
        <v>1.019803902718557</v>
      </c>
      <c r="MAX7" s="9">
        <f t="shared" si="138"/>
        <v>1.019803902718557</v>
      </c>
      <c r="MAY7" s="9">
        <f t="shared" si="138"/>
        <v>1.019803902718557</v>
      </c>
      <c r="MAZ7" s="9">
        <f t="shared" si="138"/>
        <v>1.019803902718557</v>
      </c>
      <c r="MBA7" s="9">
        <f t="shared" si="138"/>
        <v>1.019803902718557</v>
      </c>
      <c r="MBB7" s="9">
        <f t="shared" ref="MBB7:MDM7" si="139">1/((1+$F$6) ^(MBB3-$F$7))</f>
        <v>1.019803902718557</v>
      </c>
      <c r="MBC7" s="9">
        <f t="shared" si="139"/>
        <v>1.019803902718557</v>
      </c>
      <c r="MBD7" s="9">
        <f t="shared" si="139"/>
        <v>1.019803902718557</v>
      </c>
      <c r="MBE7" s="9">
        <f t="shared" si="139"/>
        <v>1.019803902718557</v>
      </c>
      <c r="MBF7" s="9">
        <f t="shared" si="139"/>
        <v>1.019803902718557</v>
      </c>
      <c r="MBG7" s="9">
        <f t="shared" si="139"/>
        <v>1.019803902718557</v>
      </c>
      <c r="MBH7" s="9">
        <f t="shared" si="139"/>
        <v>1.019803902718557</v>
      </c>
      <c r="MBI7" s="9">
        <f t="shared" si="139"/>
        <v>1.019803902718557</v>
      </c>
      <c r="MBJ7" s="9">
        <f t="shared" si="139"/>
        <v>1.019803902718557</v>
      </c>
      <c r="MBK7" s="9">
        <f t="shared" si="139"/>
        <v>1.019803902718557</v>
      </c>
      <c r="MBL7" s="9">
        <f t="shared" si="139"/>
        <v>1.019803902718557</v>
      </c>
      <c r="MBM7" s="9">
        <f t="shared" si="139"/>
        <v>1.019803902718557</v>
      </c>
      <c r="MBN7" s="9">
        <f t="shared" si="139"/>
        <v>1.019803902718557</v>
      </c>
      <c r="MBO7" s="9">
        <f t="shared" si="139"/>
        <v>1.019803902718557</v>
      </c>
      <c r="MBP7" s="9">
        <f t="shared" si="139"/>
        <v>1.019803902718557</v>
      </c>
      <c r="MBQ7" s="9">
        <f t="shared" si="139"/>
        <v>1.019803902718557</v>
      </c>
      <c r="MBR7" s="9">
        <f t="shared" si="139"/>
        <v>1.019803902718557</v>
      </c>
      <c r="MBS7" s="9">
        <f t="shared" si="139"/>
        <v>1.019803902718557</v>
      </c>
      <c r="MBT7" s="9">
        <f t="shared" si="139"/>
        <v>1.019803902718557</v>
      </c>
      <c r="MBU7" s="9">
        <f t="shared" si="139"/>
        <v>1.019803902718557</v>
      </c>
      <c r="MBV7" s="9">
        <f t="shared" si="139"/>
        <v>1.019803902718557</v>
      </c>
      <c r="MBW7" s="9">
        <f t="shared" si="139"/>
        <v>1.019803902718557</v>
      </c>
      <c r="MBX7" s="9">
        <f t="shared" si="139"/>
        <v>1.019803902718557</v>
      </c>
      <c r="MBY7" s="9">
        <f t="shared" si="139"/>
        <v>1.019803902718557</v>
      </c>
      <c r="MBZ7" s="9">
        <f t="shared" si="139"/>
        <v>1.019803902718557</v>
      </c>
      <c r="MCA7" s="9">
        <f t="shared" si="139"/>
        <v>1.019803902718557</v>
      </c>
      <c r="MCB7" s="9">
        <f t="shared" si="139"/>
        <v>1.019803902718557</v>
      </c>
      <c r="MCC7" s="9">
        <f t="shared" si="139"/>
        <v>1.019803902718557</v>
      </c>
      <c r="MCD7" s="9">
        <f t="shared" si="139"/>
        <v>1.019803902718557</v>
      </c>
      <c r="MCE7" s="9">
        <f t="shared" si="139"/>
        <v>1.019803902718557</v>
      </c>
      <c r="MCF7" s="9">
        <f t="shared" si="139"/>
        <v>1.019803902718557</v>
      </c>
      <c r="MCG7" s="9">
        <f t="shared" si="139"/>
        <v>1.019803902718557</v>
      </c>
      <c r="MCH7" s="9">
        <f t="shared" si="139"/>
        <v>1.019803902718557</v>
      </c>
      <c r="MCI7" s="9">
        <f t="shared" si="139"/>
        <v>1.019803902718557</v>
      </c>
      <c r="MCJ7" s="9">
        <f t="shared" si="139"/>
        <v>1.019803902718557</v>
      </c>
      <c r="MCK7" s="9">
        <f t="shared" si="139"/>
        <v>1.019803902718557</v>
      </c>
      <c r="MCL7" s="9">
        <f t="shared" si="139"/>
        <v>1.019803902718557</v>
      </c>
      <c r="MCM7" s="9">
        <f t="shared" si="139"/>
        <v>1.019803902718557</v>
      </c>
      <c r="MCN7" s="9">
        <f t="shared" si="139"/>
        <v>1.019803902718557</v>
      </c>
      <c r="MCO7" s="9">
        <f t="shared" si="139"/>
        <v>1.019803902718557</v>
      </c>
      <c r="MCP7" s="9">
        <f t="shared" si="139"/>
        <v>1.019803902718557</v>
      </c>
      <c r="MCQ7" s="9">
        <f t="shared" si="139"/>
        <v>1.019803902718557</v>
      </c>
      <c r="MCR7" s="9">
        <f t="shared" si="139"/>
        <v>1.019803902718557</v>
      </c>
      <c r="MCS7" s="9">
        <f t="shared" si="139"/>
        <v>1.019803902718557</v>
      </c>
      <c r="MCT7" s="9">
        <f t="shared" si="139"/>
        <v>1.019803902718557</v>
      </c>
      <c r="MCU7" s="9">
        <f t="shared" si="139"/>
        <v>1.019803902718557</v>
      </c>
      <c r="MCV7" s="9">
        <f t="shared" si="139"/>
        <v>1.019803902718557</v>
      </c>
      <c r="MCW7" s="9">
        <f t="shared" si="139"/>
        <v>1.019803902718557</v>
      </c>
      <c r="MCX7" s="9">
        <f t="shared" si="139"/>
        <v>1.019803902718557</v>
      </c>
      <c r="MCY7" s="9">
        <f t="shared" si="139"/>
        <v>1.019803902718557</v>
      </c>
      <c r="MCZ7" s="9">
        <f t="shared" si="139"/>
        <v>1.019803902718557</v>
      </c>
      <c r="MDA7" s="9">
        <f t="shared" si="139"/>
        <v>1.019803902718557</v>
      </c>
      <c r="MDB7" s="9">
        <f t="shared" si="139"/>
        <v>1.019803902718557</v>
      </c>
      <c r="MDC7" s="9">
        <f t="shared" si="139"/>
        <v>1.019803902718557</v>
      </c>
      <c r="MDD7" s="9">
        <f t="shared" si="139"/>
        <v>1.019803902718557</v>
      </c>
      <c r="MDE7" s="9">
        <f t="shared" si="139"/>
        <v>1.019803902718557</v>
      </c>
      <c r="MDF7" s="9">
        <f t="shared" si="139"/>
        <v>1.019803902718557</v>
      </c>
      <c r="MDG7" s="9">
        <f t="shared" si="139"/>
        <v>1.019803902718557</v>
      </c>
      <c r="MDH7" s="9">
        <f t="shared" si="139"/>
        <v>1.019803902718557</v>
      </c>
      <c r="MDI7" s="9">
        <f t="shared" si="139"/>
        <v>1.019803902718557</v>
      </c>
      <c r="MDJ7" s="9">
        <f t="shared" si="139"/>
        <v>1.019803902718557</v>
      </c>
      <c r="MDK7" s="9">
        <f t="shared" si="139"/>
        <v>1.019803902718557</v>
      </c>
      <c r="MDL7" s="9">
        <f t="shared" si="139"/>
        <v>1.019803902718557</v>
      </c>
      <c r="MDM7" s="9">
        <f t="shared" si="139"/>
        <v>1.019803902718557</v>
      </c>
      <c r="MDN7" s="9">
        <f t="shared" ref="MDN7:MFY7" si="140">1/((1+$F$6) ^(MDN3-$F$7))</f>
        <v>1.019803902718557</v>
      </c>
      <c r="MDO7" s="9">
        <f t="shared" si="140"/>
        <v>1.019803902718557</v>
      </c>
      <c r="MDP7" s="9">
        <f t="shared" si="140"/>
        <v>1.019803902718557</v>
      </c>
      <c r="MDQ7" s="9">
        <f t="shared" si="140"/>
        <v>1.019803902718557</v>
      </c>
      <c r="MDR7" s="9">
        <f t="shared" si="140"/>
        <v>1.019803902718557</v>
      </c>
      <c r="MDS7" s="9">
        <f t="shared" si="140"/>
        <v>1.019803902718557</v>
      </c>
      <c r="MDT7" s="9">
        <f t="shared" si="140"/>
        <v>1.019803902718557</v>
      </c>
      <c r="MDU7" s="9">
        <f t="shared" si="140"/>
        <v>1.019803902718557</v>
      </c>
      <c r="MDV7" s="9">
        <f t="shared" si="140"/>
        <v>1.019803902718557</v>
      </c>
      <c r="MDW7" s="9">
        <f t="shared" si="140"/>
        <v>1.019803902718557</v>
      </c>
      <c r="MDX7" s="9">
        <f t="shared" si="140"/>
        <v>1.019803902718557</v>
      </c>
      <c r="MDY7" s="9">
        <f t="shared" si="140"/>
        <v>1.019803902718557</v>
      </c>
      <c r="MDZ7" s="9">
        <f t="shared" si="140"/>
        <v>1.019803902718557</v>
      </c>
      <c r="MEA7" s="9">
        <f t="shared" si="140"/>
        <v>1.019803902718557</v>
      </c>
      <c r="MEB7" s="9">
        <f t="shared" si="140"/>
        <v>1.019803902718557</v>
      </c>
      <c r="MEC7" s="9">
        <f t="shared" si="140"/>
        <v>1.019803902718557</v>
      </c>
      <c r="MED7" s="9">
        <f t="shared" si="140"/>
        <v>1.019803902718557</v>
      </c>
      <c r="MEE7" s="9">
        <f t="shared" si="140"/>
        <v>1.019803902718557</v>
      </c>
      <c r="MEF7" s="9">
        <f t="shared" si="140"/>
        <v>1.019803902718557</v>
      </c>
      <c r="MEG7" s="9">
        <f t="shared" si="140"/>
        <v>1.019803902718557</v>
      </c>
      <c r="MEH7" s="9">
        <f t="shared" si="140"/>
        <v>1.019803902718557</v>
      </c>
      <c r="MEI7" s="9">
        <f t="shared" si="140"/>
        <v>1.019803902718557</v>
      </c>
      <c r="MEJ7" s="9">
        <f t="shared" si="140"/>
        <v>1.019803902718557</v>
      </c>
      <c r="MEK7" s="9">
        <f t="shared" si="140"/>
        <v>1.019803902718557</v>
      </c>
      <c r="MEL7" s="9">
        <f t="shared" si="140"/>
        <v>1.019803902718557</v>
      </c>
      <c r="MEM7" s="9">
        <f t="shared" si="140"/>
        <v>1.019803902718557</v>
      </c>
      <c r="MEN7" s="9">
        <f t="shared" si="140"/>
        <v>1.019803902718557</v>
      </c>
      <c r="MEO7" s="9">
        <f t="shared" si="140"/>
        <v>1.019803902718557</v>
      </c>
      <c r="MEP7" s="9">
        <f t="shared" si="140"/>
        <v>1.019803902718557</v>
      </c>
      <c r="MEQ7" s="9">
        <f t="shared" si="140"/>
        <v>1.019803902718557</v>
      </c>
      <c r="MER7" s="9">
        <f t="shared" si="140"/>
        <v>1.019803902718557</v>
      </c>
      <c r="MES7" s="9">
        <f t="shared" si="140"/>
        <v>1.019803902718557</v>
      </c>
      <c r="MET7" s="9">
        <f t="shared" si="140"/>
        <v>1.019803902718557</v>
      </c>
      <c r="MEU7" s="9">
        <f t="shared" si="140"/>
        <v>1.019803902718557</v>
      </c>
      <c r="MEV7" s="9">
        <f t="shared" si="140"/>
        <v>1.019803902718557</v>
      </c>
      <c r="MEW7" s="9">
        <f t="shared" si="140"/>
        <v>1.019803902718557</v>
      </c>
      <c r="MEX7" s="9">
        <f t="shared" si="140"/>
        <v>1.019803902718557</v>
      </c>
      <c r="MEY7" s="9">
        <f t="shared" si="140"/>
        <v>1.019803902718557</v>
      </c>
      <c r="MEZ7" s="9">
        <f t="shared" si="140"/>
        <v>1.019803902718557</v>
      </c>
      <c r="MFA7" s="9">
        <f t="shared" si="140"/>
        <v>1.019803902718557</v>
      </c>
      <c r="MFB7" s="9">
        <f t="shared" si="140"/>
        <v>1.019803902718557</v>
      </c>
      <c r="MFC7" s="9">
        <f t="shared" si="140"/>
        <v>1.019803902718557</v>
      </c>
      <c r="MFD7" s="9">
        <f t="shared" si="140"/>
        <v>1.019803902718557</v>
      </c>
      <c r="MFE7" s="9">
        <f t="shared" si="140"/>
        <v>1.019803902718557</v>
      </c>
      <c r="MFF7" s="9">
        <f t="shared" si="140"/>
        <v>1.019803902718557</v>
      </c>
      <c r="MFG7" s="9">
        <f t="shared" si="140"/>
        <v>1.019803902718557</v>
      </c>
      <c r="MFH7" s="9">
        <f t="shared" si="140"/>
        <v>1.019803902718557</v>
      </c>
      <c r="MFI7" s="9">
        <f t="shared" si="140"/>
        <v>1.019803902718557</v>
      </c>
      <c r="MFJ7" s="9">
        <f t="shared" si="140"/>
        <v>1.019803902718557</v>
      </c>
      <c r="MFK7" s="9">
        <f t="shared" si="140"/>
        <v>1.019803902718557</v>
      </c>
      <c r="MFL7" s="9">
        <f t="shared" si="140"/>
        <v>1.019803902718557</v>
      </c>
      <c r="MFM7" s="9">
        <f t="shared" si="140"/>
        <v>1.019803902718557</v>
      </c>
      <c r="MFN7" s="9">
        <f t="shared" si="140"/>
        <v>1.019803902718557</v>
      </c>
      <c r="MFO7" s="9">
        <f t="shared" si="140"/>
        <v>1.019803902718557</v>
      </c>
      <c r="MFP7" s="9">
        <f t="shared" si="140"/>
        <v>1.019803902718557</v>
      </c>
      <c r="MFQ7" s="9">
        <f t="shared" si="140"/>
        <v>1.019803902718557</v>
      </c>
      <c r="MFR7" s="9">
        <f t="shared" si="140"/>
        <v>1.019803902718557</v>
      </c>
      <c r="MFS7" s="9">
        <f t="shared" si="140"/>
        <v>1.019803902718557</v>
      </c>
      <c r="MFT7" s="9">
        <f t="shared" si="140"/>
        <v>1.019803902718557</v>
      </c>
      <c r="MFU7" s="9">
        <f t="shared" si="140"/>
        <v>1.019803902718557</v>
      </c>
      <c r="MFV7" s="9">
        <f t="shared" si="140"/>
        <v>1.019803902718557</v>
      </c>
      <c r="MFW7" s="9">
        <f t="shared" si="140"/>
        <v>1.019803902718557</v>
      </c>
      <c r="MFX7" s="9">
        <f t="shared" si="140"/>
        <v>1.019803902718557</v>
      </c>
      <c r="MFY7" s="9">
        <f t="shared" si="140"/>
        <v>1.019803902718557</v>
      </c>
      <c r="MFZ7" s="9">
        <f t="shared" ref="MFZ7:MIK7" si="141">1/((1+$F$6) ^(MFZ3-$F$7))</f>
        <v>1.019803902718557</v>
      </c>
      <c r="MGA7" s="9">
        <f t="shared" si="141"/>
        <v>1.019803902718557</v>
      </c>
      <c r="MGB7" s="9">
        <f t="shared" si="141"/>
        <v>1.019803902718557</v>
      </c>
      <c r="MGC7" s="9">
        <f t="shared" si="141"/>
        <v>1.019803902718557</v>
      </c>
      <c r="MGD7" s="9">
        <f t="shared" si="141"/>
        <v>1.019803902718557</v>
      </c>
      <c r="MGE7" s="9">
        <f t="shared" si="141"/>
        <v>1.019803902718557</v>
      </c>
      <c r="MGF7" s="9">
        <f t="shared" si="141"/>
        <v>1.019803902718557</v>
      </c>
      <c r="MGG7" s="9">
        <f t="shared" si="141"/>
        <v>1.019803902718557</v>
      </c>
      <c r="MGH7" s="9">
        <f t="shared" si="141"/>
        <v>1.019803902718557</v>
      </c>
      <c r="MGI7" s="9">
        <f t="shared" si="141"/>
        <v>1.019803902718557</v>
      </c>
      <c r="MGJ7" s="9">
        <f t="shared" si="141"/>
        <v>1.019803902718557</v>
      </c>
      <c r="MGK7" s="9">
        <f t="shared" si="141"/>
        <v>1.019803902718557</v>
      </c>
      <c r="MGL7" s="9">
        <f t="shared" si="141"/>
        <v>1.019803902718557</v>
      </c>
      <c r="MGM7" s="9">
        <f t="shared" si="141"/>
        <v>1.019803902718557</v>
      </c>
      <c r="MGN7" s="9">
        <f t="shared" si="141"/>
        <v>1.019803902718557</v>
      </c>
      <c r="MGO7" s="9">
        <f t="shared" si="141"/>
        <v>1.019803902718557</v>
      </c>
      <c r="MGP7" s="9">
        <f t="shared" si="141"/>
        <v>1.019803902718557</v>
      </c>
      <c r="MGQ7" s="9">
        <f t="shared" si="141"/>
        <v>1.019803902718557</v>
      </c>
      <c r="MGR7" s="9">
        <f t="shared" si="141"/>
        <v>1.019803902718557</v>
      </c>
      <c r="MGS7" s="9">
        <f t="shared" si="141"/>
        <v>1.019803902718557</v>
      </c>
      <c r="MGT7" s="9">
        <f t="shared" si="141"/>
        <v>1.019803902718557</v>
      </c>
      <c r="MGU7" s="9">
        <f t="shared" si="141"/>
        <v>1.019803902718557</v>
      </c>
      <c r="MGV7" s="9">
        <f t="shared" si="141"/>
        <v>1.019803902718557</v>
      </c>
      <c r="MGW7" s="9">
        <f t="shared" si="141"/>
        <v>1.019803902718557</v>
      </c>
      <c r="MGX7" s="9">
        <f t="shared" si="141"/>
        <v>1.019803902718557</v>
      </c>
      <c r="MGY7" s="9">
        <f t="shared" si="141"/>
        <v>1.019803902718557</v>
      </c>
      <c r="MGZ7" s="9">
        <f t="shared" si="141"/>
        <v>1.019803902718557</v>
      </c>
      <c r="MHA7" s="9">
        <f t="shared" si="141"/>
        <v>1.019803902718557</v>
      </c>
      <c r="MHB7" s="9">
        <f t="shared" si="141"/>
        <v>1.019803902718557</v>
      </c>
      <c r="MHC7" s="9">
        <f t="shared" si="141"/>
        <v>1.019803902718557</v>
      </c>
      <c r="MHD7" s="9">
        <f t="shared" si="141"/>
        <v>1.019803902718557</v>
      </c>
      <c r="MHE7" s="9">
        <f t="shared" si="141"/>
        <v>1.019803902718557</v>
      </c>
      <c r="MHF7" s="9">
        <f t="shared" si="141"/>
        <v>1.019803902718557</v>
      </c>
      <c r="MHG7" s="9">
        <f t="shared" si="141"/>
        <v>1.019803902718557</v>
      </c>
      <c r="MHH7" s="9">
        <f t="shared" si="141"/>
        <v>1.019803902718557</v>
      </c>
      <c r="MHI7" s="9">
        <f t="shared" si="141"/>
        <v>1.019803902718557</v>
      </c>
      <c r="MHJ7" s="9">
        <f t="shared" si="141"/>
        <v>1.019803902718557</v>
      </c>
      <c r="MHK7" s="9">
        <f t="shared" si="141"/>
        <v>1.019803902718557</v>
      </c>
      <c r="MHL7" s="9">
        <f t="shared" si="141"/>
        <v>1.019803902718557</v>
      </c>
      <c r="MHM7" s="9">
        <f t="shared" si="141"/>
        <v>1.019803902718557</v>
      </c>
      <c r="MHN7" s="9">
        <f t="shared" si="141"/>
        <v>1.019803902718557</v>
      </c>
      <c r="MHO7" s="9">
        <f t="shared" si="141"/>
        <v>1.019803902718557</v>
      </c>
      <c r="MHP7" s="9">
        <f t="shared" si="141"/>
        <v>1.019803902718557</v>
      </c>
      <c r="MHQ7" s="9">
        <f t="shared" si="141"/>
        <v>1.019803902718557</v>
      </c>
      <c r="MHR7" s="9">
        <f t="shared" si="141"/>
        <v>1.019803902718557</v>
      </c>
      <c r="MHS7" s="9">
        <f t="shared" si="141"/>
        <v>1.019803902718557</v>
      </c>
      <c r="MHT7" s="9">
        <f t="shared" si="141"/>
        <v>1.019803902718557</v>
      </c>
      <c r="MHU7" s="9">
        <f t="shared" si="141"/>
        <v>1.019803902718557</v>
      </c>
      <c r="MHV7" s="9">
        <f t="shared" si="141"/>
        <v>1.019803902718557</v>
      </c>
      <c r="MHW7" s="9">
        <f t="shared" si="141"/>
        <v>1.019803902718557</v>
      </c>
      <c r="MHX7" s="9">
        <f t="shared" si="141"/>
        <v>1.019803902718557</v>
      </c>
      <c r="MHY7" s="9">
        <f t="shared" si="141"/>
        <v>1.019803902718557</v>
      </c>
      <c r="MHZ7" s="9">
        <f t="shared" si="141"/>
        <v>1.019803902718557</v>
      </c>
      <c r="MIA7" s="9">
        <f t="shared" si="141"/>
        <v>1.019803902718557</v>
      </c>
      <c r="MIB7" s="9">
        <f t="shared" si="141"/>
        <v>1.019803902718557</v>
      </c>
      <c r="MIC7" s="9">
        <f t="shared" si="141"/>
        <v>1.019803902718557</v>
      </c>
      <c r="MID7" s="9">
        <f t="shared" si="141"/>
        <v>1.019803902718557</v>
      </c>
      <c r="MIE7" s="9">
        <f t="shared" si="141"/>
        <v>1.019803902718557</v>
      </c>
      <c r="MIF7" s="9">
        <f t="shared" si="141"/>
        <v>1.019803902718557</v>
      </c>
      <c r="MIG7" s="9">
        <f t="shared" si="141"/>
        <v>1.019803902718557</v>
      </c>
      <c r="MIH7" s="9">
        <f t="shared" si="141"/>
        <v>1.019803902718557</v>
      </c>
      <c r="MII7" s="9">
        <f t="shared" si="141"/>
        <v>1.019803902718557</v>
      </c>
      <c r="MIJ7" s="9">
        <f t="shared" si="141"/>
        <v>1.019803902718557</v>
      </c>
      <c r="MIK7" s="9">
        <f t="shared" si="141"/>
        <v>1.019803902718557</v>
      </c>
      <c r="MIL7" s="9">
        <f t="shared" ref="MIL7:MKW7" si="142">1/((1+$F$6) ^(MIL3-$F$7))</f>
        <v>1.019803902718557</v>
      </c>
      <c r="MIM7" s="9">
        <f t="shared" si="142"/>
        <v>1.019803902718557</v>
      </c>
      <c r="MIN7" s="9">
        <f t="shared" si="142"/>
        <v>1.019803902718557</v>
      </c>
      <c r="MIO7" s="9">
        <f t="shared" si="142"/>
        <v>1.019803902718557</v>
      </c>
      <c r="MIP7" s="9">
        <f t="shared" si="142"/>
        <v>1.019803902718557</v>
      </c>
      <c r="MIQ7" s="9">
        <f t="shared" si="142"/>
        <v>1.019803902718557</v>
      </c>
      <c r="MIR7" s="9">
        <f t="shared" si="142"/>
        <v>1.019803902718557</v>
      </c>
      <c r="MIS7" s="9">
        <f t="shared" si="142"/>
        <v>1.019803902718557</v>
      </c>
      <c r="MIT7" s="9">
        <f t="shared" si="142"/>
        <v>1.019803902718557</v>
      </c>
      <c r="MIU7" s="9">
        <f t="shared" si="142"/>
        <v>1.019803902718557</v>
      </c>
      <c r="MIV7" s="9">
        <f t="shared" si="142"/>
        <v>1.019803902718557</v>
      </c>
      <c r="MIW7" s="9">
        <f t="shared" si="142"/>
        <v>1.019803902718557</v>
      </c>
      <c r="MIX7" s="9">
        <f t="shared" si="142"/>
        <v>1.019803902718557</v>
      </c>
      <c r="MIY7" s="9">
        <f t="shared" si="142"/>
        <v>1.019803902718557</v>
      </c>
      <c r="MIZ7" s="9">
        <f t="shared" si="142"/>
        <v>1.019803902718557</v>
      </c>
      <c r="MJA7" s="9">
        <f t="shared" si="142"/>
        <v>1.019803902718557</v>
      </c>
      <c r="MJB7" s="9">
        <f t="shared" si="142"/>
        <v>1.019803902718557</v>
      </c>
      <c r="MJC7" s="9">
        <f t="shared" si="142"/>
        <v>1.019803902718557</v>
      </c>
      <c r="MJD7" s="9">
        <f t="shared" si="142"/>
        <v>1.019803902718557</v>
      </c>
      <c r="MJE7" s="9">
        <f t="shared" si="142"/>
        <v>1.019803902718557</v>
      </c>
      <c r="MJF7" s="9">
        <f t="shared" si="142"/>
        <v>1.019803902718557</v>
      </c>
      <c r="MJG7" s="9">
        <f t="shared" si="142"/>
        <v>1.019803902718557</v>
      </c>
      <c r="MJH7" s="9">
        <f t="shared" si="142"/>
        <v>1.019803902718557</v>
      </c>
      <c r="MJI7" s="9">
        <f t="shared" si="142"/>
        <v>1.019803902718557</v>
      </c>
      <c r="MJJ7" s="9">
        <f t="shared" si="142"/>
        <v>1.019803902718557</v>
      </c>
      <c r="MJK7" s="9">
        <f t="shared" si="142"/>
        <v>1.019803902718557</v>
      </c>
      <c r="MJL7" s="9">
        <f t="shared" si="142"/>
        <v>1.019803902718557</v>
      </c>
      <c r="MJM7" s="9">
        <f t="shared" si="142"/>
        <v>1.019803902718557</v>
      </c>
      <c r="MJN7" s="9">
        <f t="shared" si="142"/>
        <v>1.019803902718557</v>
      </c>
      <c r="MJO7" s="9">
        <f t="shared" si="142"/>
        <v>1.019803902718557</v>
      </c>
      <c r="MJP7" s="9">
        <f t="shared" si="142"/>
        <v>1.019803902718557</v>
      </c>
      <c r="MJQ7" s="9">
        <f t="shared" si="142"/>
        <v>1.019803902718557</v>
      </c>
      <c r="MJR7" s="9">
        <f t="shared" si="142"/>
        <v>1.019803902718557</v>
      </c>
      <c r="MJS7" s="9">
        <f t="shared" si="142"/>
        <v>1.019803902718557</v>
      </c>
      <c r="MJT7" s="9">
        <f t="shared" si="142"/>
        <v>1.019803902718557</v>
      </c>
      <c r="MJU7" s="9">
        <f t="shared" si="142"/>
        <v>1.019803902718557</v>
      </c>
      <c r="MJV7" s="9">
        <f t="shared" si="142"/>
        <v>1.019803902718557</v>
      </c>
      <c r="MJW7" s="9">
        <f t="shared" si="142"/>
        <v>1.019803902718557</v>
      </c>
      <c r="MJX7" s="9">
        <f t="shared" si="142"/>
        <v>1.019803902718557</v>
      </c>
      <c r="MJY7" s="9">
        <f t="shared" si="142"/>
        <v>1.019803902718557</v>
      </c>
      <c r="MJZ7" s="9">
        <f t="shared" si="142"/>
        <v>1.019803902718557</v>
      </c>
      <c r="MKA7" s="9">
        <f t="shared" si="142"/>
        <v>1.019803902718557</v>
      </c>
      <c r="MKB7" s="9">
        <f t="shared" si="142"/>
        <v>1.019803902718557</v>
      </c>
      <c r="MKC7" s="9">
        <f t="shared" si="142"/>
        <v>1.019803902718557</v>
      </c>
      <c r="MKD7" s="9">
        <f t="shared" si="142"/>
        <v>1.019803902718557</v>
      </c>
      <c r="MKE7" s="9">
        <f t="shared" si="142"/>
        <v>1.019803902718557</v>
      </c>
      <c r="MKF7" s="9">
        <f t="shared" si="142"/>
        <v>1.019803902718557</v>
      </c>
      <c r="MKG7" s="9">
        <f t="shared" si="142"/>
        <v>1.019803902718557</v>
      </c>
      <c r="MKH7" s="9">
        <f t="shared" si="142"/>
        <v>1.019803902718557</v>
      </c>
      <c r="MKI7" s="9">
        <f t="shared" si="142"/>
        <v>1.019803902718557</v>
      </c>
      <c r="MKJ7" s="9">
        <f t="shared" si="142"/>
        <v>1.019803902718557</v>
      </c>
      <c r="MKK7" s="9">
        <f t="shared" si="142"/>
        <v>1.019803902718557</v>
      </c>
      <c r="MKL7" s="9">
        <f t="shared" si="142"/>
        <v>1.019803902718557</v>
      </c>
      <c r="MKM7" s="9">
        <f t="shared" si="142"/>
        <v>1.019803902718557</v>
      </c>
      <c r="MKN7" s="9">
        <f t="shared" si="142"/>
        <v>1.019803902718557</v>
      </c>
      <c r="MKO7" s="9">
        <f t="shared" si="142"/>
        <v>1.019803902718557</v>
      </c>
      <c r="MKP7" s="9">
        <f t="shared" si="142"/>
        <v>1.019803902718557</v>
      </c>
      <c r="MKQ7" s="9">
        <f t="shared" si="142"/>
        <v>1.019803902718557</v>
      </c>
      <c r="MKR7" s="9">
        <f t="shared" si="142"/>
        <v>1.019803902718557</v>
      </c>
      <c r="MKS7" s="9">
        <f t="shared" si="142"/>
        <v>1.019803902718557</v>
      </c>
      <c r="MKT7" s="9">
        <f t="shared" si="142"/>
        <v>1.019803902718557</v>
      </c>
      <c r="MKU7" s="9">
        <f t="shared" si="142"/>
        <v>1.019803902718557</v>
      </c>
      <c r="MKV7" s="9">
        <f t="shared" si="142"/>
        <v>1.019803902718557</v>
      </c>
      <c r="MKW7" s="9">
        <f t="shared" si="142"/>
        <v>1.019803902718557</v>
      </c>
      <c r="MKX7" s="9">
        <f t="shared" ref="MKX7:MNI7" si="143">1/((1+$F$6) ^(MKX3-$F$7))</f>
        <v>1.019803902718557</v>
      </c>
      <c r="MKY7" s="9">
        <f t="shared" si="143"/>
        <v>1.019803902718557</v>
      </c>
      <c r="MKZ7" s="9">
        <f t="shared" si="143"/>
        <v>1.019803902718557</v>
      </c>
      <c r="MLA7" s="9">
        <f t="shared" si="143"/>
        <v>1.019803902718557</v>
      </c>
      <c r="MLB7" s="9">
        <f t="shared" si="143"/>
        <v>1.019803902718557</v>
      </c>
      <c r="MLC7" s="9">
        <f t="shared" si="143"/>
        <v>1.019803902718557</v>
      </c>
      <c r="MLD7" s="9">
        <f t="shared" si="143"/>
        <v>1.019803902718557</v>
      </c>
      <c r="MLE7" s="9">
        <f t="shared" si="143"/>
        <v>1.019803902718557</v>
      </c>
      <c r="MLF7" s="9">
        <f t="shared" si="143"/>
        <v>1.019803902718557</v>
      </c>
      <c r="MLG7" s="9">
        <f t="shared" si="143"/>
        <v>1.019803902718557</v>
      </c>
      <c r="MLH7" s="9">
        <f t="shared" si="143"/>
        <v>1.019803902718557</v>
      </c>
      <c r="MLI7" s="9">
        <f t="shared" si="143"/>
        <v>1.019803902718557</v>
      </c>
      <c r="MLJ7" s="9">
        <f t="shared" si="143"/>
        <v>1.019803902718557</v>
      </c>
      <c r="MLK7" s="9">
        <f t="shared" si="143"/>
        <v>1.019803902718557</v>
      </c>
      <c r="MLL7" s="9">
        <f t="shared" si="143"/>
        <v>1.019803902718557</v>
      </c>
      <c r="MLM7" s="9">
        <f t="shared" si="143"/>
        <v>1.019803902718557</v>
      </c>
      <c r="MLN7" s="9">
        <f t="shared" si="143"/>
        <v>1.019803902718557</v>
      </c>
      <c r="MLO7" s="9">
        <f t="shared" si="143"/>
        <v>1.019803902718557</v>
      </c>
      <c r="MLP7" s="9">
        <f t="shared" si="143"/>
        <v>1.019803902718557</v>
      </c>
      <c r="MLQ7" s="9">
        <f t="shared" si="143"/>
        <v>1.019803902718557</v>
      </c>
      <c r="MLR7" s="9">
        <f t="shared" si="143"/>
        <v>1.019803902718557</v>
      </c>
      <c r="MLS7" s="9">
        <f t="shared" si="143"/>
        <v>1.019803902718557</v>
      </c>
      <c r="MLT7" s="9">
        <f t="shared" si="143"/>
        <v>1.019803902718557</v>
      </c>
      <c r="MLU7" s="9">
        <f t="shared" si="143"/>
        <v>1.019803902718557</v>
      </c>
      <c r="MLV7" s="9">
        <f t="shared" si="143"/>
        <v>1.019803902718557</v>
      </c>
      <c r="MLW7" s="9">
        <f t="shared" si="143"/>
        <v>1.019803902718557</v>
      </c>
      <c r="MLX7" s="9">
        <f t="shared" si="143"/>
        <v>1.019803902718557</v>
      </c>
      <c r="MLY7" s="9">
        <f t="shared" si="143"/>
        <v>1.019803902718557</v>
      </c>
      <c r="MLZ7" s="9">
        <f t="shared" si="143"/>
        <v>1.019803902718557</v>
      </c>
      <c r="MMA7" s="9">
        <f t="shared" si="143"/>
        <v>1.019803902718557</v>
      </c>
      <c r="MMB7" s="9">
        <f t="shared" si="143"/>
        <v>1.019803902718557</v>
      </c>
      <c r="MMC7" s="9">
        <f t="shared" si="143"/>
        <v>1.019803902718557</v>
      </c>
      <c r="MMD7" s="9">
        <f t="shared" si="143"/>
        <v>1.019803902718557</v>
      </c>
      <c r="MME7" s="9">
        <f t="shared" si="143"/>
        <v>1.019803902718557</v>
      </c>
      <c r="MMF7" s="9">
        <f t="shared" si="143"/>
        <v>1.019803902718557</v>
      </c>
      <c r="MMG7" s="9">
        <f t="shared" si="143"/>
        <v>1.019803902718557</v>
      </c>
      <c r="MMH7" s="9">
        <f t="shared" si="143"/>
        <v>1.019803902718557</v>
      </c>
      <c r="MMI7" s="9">
        <f t="shared" si="143"/>
        <v>1.019803902718557</v>
      </c>
      <c r="MMJ7" s="9">
        <f t="shared" si="143"/>
        <v>1.019803902718557</v>
      </c>
      <c r="MMK7" s="9">
        <f t="shared" si="143"/>
        <v>1.019803902718557</v>
      </c>
      <c r="MML7" s="9">
        <f t="shared" si="143"/>
        <v>1.019803902718557</v>
      </c>
      <c r="MMM7" s="9">
        <f t="shared" si="143"/>
        <v>1.019803902718557</v>
      </c>
      <c r="MMN7" s="9">
        <f t="shared" si="143"/>
        <v>1.019803902718557</v>
      </c>
      <c r="MMO7" s="9">
        <f t="shared" si="143"/>
        <v>1.019803902718557</v>
      </c>
      <c r="MMP7" s="9">
        <f t="shared" si="143"/>
        <v>1.019803902718557</v>
      </c>
      <c r="MMQ7" s="9">
        <f t="shared" si="143"/>
        <v>1.019803902718557</v>
      </c>
      <c r="MMR7" s="9">
        <f t="shared" si="143"/>
        <v>1.019803902718557</v>
      </c>
      <c r="MMS7" s="9">
        <f t="shared" si="143"/>
        <v>1.019803902718557</v>
      </c>
      <c r="MMT7" s="9">
        <f t="shared" si="143"/>
        <v>1.019803902718557</v>
      </c>
      <c r="MMU7" s="9">
        <f t="shared" si="143"/>
        <v>1.019803902718557</v>
      </c>
      <c r="MMV7" s="9">
        <f t="shared" si="143"/>
        <v>1.019803902718557</v>
      </c>
      <c r="MMW7" s="9">
        <f t="shared" si="143"/>
        <v>1.019803902718557</v>
      </c>
      <c r="MMX7" s="9">
        <f t="shared" si="143"/>
        <v>1.019803902718557</v>
      </c>
      <c r="MMY7" s="9">
        <f t="shared" si="143"/>
        <v>1.019803902718557</v>
      </c>
      <c r="MMZ7" s="9">
        <f t="shared" si="143"/>
        <v>1.019803902718557</v>
      </c>
      <c r="MNA7" s="9">
        <f t="shared" si="143"/>
        <v>1.019803902718557</v>
      </c>
      <c r="MNB7" s="9">
        <f t="shared" si="143"/>
        <v>1.019803902718557</v>
      </c>
      <c r="MNC7" s="9">
        <f t="shared" si="143"/>
        <v>1.019803902718557</v>
      </c>
      <c r="MND7" s="9">
        <f t="shared" si="143"/>
        <v>1.019803902718557</v>
      </c>
      <c r="MNE7" s="9">
        <f t="shared" si="143"/>
        <v>1.019803902718557</v>
      </c>
      <c r="MNF7" s="9">
        <f t="shared" si="143"/>
        <v>1.019803902718557</v>
      </c>
      <c r="MNG7" s="9">
        <f t="shared" si="143"/>
        <v>1.019803902718557</v>
      </c>
      <c r="MNH7" s="9">
        <f t="shared" si="143"/>
        <v>1.019803902718557</v>
      </c>
      <c r="MNI7" s="9">
        <f t="shared" si="143"/>
        <v>1.019803902718557</v>
      </c>
      <c r="MNJ7" s="9">
        <f t="shared" ref="MNJ7:MPU7" si="144">1/((1+$F$6) ^(MNJ3-$F$7))</f>
        <v>1.019803902718557</v>
      </c>
      <c r="MNK7" s="9">
        <f t="shared" si="144"/>
        <v>1.019803902718557</v>
      </c>
      <c r="MNL7" s="9">
        <f t="shared" si="144"/>
        <v>1.019803902718557</v>
      </c>
      <c r="MNM7" s="9">
        <f t="shared" si="144"/>
        <v>1.019803902718557</v>
      </c>
      <c r="MNN7" s="9">
        <f t="shared" si="144"/>
        <v>1.019803902718557</v>
      </c>
      <c r="MNO7" s="9">
        <f t="shared" si="144"/>
        <v>1.019803902718557</v>
      </c>
      <c r="MNP7" s="9">
        <f t="shared" si="144"/>
        <v>1.019803902718557</v>
      </c>
      <c r="MNQ7" s="9">
        <f t="shared" si="144"/>
        <v>1.019803902718557</v>
      </c>
      <c r="MNR7" s="9">
        <f t="shared" si="144"/>
        <v>1.019803902718557</v>
      </c>
      <c r="MNS7" s="9">
        <f t="shared" si="144"/>
        <v>1.019803902718557</v>
      </c>
      <c r="MNT7" s="9">
        <f t="shared" si="144"/>
        <v>1.019803902718557</v>
      </c>
      <c r="MNU7" s="9">
        <f t="shared" si="144"/>
        <v>1.019803902718557</v>
      </c>
      <c r="MNV7" s="9">
        <f t="shared" si="144"/>
        <v>1.019803902718557</v>
      </c>
      <c r="MNW7" s="9">
        <f t="shared" si="144"/>
        <v>1.019803902718557</v>
      </c>
      <c r="MNX7" s="9">
        <f t="shared" si="144"/>
        <v>1.019803902718557</v>
      </c>
      <c r="MNY7" s="9">
        <f t="shared" si="144"/>
        <v>1.019803902718557</v>
      </c>
      <c r="MNZ7" s="9">
        <f t="shared" si="144"/>
        <v>1.019803902718557</v>
      </c>
      <c r="MOA7" s="9">
        <f t="shared" si="144"/>
        <v>1.019803902718557</v>
      </c>
      <c r="MOB7" s="9">
        <f t="shared" si="144"/>
        <v>1.019803902718557</v>
      </c>
      <c r="MOC7" s="9">
        <f t="shared" si="144"/>
        <v>1.019803902718557</v>
      </c>
      <c r="MOD7" s="9">
        <f t="shared" si="144"/>
        <v>1.019803902718557</v>
      </c>
      <c r="MOE7" s="9">
        <f t="shared" si="144"/>
        <v>1.019803902718557</v>
      </c>
      <c r="MOF7" s="9">
        <f t="shared" si="144"/>
        <v>1.019803902718557</v>
      </c>
      <c r="MOG7" s="9">
        <f t="shared" si="144"/>
        <v>1.019803902718557</v>
      </c>
      <c r="MOH7" s="9">
        <f t="shared" si="144"/>
        <v>1.019803902718557</v>
      </c>
      <c r="MOI7" s="9">
        <f t="shared" si="144"/>
        <v>1.019803902718557</v>
      </c>
      <c r="MOJ7" s="9">
        <f t="shared" si="144"/>
        <v>1.019803902718557</v>
      </c>
      <c r="MOK7" s="9">
        <f t="shared" si="144"/>
        <v>1.019803902718557</v>
      </c>
      <c r="MOL7" s="9">
        <f t="shared" si="144"/>
        <v>1.019803902718557</v>
      </c>
      <c r="MOM7" s="9">
        <f t="shared" si="144"/>
        <v>1.019803902718557</v>
      </c>
      <c r="MON7" s="9">
        <f t="shared" si="144"/>
        <v>1.019803902718557</v>
      </c>
      <c r="MOO7" s="9">
        <f t="shared" si="144"/>
        <v>1.019803902718557</v>
      </c>
      <c r="MOP7" s="9">
        <f t="shared" si="144"/>
        <v>1.019803902718557</v>
      </c>
      <c r="MOQ7" s="9">
        <f t="shared" si="144"/>
        <v>1.019803902718557</v>
      </c>
      <c r="MOR7" s="9">
        <f t="shared" si="144"/>
        <v>1.019803902718557</v>
      </c>
      <c r="MOS7" s="9">
        <f t="shared" si="144"/>
        <v>1.019803902718557</v>
      </c>
      <c r="MOT7" s="9">
        <f t="shared" si="144"/>
        <v>1.019803902718557</v>
      </c>
      <c r="MOU7" s="9">
        <f t="shared" si="144"/>
        <v>1.019803902718557</v>
      </c>
      <c r="MOV7" s="9">
        <f t="shared" si="144"/>
        <v>1.019803902718557</v>
      </c>
      <c r="MOW7" s="9">
        <f t="shared" si="144"/>
        <v>1.019803902718557</v>
      </c>
      <c r="MOX7" s="9">
        <f t="shared" si="144"/>
        <v>1.019803902718557</v>
      </c>
      <c r="MOY7" s="9">
        <f t="shared" si="144"/>
        <v>1.019803902718557</v>
      </c>
      <c r="MOZ7" s="9">
        <f t="shared" si="144"/>
        <v>1.019803902718557</v>
      </c>
      <c r="MPA7" s="9">
        <f t="shared" si="144"/>
        <v>1.019803902718557</v>
      </c>
      <c r="MPB7" s="9">
        <f t="shared" si="144"/>
        <v>1.019803902718557</v>
      </c>
      <c r="MPC7" s="9">
        <f t="shared" si="144"/>
        <v>1.019803902718557</v>
      </c>
      <c r="MPD7" s="9">
        <f t="shared" si="144"/>
        <v>1.019803902718557</v>
      </c>
      <c r="MPE7" s="9">
        <f t="shared" si="144"/>
        <v>1.019803902718557</v>
      </c>
      <c r="MPF7" s="9">
        <f t="shared" si="144"/>
        <v>1.019803902718557</v>
      </c>
      <c r="MPG7" s="9">
        <f t="shared" si="144"/>
        <v>1.019803902718557</v>
      </c>
      <c r="MPH7" s="9">
        <f t="shared" si="144"/>
        <v>1.019803902718557</v>
      </c>
      <c r="MPI7" s="9">
        <f t="shared" si="144"/>
        <v>1.019803902718557</v>
      </c>
      <c r="MPJ7" s="9">
        <f t="shared" si="144"/>
        <v>1.019803902718557</v>
      </c>
      <c r="MPK7" s="9">
        <f t="shared" si="144"/>
        <v>1.019803902718557</v>
      </c>
      <c r="MPL7" s="9">
        <f t="shared" si="144"/>
        <v>1.019803902718557</v>
      </c>
      <c r="MPM7" s="9">
        <f t="shared" si="144"/>
        <v>1.019803902718557</v>
      </c>
      <c r="MPN7" s="9">
        <f t="shared" si="144"/>
        <v>1.019803902718557</v>
      </c>
      <c r="MPO7" s="9">
        <f t="shared" si="144"/>
        <v>1.019803902718557</v>
      </c>
      <c r="MPP7" s="9">
        <f t="shared" si="144"/>
        <v>1.019803902718557</v>
      </c>
      <c r="MPQ7" s="9">
        <f t="shared" si="144"/>
        <v>1.019803902718557</v>
      </c>
      <c r="MPR7" s="9">
        <f t="shared" si="144"/>
        <v>1.019803902718557</v>
      </c>
      <c r="MPS7" s="9">
        <f t="shared" si="144"/>
        <v>1.019803902718557</v>
      </c>
      <c r="MPT7" s="9">
        <f t="shared" si="144"/>
        <v>1.019803902718557</v>
      </c>
      <c r="MPU7" s="9">
        <f t="shared" si="144"/>
        <v>1.019803902718557</v>
      </c>
      <c r="MPV7" s="9">
        <f t="shared" ref="MPV7:MSG7" si="145">1/((1+$F$6) ^(MPV3-$F$7))</f>
        <v>1.019803902718557</v>
      </c>
      <c r="MPW7" s="9">
        <f t="shared" si="145"/>
        <v>1.019803902718557</v>
      </c>
      <c r="MPX7" s="9">
        <f t="shared" si="145"/>
        <v>1.019803902718557</v>
      </c>
      <c r="MPY7" s="9">
        <f t="shared" si="145"/>
        <v>1.019803902718557</v>
      </c>
      <c r="MPZ7" s="9">
        <f t="shared" si="145"/>
        <v>1.019803902718557</v>
      </c>
      <c r="MQA7" s="9">
        <f t="shared" si="145"/>
        <v>1.019803902718557</v>
      </c>
      <c r="MQB7" s="9">
        <f t="shared" si="145"/>
        <v>1.019803902718557</v>
      </c>
      <c r="MQC7" s="9">
        <f t="shared" si="145"/>
        <v>1.019803902718557</v>
      </c>
      <c r="MQD7" s="9">
        <f t="shared" si="145"/>
        <v>1.019803902718557</v>
      </c>
      <c r="MQE7" s="9">
        <f t="shared" si="145"/>
        <v>1.019803902718557</v>
      </c>
      <c r="MQF7" s="9">
        <f t="shared" si="145"/>
        <v>1.019803902718557</v>
      </c>
      <c r="MQG7" s="9">
        <f t="shared" si="145"/>
        <v>1.019803902718557</v>
      </c>
      <c r="MQH7" s="9">
        <f t="shared" si="145"/>
        <v>1.019803902718557</v>
      </c>
      <c r="MQI7" s="9">
        <f t="shared" si="145"/>
        <v>1.019803902718557</v>
      </c>
      <c r="MQJ7" s="9">
        <f t="shared" si="145"/>
        <v>1.019803902718557</v>
      </c>
      <c r="MQK7" s="9">
        <f t="shared" si="145"/>
        <v>1.019803902718557</v>
      </c>
      <c r="MQL7" s="9">
        <f t="shared" si="145"/>
        <v>1.019803902718557</v>
      </c>
      <c r="MQM7" s="9">
        <f t="shared" si="145"/>
        <v>1.019803902718557</v>
      </c>
      <c r="MQN7" s="9">
        <f t="shared" si="145"/>
        <v>1.019803902718557</v>
      </c>
      <c r="MQO7" s="9">
        <f t="shared" si="145"/>
        <v>1.019803902718557</v>
      </c>
      <c r="MQP7" s="9">
        <f t="shared" si="145"/>
        <v>1.019803902718557</v>
      </c>
      <c r="MQQ7" s="9">
        <f t="shared" si="145"/>
        <v>1.019803902718557</v>
      </c>
      <c r="MQR7" s="9">
        <f t="shared" si="145"/>
        <v>1.019803902718557</v>
      </c>
      <c r="MQS7" s="9">
        <f t="shared" si="145"/>
        <v>1.019803902718557</v>
      </c>
      <c r="MQT7" s="9">
        <f t="shared" si="145"/>
        <v>1.019803902718557</v>
      </c>
      <c r="MQU7" s="9">
        <f t="shared" si="145"/>
        <v>1.019803902718557</v>
      </c>
      <c r="MQV7" s="9">
        <f t="shared" si="145"/>
        <v>1.019803902718557</v>
      </c>
      <c r="MQW7" s="9">
        <f t="shared" si="145"/>
        <v>1.019803902718557</v>
      </c>
      <c r="MQX7" s="9">
        <f t="shared" si="145"/>
        <v>1.019803902718557</v>
      </c>
      <c r="MQY7" s="9">
        <f t="shared" si="145"/>
        <v>1.019803902718557</v>
      </c>
      <c r="MQZ7" s="9">
        <f t="shared" si="145"/>
        <v>1.019803902718557</v>
      </c>
      <c r="MRA7" s="9">
        <f t="shared" si="145"/>
        <v>1.019803902718557</v>
      </c>
      <c r="MRB7" s="9">
        <f t="shared" si="145"/>
        <v>1.019803902718557</v>
      </c>
      <c r="MRC7" s="9">
        <f t="shared" si="145"/>
        <v>1.019803902718557</v>
      </c>
      <c r="MRD7" s="9">
        <f t="shared" si="145"/>
        <v>1.019803902718557</v>
      </c>
      <c r="MRE7" s="9">
        <f t="shared" si="145"/>
        <v>1.019803902718557</v>
      </c>
      <c r="MRF7" s="9">
        <f t="shared" si="145"/>
        <v>1.019803902718557</v>
      </c>
      <c r="MRG7" s="9">
        <f t="shared" si="145"/>
        <v>1.019803902718557</v>
      </c>
      <c r="MRH7" s="9">
        <f t="shared" si="145"/>
        <v>1.019803902718557</v>
      </c>
      <c r="MRI7" s="9">
        <f t="shared" si="145"/>
        <v>1.019803902718557</v>
      </c>
      <c r="MRJ7" s="9">
        <f t="shared" si="145"/>
        <v>1.019803902718557</v>
      </c>
      <c r="MRK7" s="9">
        <f t="shared" si="145"/>
        <v>1.019803902718557</v>
      </c>
      <c r="MRL7" s="9">
        <f t="shared" si="145"/>
        <v>1.019803902718557</v>
      </c>
      <c r="MRM7" s="9">
        <f t="shared" si="145"/>
        <v>1.019803902718557</v>
      </c>
      <c r="MRN7" s="9">
        <f t="shared" si="145"/>
        <v>1.019803902718557</v>
      </c>
      <c r="MRO7" s="9">
        <f t="shared" si="145"/>
        <v>1.019803902718557</v>
      </c>
      <c r="MRP7" s="9">
        <f t="shared" si="145"/>
        <v>1.019803902718557</v>
      </c>
      <c r="MRQ7" s="9">
        <f t="shared" si="145"/>
        <v>1.019803902718557</v>
      </c>
      <c r="MRR7" s="9">
        <f t="shared" si="145"/>
        <v>1.019803902718557</v>
      </c>
      <c r="MRS7" s="9">
        <f t="shared" si="145"/>
        <v>1.019803902718557</v>
      </c>
      <c r="MRT7" s="9">
        <f t="shared" si="145"/>
        <v>1.019803902718557</v>
      </c>
      <c r="MRU7" s="9">
        <f t="shared" si="145"/>
        <v>1.019803902718557</v>
      </c>
      <c r="MRV7" s="9">
        <f t="shared" si="145"/>
        <v>1.019803902718557</v>
      </c>
      <c r="MRW7" s="9">
        <f t="shared" si="145"/>
        <v>1.019803902718557</v>
      </c>
      <c r="MRX7" s="9">
        <f t="shared" si="145"/>
        <v>1.019803902718557</v>
      </c>
      <c r="MRY7" s="9">
        <f t="shared" si="145"/>
        <v>1.019803902718557</v>
      </c>
      <c r="MRZ7" s="9">
        <f t="shared" si="145"/>
        <v>1.019803902718557</v>
      </c>
      <c r="MSA7" s="9">
        <f t="shared" si="145"/>
        <v>1.019803902718557</v>
      </c>
      <c r="MSB7" s="9">
        <f t="shared" si="145"/>
        <v>1.019803902718557</v>
      </c>
      <c r="MSC7" s="9">
        <f t="shared" si="145"/>
        <v>1.019803902718557</v>
      </c>
      <c r="MSD7" s="9">
        <f t="shared" si="145"/>
        <v>1.019803902718557</v>
      </c>
      <c r="MSE7" s="9">
        <f t="shared" si="145"/>
        <v>1.019803902718557</v>
      </c>
      <c r="MSF7" s="9">
        <f t="shared" si="145"/>
        <v>1.019803902718557</v>
      </c>
      <c r="MSG7" s="9">
        <f t="shared" si="145"/>
        <v>1.019803902718557</v>
      </c>
      <c r="MSH7" s="9">
        <f t="shared" ref="MSH7:MUS7" si="146">1/((1+$F$6) ^(MSH3-$F$7))</f>
        <v>1.019803902718557</v>
      </c>
      <c r="MSI7" s="9">
        <f t="shared" si="146"/>
        <v>1.019803902718557</v>
      </c>
      <c r="MSJ7" s="9">
        <f t="shared" si="146"/>
        <v>1.019803902718557</v>
      </c>
      <c r="MSK7" s="9">
        <f t="shared" si="146"/>
        <v>1.019803902718557</v>
      </c>
      <c r="MSL7" s="9">
        <f t="shared" si="146"/>
        <v>1.019803902718557</v>
      </c>
      <c r="MSM7" s="9">
        <f t="shared" si="146"/>
        <v>1.019803902718557</v>
      </c>
      <c r="MSN7" s="9">
        <f t="shared" si="146"/>
        <v>1.019803902718557</v>
      </c>
      <c r="MSO7" s="9">
        <f t="shared" si="146"/>
        <v>1.019803902718557</v>
      </c>
      <c r="MSP7" s="9">
        <f t="shared" si="146"/>
        <v>1.019803902718557</v>
      </c>
      <c r="MSQ7" s="9">
        <f t="shared" si="146"/>
        <v>1.019803902718557</v>
      </c>
      <c r="MSR7" s="9">
        <f t="shared" si="146"/>
        <v>1.019803902718557</v>
      </c>
      <c r="MSS7" s="9">
        <f t="shared" si="146"/>
        <v>1.019803902718557</v>
      </c>
      <c r="MST7" s="9">
        <f t="shared" si="146"/>
        <v>1.019803902718557</v>
      </c>
      <c r="MSU7" s="9">
        <f t="shared" si="146"/>
        <v>1.019803902718557</v>
      </c>
      <c r="MSV7" s="9">
        <f t="shared" si="146"/>
        <v>1.019803902718557</v>
      </c>
      <c r="MSW7" s="9">
        <f t="shared" si="146"/>
        <v>1.019803902718557</v>
      </c>
      <c r="MSX7" s="9">
        <f t="shared" si="146"/>
        <v>1.019803902718557</v>
      </c>
      <c r="MSY7" s="9">
        <f t="shared" si="146"/>
        <v>1.019803902718557</v>
      </c>
      <c r="MSZ7" s="9">
        <f t="shared" si="146"/>
        <v>1.019803902718557</v>
      </c>
      <c r="MTA7" s="9">
        <f t="shared" si="146"/>
        <v>1.019803902718557</v>
      </c>
      <c r="MTB7" s="9">
        <f t="shared" si="146"/>
        <v>1.019803902718557</v>
      </c>
      <c r="MTC7" s="9">
        <f t="shared" si="146"/>
        <v>1.019803902718557</v>
      </c>
      <c r="MTD7" s="9">
        <f t="shared" si="146"/>
        <v>1.019803902718557</v>
      </c>
      <c r="MTE7" s="9">
        <f t="shared" si="146"/>
        <v>1.019803902718557</v>
      </c>
      <c r="MTF7" s="9">
        <f t="shared" si="146"/>
        <v>1.019803902718557</v>
      </c>
      <c r="MTG7" s="9">
        <f t="shared" si="146"/>
        <v>1.019803902718557</v>
      </c>
      <c r="MTH7" s="9">
        <f t="shared" si="146"/>
        <v>1.019803902718557</v>
      </c>
      <c r="MTI7" s="9">
        <f t="shared" si="146"/>
        <v>1.019803902718557</v>
      </c>
      <c r="MTJ7" s="9">
        <f t="shared" si="146"/>
        <v>1.019803902718557</v>
      </c>
      <c r="MTK7" s="9">
        <f t="shared" si="146"/>
        <v>1.019803902718557</v>
      </c>
      <c r="MTL7" s="9">
        <f t="shared" si="146"/>
        <v>1.019803902718557</v>
      </c>
      <c r="MTM7" s="9">
        <f t="shared" si="146"/>
        <v>1.019803902718557</v>
      </c>
      <c r="MTN7" s="9">
        <f t="shared" si="146"/>
        <v>1.019803902718557</v>
      </c>
      <c r="MTO7" s="9">
        <f t="shared" si="146"/>
        <v>1.019803902718557</v>
      </c>
      <c r="MTP7" s="9">
        <f t="shared" si="146"/>
        <v>1.019803902718557</v>
      </c>
      <c r="MTQ7" s="9">
        <f t="shared" si="146"/>
        <v>1.019803902718557</v>
      </c>
      <c r="MTR7" s="9">
        <f t="shared" si="146"/>
        <v>1.019803902718557</v>
      </c>
      <c r="MTS7" s="9">
        <f t="shared" si="146"/>
        <v>1.019803902718557</v>
      </c>
      <c r="MTT7" s="9">
        <f t="shared" si="146"/>
        <v>1.019803902718557</v>
      </c>
      <c r="MTU7" s="9">
        <f t="shared" si="146"/>
        <v>1.019803902718557</v>
      </c>
      <c r="MTV7" s="9">
        <f t="shared" si="146"/>
        <v>1.019803902718557</v>
      </c>
      <c r="MTW7" s="9">
        <f t="shared" si="146"/>
        <v>1.019803902718557</v>
      </c>
      <c r="MTX7" s="9">
        <f t="shared" si="146"/>
        <v>1.019803902718557</v>
      </c>
      <c r="MTY7" s="9">
        <f t="shared" si="146"/>
        <v>1.019803902718557</v>
      </c>
      <c r="MTZ7" s="9">
        <f t="shared" si="146"/>
        <v>1.019803902718557</v>
      </c>
      <c r="MUA7" s="9">
        <f t="shared" si="146"/>
        <v>1.019803902718557</v>
      </c>
      <c r="MUB7" s="9">
        <f t="shared" si="146"/>
        <v>1.019803902718557</v>
      </c>
      <c r="MUC7" s="9">
        <f t="shared" si="146"/>
        <v>1.019803902718557</v>
      </c>
      <c r="MUD7" s="9">
        <f t="shared" si="146"/>
        <v>1.019803902718557</v>
      </c>
      <c r="MUE7" s="9">
        <f t="shared" si="146"/>
        <v>1.019803902718557</v>
      </c>
      <c r="MUF7" s="9">
        <f t="shared" si="146"/>
        <v>1.019803902718557</v>
      </c>
      <c r="MUG7" s="9">
        <f t="shared" si="146"/>
        <v>1.019803902718557</v>
      </c>
      <c r="MUH7" s="9">
        <f t="shared" si="146"/>
        <v>1.019803902718557</v>
      </c>
      <c r="MUI7" s="9">
        <f t="shared" si="146"/>
        <v>1.019803902718557</v>
      </c>
      <c r="MUJ7" s="9">
        <f t="shared" si="146"/>
        <v>1.019803902718557</v>
      </c>
      <c r="MUK7" s="9">
        <f t="shared" si="146"/>
        <v>1.019803902718557</v>
      </c>
      <c r="MUL7" s="9">
        <f t="shared" si="146"/>
        <v>1.019803902718557</v>
      </c>
      <c r="MUM7" s="9">
        <f t="shared" si="146"/>
        <v>1.019803902718557</v>
      </c>
      <c r="MUN7" s="9">
        <f t="shared" si="146"/>
        <v>1.019803902718557</v>
      </c>
      <c r="MUO7" s="9">
        <f t="shared" si="146"/>
        <v>1.019803902718557</v>
      </c>
      <c r="MUP7" s="9">
        <f t="shared" si="146"/>
        <v>1.019803902718557</v>
      </c>
      <c r="MUQ7" s="9">
        <f t="shared" si="146"/>
        <v>1.019803902718557</v>
      </c>
      <c r="MUR7" s="9">
        <f t="shared" si="146"/>
        <v>1.019803902718557</v>
      </c>
      <c r="MUS7" s="9">
        <f t="shared" si="146"/>
        <v>1.019803902718557</v>
      </c>
      <c r="MUT7" s="9">
        <f t="shared" ref="MUT7:MXE7" si="147">1/((1+$F$6) ^(MUT3-$F$7))</f>
        <v>1.019803902718557</v>
      </c>
      <c r="MUU7" s="9">
        <f t="shared" si="147"/>
        <v>1.019803902718557</v>
      </c>
      <c r="MUV7" s="9">
        <f t="shared" si="147"/>
        <v>1.019803902718557</v>
      </c>
      <c r="MUW7" s="9">
        <f t="shared" si="147"/>
        <v>1.019803902718557</v>
      </c>
      <c r="MUX7" s="9">
        <f t="shared" si="147"/>
        <v>1.019803902718557</v>
      </c>
      <c r="MUY7" s="9">
        <f t="shared" si="147"/>
        <v>1.019803902718557</v>
      </c>
      <c r="MUZ7" s="9">
        <f t="shared" si="147"/>
        <v>1.019803902718557</v>
      </c>
      <c r="MVA7" s="9">
        <f t="shared" si="147"/>
        <v>1.019803902718557</v>
      </c>
      <c r="MVB7" s="9">
        <f t="shared" si="147"/>
        <v>1.019803902718557</v>
      </c>
      <c r="MVC7" s="9">
        <f t="shared" si="147"/>
        <v>1.019803902718557</v>
      </c>
      <c r="MVD7" s="9">
        <f t="shared" si="147"/>
        <v>1.019803902718557</v>
      </c>
      <c r="MVE7" s="9">
        <f t="shared" si="147"/>
        <v>1.019803902718557</v>
      </c>
      <c r="MVF7" s="9">
        <f t="shared" si="147"/>
        <v>1.019803902718557</v>
      </c>
      <c r="MVG7" s="9">
        <f t="shared" si="147"/>
        <v>1.019803902718557</v>
      </c>
      <c r="MVH7" s="9">
        <f t="shared" si="147"/>
        <v>1.019803902718557</v>
      </c>
      <c r="MVI7" s="9">
        <f t="shared" si="147"/>
        <v>1.019803902718557</v>
      </c>
      <c r="MVJ7" s="9">
        <f t="shared" si="147"/>
        <v>1.019803902718557</v>
      </c>
      <c r="MVK7" s="9">
        <f t="shared" si="147"/>
        <v>1.019803902718557</v>
      </c>
      <c r="MVL7" s="9">
        <f t="shared" si="147"/>
        <v>1.019803902718557</v>
      </c>
      <c r="MVM7" s="9">
        <f t="shared" si="147"/>
        <v>1.019803902718557</v>
      </c>
      <c r="MVN7" s="9">
        <f t="shared" si="147"/>
        <v>1.019803902718557</v>
      </c>
      <c r="MVO7" s="9">
        <f t="shared" si="147"/>
        <v>1.019803902718557</v>
      </c>
      <c r="MVP7" s="9">
        <f t="shared" si="147"/>
        <v>1.019803902718557</v>
      </c>
      <c r="MVQ7" s="9">
        <f t="shared" si="147"/>
        <v>1.019803902718557</v>
      </c>
      <c r="MVR7" s="9">
        <f t="shared" si="147"/>
        <v>1.019803902718557</v>
      </c>
      <c r="MVS7" s="9">
        <f t="shared" si="147"/>
        <v>1.019803902718557</v>
      </c>
      <c r="MVT7" s="9">
        <f t="shared" si="147"/>
        <v>1.019803902718557</v>
      </c>
      <c r="MVU7" s="9">
        <f t="shared" si="147"/>
        <v>1.019803902718557</v>
      </c>
      <c r="MVV7" s="9">
        <f t="shared" si="147"/>
        <v>1.019803902718557</v>
      </c>
      <c r="MVW7" s="9">
        <f t="shared" si="147"/>
        <v>1.019803902718557</v>
      </c>
      <c r="MVX7" s="9">
        <f t="shared" si="147"/>
        <v>1.019803902718557</v>
      </c>
      <c r="MVY7" s="9">
        <f t="shared" si="147"/>
        <v>1.019803902718557</v>
      </c>
      <c r="MVZ7" s="9">
        <f t="shared" si="147"/>
        <v>1.019803902718557</v>
      </c>
      <c r="MWA7" s="9">
        <f t="shared" si="147"/>
        <v>1.019803902718557</v>
      </c>
      <c r="MWB7" s="9">
        <f t="shared" si="147"/>
        <v>1.019803902718557</v>
      </c>
      <c r="MWC7" s="9">
        <f t="shared" si="147"/>
        <v>1.019803902718557</v>
      </c>
      <c r="MWD7" s="9">
        <f t="shared" si="147"/>
        <v>1.019803902718557</v>
      </c>
      <c r="MWE7" s="9">
        <f t="shared" si="147"/>
        <v>1.019803902718557</v>
      </c>
      <c r="MWF7" s="9">
        <f t="shared" si="147"/>
        <v>1.019803902718557</v>
      </c>
      <c r="MWG7" s="9">
        <f t="shared" si="147"/>
        <v>1.019803902718557</v>
      </c>
      <c r="MWH7" s="9">
        <f t="shared" si="147"/>
        <v>1.019803902718557</v>
      </c>
      <c r="MWI7" s="9">
        <f t="shared" si="147"/>
        <v>1.019803902718557</v>
      </c>
      <c r="MWJ7" s="9">
        <f t="shared" si="147"/>
        <v>1.019803902718557</v>
      </c>
      <c r="MWK7" s="9">
        <f t="shared" si="147"/>
        <v>1.019803902718557</v>
      </c>
      <c r="MWL7" s="9">
        <f t="shared" si="147"/>
        <v>1.019803902718557</v>
      </c>
      <c r="MWM7" s="9">
        <f t="shared" si="147"/>
        <v>1.019803902718557</v>
      </c>
      <c r="MWN7" s="9">
        <f t="shared" si="147"/>
        <v>1.019803902718557</v>
      </c>
      <c r="MWO7" s="9">
        <f t="shared" si="147"/>
        <v>1.019803902718557</v>
      </c>
      <c r="MWP7" s="9">
        <f t="shared" si="147"/>
        <v>1.019803902718557</v>
      </c>
      <c r="MWQ7" s="9">
        <f t="shared" si="147"/>
        <v>1.019803902718557</v>
      </c>
      <c r="MWR7" s="9">
        <f t="shared" si="147"/>
        <v>1.019803902718557</v>
      </c>
      <c r="MWS7" s="9">
        <f t="shared" si="147"/>
        <v>1.019803902718557</v>
      </c>
      <c r="MWT7" s="9">
        <f t="shared" si="147"/>
        <v>1.019803902718557</v>
      </c>
      <c r="MWU7" s="9">
        <f t="shared" si="147"/>
        <v>1.019803902718557</v>
      </c>
      <c r="MWV7" s="9">
        <f t="shared" si="147"/>
        <v>1.019803902718557</v>
      </c>
      <c r="MWW7" s="9">
        <f t="shared" si="147"/>
        <v>1.019803902718557</v>
      </c>
      <c r="MWX7" s="9">
        <f t="shared" si="147"/>
        <v>1.019803902718557</v>
      </c>
      <c r="MWY7" s="9">
        <f t="shared" si="147"/>
        <v>1.019803902718557</v>
      </c>
      <c r="MWZ7" s="9">
        <f t="shared" si="147"/>
        <v>1.019803902718557</v>
      </c>
      <c r="MXA7" s="9">
        <f t="shared" si="147"/>
        <v>1.019803902718557</v>
      </c>
      <c r="MXB7" s="9">
        <f t="shared" si="147"/>
        <v>1.019803902718557</v>
      </c>
      <c r="MXC7" s="9">
        <f t="shared" si="147"/>
        <v>1.019803902718557</v>
      </c>
      <c r="MXD7" s="9">
        <f t="shared" si="147"/>
        <v>1.019803902718557</v>
      </c>
      <c r="MXE7" s="9">
        <f t="shared" si="147"/>
        <v>1.019803902718557</v>
      </c>
      <c r="MXF7" s="9">
        <f t="shared" ref="MXF7:MZQ7" si="148">1/((1+$F$6) ^(MXF3-$F$7))</f>
        <v>1.019803902718557</v>
      </c>
      <c r="MXG7" s="9">
        <f t="shared" si="148"/>
        <v>1.019803902718557</v>
      </c>
      <c r="MXH7" s="9">
        <f t="shared" si="148"/>
        <v>1.019803902718557</v>
      </c>
      <c r="MXI7" s="9">
        <f t="shared" si="148"/>
        <v>1.019803902718557</v>
      </c>
      <c r="MXJ7" s="9">
        <f t="shared" si="148"/>
        <v>1.019803902718557</v>
      </c>
      <c r="MXK7" s="9">
        <f t="shared" si="148"/>
        <v>1.019803902718557</v>
      </c>
      <c r="MXL7" s="9">
        <f t="shared" si="148"/>
        <v>1.019803902718557</v>
      </c>
      <c r="MXM7" s="9">
        <f t="shared" si="148"/>
        <v>1.019803902718557</v>
      </c>
      <c r="MXN7" s="9">
        <f t="shared" si="148"/>
        <v>1.019803902718557</v>
      </c>
      <c r="MXO7" s="9">
        <f t="shared" si="148"/>
        <v>1.019803902718557</v>
      </c>
      <c r="MXP7" s="9">
        <f t="shared" si="148"/>
        <v>1.019803902718557</v>
      </c>
      <c r="MXQ7" s="9">
        <f t="shared" si="148"/>
        <v>1.019803902718557</v>
      </c>
      <c r="MXR7" s="9">
        <f t="shared" si="148"/>
        <v>1.019803902718557</v>
      </c>
      <c r="MXS7" s="9">
        <f t="shared" si="148"/>
        <v>1.019803902718557</v>
      </c>
      <c r="MXT7" s="9">
        <f t="shared" si="148"/>
        <v>1.019803902718557</v>
      </c>
      <c r="MXU7" s="9">
        <f t="shared" si="148"/>
        <v>1.019803902718557</v>
      </c>
      <c r="MXV7" s="9">
        <f t="shared" si="148"/>
        <v>1.019803902718557</v>
      </c>
      <c r="MXW7" s="9">
        <f t="shared" si="148"/>
        <v>1.019803902718557</v>
      </c>
      <c r="MXX7" s="9">
        <f t="shared" si="148"/>
        <v>1.019803902718557</v>
      </c>
      <c r="MXY7" s="9">
        <f t="shared" si="148"/>
        <v>1.019803902718557</v>
      </c>
      <c r="MXZ7" s="9">
        <f t="shared" si="148"/>
        <v>1.019803902718557</v>
      </c>
      <c r="MYA7" s="9">
        <f t="shared" si="148"/>
        <v>1.019803902718557</v>
      </c>
      <c r="MYB7" s="9">
        <f t="shared" si="148"/>
        <v>1.019803902718557</v>
      </c>
      <c r="MYC7" s="9">
        <f t="shared" si="148"/>
        <v>1.019803902718557</v>
      </c>
      <c r="MYD7" s="9">
        <f t="shared" si="148"/>
        <v>1.019803902718557</v>
      </c>
      <c r="MYE7" s="9">
        <f t="shared" si="148"/>
        <v>1.019803902718557</v>
      </c>
      <c r="MYF7" s="9">
        <f t="shared" si="148"/>
        <v>1.019803902718557</v>
      </c>
      <c r="MYG7" s="9">
        <f t="shared" si="148"/>
        <v>1.019803902718557</v>
      </c>
      <c r="MYH7" s="9">
        <f t="shared" si="148"/>
        <v>1.019803902718557</v>
      </c>
      <c r="MYI7" s="9">
        <f t="shared" si="148"/>
        <v>1.019803902718557</v>
      </c>
      <c r="MYJ7" s="9">
        <f t="shared" si="148"/>
        <v>1.019803902718557</v>
      </c>
      <c r="MYK7" s="9">
        <f t="shared" si="148"/>
        <v>1.019803902718557</v>
      </c>
      <c r="MYL7" s="9">
        <f t="shared" si="148"/>
        <v>1.019803902718557</v>
      </c>
      <c r="MYM7" s="9">
        <f t="shared" si="148"/>
        <v>1.019803902718557</v>
      </c>
      <c r="MYN7" s="9">
        <f t="shared" si="148"/>
        <v>1.019803902718557</v>
      </c>
      <c r="MYO7" s="9">
        <f t="shared" si="148"/>
        <v>1.019803902718557</v>
      </c>
      <c r="MYP7" s="9">
        <f t="shared" si="148"/>
        <v>1.019803902718557</v>
      </c>
      <c r="MYQ7" s="9">
        <f t="shared" si="148"/>
        <v>1.019803902718557</v>
      </c>
      <c r="MYR7" s="9">
        <f t="shared" si="148"/>
        <v>1.019803902718557</v>
      </c>
      <c r="MYS7" s="9">
        <f t="shared" si="148"/>
        <v>1.019803902718557</v>
      </c>
      <c r="MYT7" s="9">
        <f t="shared" si="148"/>
        <v>1.019803902718557</v>
      </c>
      <c r="MYU7" s="9">
        <f t="shared" si="148"/>
        <v>1.019803902718557</v>
      </c>
      <c r="MYV7" s="9">
        <f t="shared" si="148"/>
        <v>1.019803902718557</v>
      </c>
      <c r="MYW7" s="9">
        <f t="shared" si="148"/>
        <v>1.019803902718557</v>
      </c>
      <c r="MYX7" s="9">
        <f t="shared" si="148"/>
        <v>1.019803902718557</v>
      </c>
      <c r="MYY7" s="9">
        <f t="shared" si="148"/>
        <v>1.019803902718557</v>
      </c>
      <c r="MYZ7" s="9">
        <f t="shared" si="148"/>
        <v>1.019803902718557</v>
      </c>
      <c r="MZA7" s="9">
        <f t="shared" si="148"/>
        <v>1.019803902718557</v>
      </c>
      <c r="MZB7" s="9">
        <f t="shared" si="148"/>
        <v>1.019803902718557</v>
      </c>
      <c r="MZC7" s="9">
        <f t="shared" si="148"/>
        <v>1.019803902718557</v>
      </c>
      <c r="MZD7" s="9">
        <f t="shared" si="148"/>
        <v>1.019803902718557</v>
      </c>
      <c r="MZE7" s="9">
        <f t="shared" si="148"/>
        <v>1.019803902718557</v>
      </c>
      <c r="MZF7" s="9">
        <f t="shared" si="148"/>
        <v>1.019803902718557</v>
      </c>
      <c r="MZG7" s="9">
        <f t="shared" si="148"/>
        <v>1.019803902718557</v>
      </c>
      <c r="MZH7" s="9">
        <f t="shared" si="148"/>
        <v>1.019803902718557</v>
      </c>
      <c r="MZI7" s="9">
        <f t="shared" si="148"/>
        <v>1.019803902718557</v>
      </c>
      <c r="MZJ7" s="9">
        <f t="shared" si="148"/>
        <v>1.019803902718557</v>
      </c>
      <c r="MZK7" s="9">
        <f t="shared" si="148"/>
        <v>1.019803902718557</v>
      </c>
      <c r="MZL7" s="9">
        <f t="shared" si="148"/>
        <v>1.019803902718557</v>
      </c>
      <c r="MZM7" s="9">
        <f t="shared" si="148"/>
        <v>1.019803902718557</v>
      </c>
      <c r="MZN7" s="9">
        <f t="shared" si="148"/>
        <v>1.019803902718557</v>
      </c>
      <c r="MZO7" s="9">
        <f t="shared" si="148"/>
        <v>1.019803902718557</v>
      </c>
      <c r="MZP7" s="9">
        <f t="shared" si="148"/>
        <v>1.019803902718557</v>
      </c>
      <c r="MZQ7" s="9">
        <f t="shared" si="148"/>
        <v>1.019803902718557</v>
      </c>
      <c r="MZR7" s="9">
        <f t="shared" ref="MZR7:NCC7" si="149">1/((1+$F$6) ^(MZR3-$F$7))</f>
        <v>1.019803902718557</v>
      </c>
      <c r="MZS7" s="9">
        <f t="shared" si="149"/>
        <v>1.019803902718557</v>
      </c>
      <c r="MZT7" s="9">
        <f t="shared" si="149"/>
        <v>1.019803902718557</v>
      </c>
      <c r="MZU7" s="9">
        <f t="shared" si="149"/>
        <v>1.019803902718557</v>
      </c>
      <c r="MZV7" s="9">
        <f t="shared" si="149"/>
        <v>1.019803902718557</v>
      </c>
      <c r="MZW7" s="9">
        <f t="shared" si="149"/>
        <v>1.019803902718557</v>
      </c>
      <c r="MZX7" s="9">
        <f t="shared" si="149"/>
        <v>1.019803902718557</v>
      </c>
      <c r="MZY7" s="9">
        <f t="shared" si="149"/>
        <v>1.019803902718557</v>
      </c>
      <c r="MZZ7" s="9">
        <f t="shared" si="149"/>
        <v>1.019803902718557</v>
      </c>
      <c r="NAA7" s="9">
        <f t="shared" si="149"/>
        <v>1.019803902718557</v>
      </c>
      <c r="NAB7" s="9">
        <f t="shared" si="149"/>
        <v>1.019803902718557</v>
      </c>
      <c r="NAC7" s="9">
        <f t="shared" si="149"/>
        <v>1.019803902718557</v>
      </c>
      <c r="NAD7" s="9">
        <f t="shared" si="149"/>
        <v>1.019803902718557</v>
      </c>
      <c r="NAE7" s="9">
        <f t="shared" si="149"/>
        <v>1.019803902718557</v>
      </c>
      <c r="NAF7" s="9">
        <f t="shared" si="149"/>
        <v>1.019803902718557</v>
      </c>
      <c r="NAG7" s="9">
        <f t="shared" si="149"/>
        <v>1.019803902718557</v>
      </c>
      <c r="NAH7" s="9">
        <f t="shared" si="149"/>
        <v>1.019803902718557</v>
      </c>
      <c r="NAI7" s="9">
        <f t="shared" si="149"/>
        <v>1.019803902718557</v>
      </c>
      <c r="NAJ7" s="9">
        <f t="shared" si="149"/>
        <v>1.019803902718557</v>
      </c>
      <c r="NAK7" s="9">
        <f t="shared" si="149"/>
        <v>1.019803902718557</v>
      </c>
      <c r="NAL7" s="9">
        <f t="shared" si="149"/>
        <v>1.019803902718557</v>
      </c>
      <c r="NAM7" s="9">
        <f t="shared" si="149"/>
        <v>1.019803902718557</v>
      </c>
      <c r="NAN7" s="9">
        <f t="shared" si="149"/>
        <v>1.019803902718557</v>
      </c>
      <c r="NAO7" s="9">
        <f t="shared" si="149"/>
        <v>1.019803902718557</v>
      </c>
      <c r="NAP7" s="9">
        <f t="shared" si="149"/>
        <v>1.019803902718557</v>
      </c>
      <c r="NAQ7" s="9">
        <f t="shared" si="149"/>
        <v>1.019803902718557</v>
      </c>
      <c r="NAR7" s="9">
        <f t="shared" si="149"/>
        <v>1.019803902718557</v>
      </c>
      <c r="NAS7" s="9">
        <f t="shared" si="149"/>
        <v>1.019803902718557</v>
      </c>
      <c r="NAT7" s="9">
        <f t="shared" si="149"/>
        <v>1.019803902718557</v>
      </c>
      <c r="NAU7" s="9">
        <f t="shared" si="149"/>
        <v>1.019803902718557</v>
      </c>
      <c r="NAV7" s="9">
        <f t="shared" si="149"/>
        <v>1.019803902718557</v>
      </c>
      <c r="NAW7" s="9">
        <f t="shared" si="149"/>
        <v>1.019803902718557</v>
      </c>
      <c r="NAX7" s="9">
        <f t="shared" si="149"/>
        <v>1.019803902718557</v>
      </c>
      <c r="NAY7" s="9">
        <f t="shared" si="149"/>
        <v>1.019803902718557</v>
      </c>
      <c r="NAZ7" s="9">
        <f t="shared" si="149"/>
        <v>1.019803902718557</v>
      </c>
      <c r="NBA7" s="9">
        <f t="shared" si="149"/>
        <v>1.019803902718557</v>
      </c>
      <c r="NBB7" s="9">
        <f t="shared" si="149"/>
        <v>1.019803902718557</v>
      </c>
      <c r="NBC7" s="9">
        <f t="shared" si="149"/>
        <v>1.019803902718557</v>
      </c>
      <c r="NBD7" s="9">
        <f t="shared" si="149"/>
        <v>1.019803902718557</v>
      </c>
      <c r="NBE7" s="9">
        <f t="shared" si="149"/>
        <v>1.019803902718557</v>
      </c>
      <c r="NBF7" s="9">
        <f t="shared" si="149"/>
        <v>1.019803902718557</v>
      </c>
      <c r="NBG7" s="9">
        <f t="shared" si="149"/>
        <v>1.019803902718557</v>
      </c>
      <c r="NBH7" s="9">
        <f t="shared" si="149"/>
        <v>1.019803902718557</v>
      </c>
      <c r="NBI7" s="9">
        <f t="shared" si="149"/>
        <v>1.019803902718557</v>
      </c>
      <c r="NBJ7" s="9">
        <f t="shared" si="149"/>
        <v>1.019803902718557</v>
      </c>
      <c r="NBK7" s="9">
        <f t="shared" si="149"/>
        <v>1.019803902718557</v>
      </c>
      <c r="NBL7" s="9">
        <f t="shared" si="149"/>
        <v>1.019803902718557</v>
      </c>
      <c r="NBM7" s="9">
        <f t="shared" si="149"/>
        <v>1.019803902718557</v>
      </c>
      <c r="NBN7" s="9">
        <f t="shared" si="149"/>
        <v>1.019803902718557</v>
      </c>
      <c r="NBO7" s="9">
        <f t="shared" si="149"/>
        <v>1.019803902718557</v>
      </c>
      <c r="NBP7" s="9">
        <f t="shared" si="149"/>
        <v>1.019803902718557</v>
      </c>
      <c r="NBQ7" s="9">
        <f t="shared" si="149"/>
        <v>1.019803902718557</v>
      </c>
      <c r="NBR7" s="9">
        <f t="shared" si="149"/>
        <v>1.019803902718557</v>
      </c>
      <c r="NBS7" s="9">
        <f t="shared" si="149"/>
        <v>1.019803902718557</v>
      </c>
      <c r="NBT7" s="9">
        <f t="shared" si="149"/>
        <v>1.019803902718557</v>
      </c>
      <c r="NBU7" s="9">
        <f t="shared" si="149"/>
        <v>1.019803902718557</v>
      </c>
      <c r="NBV7" s="9">
        <f t="shared" si="149"/>
        <v>1.019803902718557</v>
      </c>
      <c r="NBW7" s="9">
        <f t="shared" si="149"/>
        <v>1.019803902718557</v>
      </c>
      <c r="NBX7" s="9">
        <f t="shared" si="149"/>
        <v>1.019803902718557</v>
      </c>
      <c r="NBY7" s="9">
        <f t="shared" si="149"/>
        <v>1.019803902718557</v>
      </c>
      <c r="NBZ7" s="9">
        <f t="shared" si="149"/>
        <v>1.019803902718557</v>
      </c>
      <c r="NCA7" s="9">
        <f t="shared" si="149"/>
        <v>1.019803902718557</v>
      </c>
      <c r="NCB7" s="9">
        <f t="shared" si="149"/>
        <v>1.019803902718557</v>
      </c>
      <c r="NCC7" s="9">
        <f t="shared" si="149"/>
        <v>1.019803902718557</v>
      </c>
      <c r="NCD7" s="9">
        <f t="shared" ref="NCD7:NEO7" si="150">1/((1+$F$6) ^(NCD3-$F$7))</f>
        <v>1.019803902718557</v>
      </c>
      <c r="NCE7" s="9">
        <f t="shared" si="150"/>
        <v>1.019803902718557</v>
      </c>
      <c r="NCF7" s="9">
        <f t="shared" si="150"/>
        <v>1.019803902718557</v>
      </c>
      <c r="NCG7" s="9">
        <f t="shared" si="150"/>
        <v>1.019803902718557</v>
      </c>
      <c r="NCH7" s="9">
        <f t="shared" si="150"/>
        <v>1.019803902718557</v>
      </c>
      <c r="NCI7" s="9">
        <f t="shared" si="150"/>
        <v>1.019803902718557</v>
      </c>
      <c r="NCJ7" s="9">
        <f t="shared" si="150"/>
        <v>1.019803902718557</v>
      </c>
      <c r="NCK7" s="9">
        <f t="shared" si="150"/>
        <v>1.019803902718557</v>
      </c>
      <c r="NCL7" s="9">
        <f t="shared" si="150"/>
        <v>1.019803902718557</v>
      </c>
      <c r="NCM7" s="9">
        <f t="shared" si="150"/>
        <v>1.019803902718557</v>
      </c>
      <c r="NCN7" s="9">
        <f t="shared" si="150"/>
        <v>1.019803902718557</v>
      </c>
      <c r="NCO7" s="9">
        <f t="shared" si="150"/>
        <v>1.019803902718557</v>
      </c>
      <c r="NCP7" s="9">
        <f t="shared" si="150"/>
        <v>1.019803902718557</v>
      </c>
      <c r="NCQ7" s="9">
        <f t="shared" si="150"/>
        <v>1.019803902718557</v>
      </c>
      <c r="NCR7" s="9">
        <f t="shared" si="150"/>
        <v>1.019803902718557</v>
      </c>
      <c r="NCS7" s="9">
        <f t="shared" si="150"/>
        <v>1.019803902718557</v>
      </c>
      <c r="NCT7" s="9">
        <f t="shared" si="150"/>
        <v>1.019803902718557</v>
      </c>
      <c r="NCU7" s="9">
        <f t="shared" si="150"/>
        <v>1.019803902718557</v>
      </c>
      <c r="NCV7" s="9">
        <f t="shared" si="150"/>
        <v>1.019803902718557</v>
      </c>
      <c r="NCW7" s="9">
        <f t="shared" si="150"/>
        <v>1.019803902718557</v>
      </c>
      <c r="NCX7" s="9">
        <f t="shared" si="150"/>
        <v>1.019803902718557</v>
      </c>
      <c r="NCY7" s="9">
        <f t="shared" si="150"/>
        <v>1.019803902718557</v>
      </c>
      <c r="NCZ7" s="9">
        <f t="shared" si="150"/>
        <v>1.019803902718557</v>
      </c>
      <c r="NDA7" s="9">
        <f t="shared" si="150"/>
        <v>1.019803902718557</v>
      </c>
      <c r="NDB7" s="9">
        <f t="shared" si="150"/>
        <v>1.019803902718557</v>
      </c>
      <c r="NDC7" s="9">
        <f t="shared" si="150"/>
        <v>1.019803902718557</v>
      </c>
      <c r="NDD7" s="9">
        <f t="shared" si="150"/>
        <v>1.019803902718557</v>
      </c>
      <c r="NDE7" s="9">
        <f t="shared" si="150"/>
        <v>1.019803902718557</v>
      </c>
      <c r="NDF7" s="9">
        <f t="shared" si="150"/>
        <v>1.019803902718557</v>
      </c>
      <c r="NDG7" s="9">
        <f t="shared" si="150"/>
        <v>1.019803902718557</v>
      </c>
      <c r="NDH7" s="9">
        <f t="shared" si="150"/>
        <v>1.019803902718557</v>
      </c>
      <c r="NDI7" s="9">
        <f t="shared" si="150"/>
        <v>1.019803902718557</v>
      </c>
      <c r="NDJ7" s="9">
        <f t="shared" si="150"/>
        <v>1.019803902718557</v>
      </c>
      <c r="NDK7" s="9">
        <f t="shared" si="150"/>
        <v>1.019803902718557</v>
      </c>
      <c r="NDL7" s="9">
        <f t="shared" si="150"/>
        <v>1.019803902718557</v>
      </c>
      <c r="NDM7" s="9">
        <f t="shared" si="150"/>
        <v>1.019803902718557</v>
      </c>
      <c r="NDN7" s="9">
        <f t="shared" si="150"/>
        <v>1.019803902718557</v>
      </c>
      <c r="NDO7" s="9">
        <f t="shared" si="150"/>
        <v>1.019803902718557</v>
      </c>
      <c r="NDP7" s="9">
        <f t="shared" si="150"/>
        <v>1.019803902718557</v>
      </c>
      <c r="NDQ7" s="9">
        <f t="shared" si="150"/>
        <v>1.019803902718557</v>
      </c>
      <c r="NDR7" s="9">
        <f t="shared" si="150"/>
        <v>1.019803902718557</v>
      </c>
      <c r="NDS7" s="9">
        <f t="shared" si="150"/>
        <v>1.019803902718557</v>
      </c>
      <c r="NDT7" s="9">
        <f t="shared" si="150"/>
        <v>1.019803902718557</v>
      </c>
      <c r="NDU7" s="9">
        <f t="shared" si="150"/>
        <v>1.019803902718557</v>
      </c>
      <c r="NDV7" s="9">
        <f t="shared" si="150"/>
        <v>1.019803902718557</v>
      </c>
      <c r="NDW7" s="9">
        <f t="shared" si="150"/>
        <v>1.019803902718557</v>
      </c>
      <c r="NDX7" s="9">
        <f t="shared" si="150"/>
        <v>1.019803902718557</v>
      </c>
      <c r="NDY7" s="9">
        <f t="shared" si="150"/>
        <v>1.019803902718557</v>
      </c>
      <c r="NDZ7" s="9">
        <f t="shared" si="150"/>
        <v>1.019803902718557</v>
      </c>
      <c r="NEA7" s="9">
        <f t="shared" si="150"/>
        <v>1.019803902718557</v>
      </c>
      <c r="NEB7" s="9">
        <f t="shared" si="150"/>
        <v>1.019803902718557</v>
      </c>
      <c r="NEC7" s="9">
        <f t="shared" si="150"/>
        <v>1.019803902718557</v>
      </c>
      <c r="NED7" s="9">
        <f t="shared" si="150"/>
        <v>1.019803902718557</v>
      </c>
      <c r="NEE7" s="9">
        <f t="shared" si="150"/>
        <v>1.019803902718557</v>
      </c>
      <c r="NEF7" s="9">
        <f t="shared" si="150"/>
        <v>1.019803902718557</v>
      </c>
      <c r="NEG7" s="9">
        <f t="shared" si="150"/>
        <v>1.019803902718557</v>
      </c>
      <c r="NEH7" s="9">
        <f t="shared" si="150"/>
        <v>1.019803902718557</v>
      </c>
      <c r="NEI7" s="9">
        <f t="shared" si="150"/>
        <v>1.019803902718557</v>
      </c>
      <c r="NEJ7" s="9">
        <f t="shared" si="150"/>
        <v>1.019803902718557</v>
      </c>
      <c r="NEK7" s="9">
        <f t="shared" si="150"/>
        <v>1.019803902718557</v>
      </c>
      <c r="NEL7" s="9">
        <f t="shared" si="150"/>
        <v>1.019803902718557</v>
      </c>
      <c r="NEM7" s="9">
        <f t="shared" si="150"/>
        <v>1.019803902718557</v>
      </c>
      <c r="NEN7" s="9">
        <f t="shared" si="150"/>
        <v>1.019803902718557</v>
      </c>
      <c r="NEO7" s="9">
        <f t="shared" si="150"/>
        <v>1.019803902718557</v>
      </c>
      <c r="NEP7" s="9">
        <f t="shared" ref="NEP7:NHA7" si="151">1/((1+$F$6) ^(NEP3-$F$7))</f>
        <v>1.019803902718557</v>
      </c>
      <c r="NEQ7" s="9">
        <f t="shared" si="151"/>
        <v>1.019803902718557</v>
      </c>
      <c r="NER7" s="9">
        <f t="shared" si="151"/>
        <v>1.019803902718557</v>
      </c>
      <c r="NES7" s="9">
        <f t="shared" si="151"/>
        <v>1.019803902718557</v>
      </c>
      <c r="NET7" s="9">
        <f t="shared" si="151"/>
        <v>1.019803902718557</v>
      </c>
      <c r="NEU7" s="9">
        <f t="shared" si="151"/>
        <v>1.019803902718557</v>
      </c>
      <c r="NEV7" s="9">
        <f t="shared" si="151"/>
        <v>1.019803902718557</v>
      </c>
      <c r="NEW7" s="9">
        <f t="shared" si="151"/>
        <v>1.019803902718557</v>
      </c>
      <c r="NEX7" s="9">
        <f t="shared" si="151"/>
        <v>1.019803902718557</v>
      </c>
      <c r="NEY7" s="9">
        <f t="shared" si="151"/>
        <v>1.019803902718557</v>
      </c>
      <c r="NEZ7" s="9">
        <f t="shared" si="151"/>
        <v>1.019803902718557</v>
      </c>
      <c r="NFA7" s="9">
        <f t="shared" si="151"/>
        <v>1.019803902718557</v>
      </c>
      <c r="NFB7" s="9">
        <f t="shared" si="151"/>
        <v>1.019803902718557</v>
      </c>
      <c r="NFC7" s="9">
        <f t="shared" si="151"/>
        <v>1.019803902718557</v>
      </c>
      <c r="NFD7" s="9">
        <f t="shared" si="151"/>
        <v>1.019803902718557</v>
      </c>
      <c r="NFE7" s="9">
        <f t="shared" si="151"/>
        <v>1.019803902718557</v>
      </c>
      <c r="NFF7" s="9">
        <f t="shared" si="151"/>
        <v>1.019803902718557</v>
      </c>
      <c r="NFG7" s="9">
        <f t="shared" si="151"/>
        <v>1.019803902718557</v>
      </c>
      <c r="NFH7" s="9">
        <f t="shared" si="151"/>
        <v>1.019803902718557</v>
      </c>
      <c r="NFI7" s="9">
        <f t="shared" si="151"/>
        <v>1.019803902718557</v>
      </c>
      <c r="NFJ7" s="9">
        <f t="shared" si="151"/>
        <v>1.019803902718557</v>
      </c>
      <c r="NFK7" s="9">
        <f t="shared" si="151"/>
        <v>1.019803902718557</v>
      </c>
      <c r="NFL7" s="9">
        <f t="shared" si="151"/>
        <v>1.019803902718557</v>
      </c>
      <c r="NFM7" s="9">
        <f t="shared" si="151"/>
        <v>1.019803902718557</v>
      </c>
      <c r="NFN7" s="9">
        <f t="shared" si="151"/>
        <v>1.019803902718557</v>
      </c>
      <c r="NFO7" s="9">
        <f t="shared" si="151"/>
        <v>1.019803902718557</v>
      </c>
      <c r="NFP7" s="9">
        <f t="shared" si="151"/>
        <v>1.019803902718557</v>
      </c>
      <c r="NFQ7" s="9">
        <f t="shared" si="151"/>
        <v>1.019803902718557</v>
      </c>
      <c r="NFR7" s="9">
        <f t="shared" si="151"/>
        <v>1.019803902718557</v>
      </c>
      <c r="NFS7" s="9">
        <f t="shared" si="151"/>
        <v>1.019803902718557</v>
      </c>
      <c r="NFT7" s="9">
        <f t="shared" si="151"/>
        <v>1.019803902718557</v>
      </c>
      <c r="NFU7" s="9">
        <f t="shared" si="151"/>
        <v>1.019803902718557</v>
      </c>
      <c r="NFV7" s="9">
        <f t="shared" si="151"/>
        <v>1.019803902718557</v>
      </c>
      <c r="NFW7" s="9">
        <f t="shared" si="151"/>
        <v>1.019803902718557</v>
      </c>
      <c r="NFX7" s="9">
        <f t="shared" si="151"/>
        <v>1.019803902718557</v>
      </c>
      <c r="NFY7" s="9">
        <f t="shared" si="151"/>
        <v>1.019803902718557</v>
      </c>
      <c r="NFZ7" s="9">
        <f t="shared" si="151"/>
        <v>1.019803902718557</v>
      </c>
      <c r="NGA7" s="9">
        <f t="shared" si="151"/>
        <v>1.019803902718557</v>
      </c>
      <c r="NGB7" s="9">
        <f t="shared" si="151"/>
        <v>1.019803902718557</v>
      </c>
      <c r="NGC7" s="9">
        <f t="shared" si="151"/>
        <v>1.019803902718557</v>
      </c>
      <c r="NGD7" s="9">
        <f t="shared" si="151"/>
        <v>1.019803902718557</v>
      </c>
      <c r="NGE7" s="9">
        <f t="shared" si="151"/>
        <v>1.019803902718557</v>
      </c>
      <c r="NGF7" s="9">
        <f t="shared" si="151"/>
        <v>1.019803902718557</v>
      </c>
      <c r="NGG7" s="9">
        <f t="shared" si="151"/>
        <v>1.019803902718557</v>
      </c>
      <c r="NGH7" s="9">
        <f t="shared" si="151"/>
        <v>1.019803902718557</v>
      </c>
      <c r="NGI7" s="9">
        <f t="shared" si="151"/>
        <v>1.019803902718557</v>
      </c>
      <c r="NGJ7" s="9">
        <f t="shared" si="151"/>
        <v>1.019803902718557</v>
      </c>
      <c r="NGK7" s="9">
        <f t="shared" si="151"/>
        <v>1.019803902718557</v>
      </c>
      <c r="NGL7" s="9">
        <f t="shared" si="151"/>
        <v>1.019803902718557</v>
      </c>
      <c r="NGM7" s="9">
        <f t="shared" si="151"/>
        <v>1.019803902718557</v>
      </c>
      <c r="NGN7" s="9">
        <f t="shared" si="151"/>
        <v>1.019803902718557</v>
      </c>
      <c r="NGO7" s="9">
        <f t="shared" si="151"/>
        <v>1.019803902718557</v>
      </c>
      <c r="NGP7" s="9">
        <f t="shared" si="151"/>
        <v>1.019803902718557</v>
      </c>
      <c r="NGQ7" s="9">
        <f t="shared" si="151"/>
        <v>1.019803902718557</v>
      </c>
      <c r="NGR7" s="9">
        <f t="shared" si="151"/>
        <v>1.019803902718557</v>
      </c>
      <c r="NGS7" s="9">
        <f t="shared" si="151"/>
        <v>1.019803902718557</v>
      </c>
      <c r="NGT7" s="9">
        <f t="shared" si="151"/>
        <v>1.019803902718557</v>
      </c>
      <c r="NGU7" s="9">
        <f t="shared" si="151"/>
        <v>1.019803902718557</v>
      </c>
      <c r="NGV7" s="9">
        <f t="shared" si="151"/>
        <v>1.019803902718557</v>
      </c>
      <c r="NGW7" s="9">
        <f t="shared" si="151"/>
        <v>1.019803902718557</v>
      </c>
      <c r="NGX7" s="9">
        <f t="shared" si="151"/>
        <v>1.019803902718557</v>
      </c>
      <c r="NGY7" s="9">
        <f t="shared" si="151"/>
        <v>1.019803902718557</v>
      </c>
      <c r="NGZ7" s="9">
        <f t="shared" si="151"/>
        <v>1.019803902718557</v>
      </c>
      <c r="NHA7" s="9">
        <f t="shared" si="151"/>
        <v>1.019803902718557</v>
      </c>
      <c r="NHB7" s="9">
        <f t="shared" ref="NHB7:NJM7" si="152">1/((1+$F$6) ^(NHB3-$F$7))</f>
        <v>1.019803902718557</v>
      </c>
      <c r="NHC7" s="9">
        <f t="shared" si="152"/>
        <v>1.019803902718557</v>
      </c>
      <c r="NHD7" s="9">
        <f t="shared" si="152"/>
        <v>1.019803902718557</v>
      </c>
      <c r="NHE7" s="9">
        <f t="shared" si="152"/>
        <v>1.019803902718557</v>
      </c>
      <c r="NHF7" s="9">
        <f t="shared" si="152"/>
        <v>1.019803902718557</v>
      </c>
      <c r="NHG7" s="9">
        <f t="shared" si="152"/>
        <v>1.019803902718557</v>
      </c>
      <c r="NHH7" s="9">
        <f t="shared" si="152"/>
        <v>1.019803902718557</v>
      </c>
      <c r="NHI7" s="9">
        <f t="shared" si="152"/>
        <v>1.019803902718557</v>
      </c>
      <c r="NHJ7" s="9">
        <f t="shared" si="152"/>
        <v>1.019803902718557</v>
      </c>
      <c r="NHK7" s="9">
        <f t="shared" si="152"/>
        <v>1.019803902718557</v>
      </c>
      <c r="NHL7" s="9">
        <f t="shared" si="152"/>
        <v>1.019803902718557</v>
      </c>
      <c r="NHM7" s="9">
        <f t="shared" si="152"/>
        <v>1.019803902718557</v>
      </c>
      <c r="NHN7" s="9">
        <f t="shared" si="152"/>
        <v>1.019803902718557</v>
      </c>
      <c r="NHO7" s="9">
        <f t="shared" si="152"/>
        <v>1.019803902718557</v>
      </c>
      <c r="NHP7" s="9">
        <f t="shared" si="152"/>
        <v>1.019803902718557</v>
      </c>
      <c r="NHQ7" s="9">
        <f t="shared" si="152"/>
        <v>1.019803902718557</v>
      </c>
      <c r="NHR7" s="9">
        <f t="shared" si="152"/>
        <v>1.019803902718557</v>
      </c>
      <c r="NHS7" s="9">
        <f t="shared" si="152"/>
        <v>1.019803902718557</v>
      </c>
      <c r="NHT7" s="9">
        <f t="shared" si="152"/>
        <v>1.019803902718557</v>
      </c>
      <c r="NHU7" s="9">
        <f t="shared" si="152"/>
        <v>1.019803902718557</v>
      </c>
      <c r="NHV7" s="9">
        <f t="shared" si="152"/>
        <v>1.019803902718557</v>
      </c>
      <c r="NHW7" s="9">
        <f t="shared" si="152"/>
        <v>1.019803902718557</v>
      </c>
      <c r="NHX7" s="9">
        <f t="shared" si="152"/>
        <v>1.019803902718557</v>
      </c>
      <c r="NHY7" s="9">
        <f t="shared" si="152"/>
        <v>1.019803902718557</v>
      </c>
      <c r="NHZ7" s="9">
        <f t="shared" si="152"/>
        <v>1.019803902718557</v>
      </c>
      <c r="NIA7" s="9">
        <f t="shared" si="152"/>
        <v>1.019803902718557</v>
      </c>
      <c r="NIB7" s="9">
        <f t="shared" si="152"/>
        <v>1.019803902718557</v>
      </c>
      <c r="NIC7" s="9">
        <f t="shared" si="152"/>
        <v>1.019803902718557</v>
      </c>
      <c r="NID7" s="9">
        <f t="shared" si="152"/>
        <v>1.019803902718557</v>
      </c>
      <c r="NIE7" s="9">
        <f t="shared" si="152"/>
        <v>1.019803902718557</v>
      </c>
      <c r="NIF7" s="9">
        <f t="shared" si="152"/>
        <v>1.019803902718557</v>
      </c>
      <c r="NIG7" s="9">
        <f t="shared" si="152"/>
        <v>1.019803902718557</v>
      </c>
      <c r="NIH7" s="9">
        <f t="shared" si="152"/>
        <v>1.019803902718557</v>
      </c>
      <c r="NII7" s="9">
        <f t="shared" si="152"/>
        <v>1.019803902718557</v>
      </c>
      <c r="NIJ7" s="9">
        <f t="shared" si="152"/>
        <v>1.019803902718557</v>
      </c>
      <c r="NIK7" s="9">
        <f t="shared" si="152"/>
        <v>1.019803902718557</v>
      </c>
      <c r="NIL7" s="9">
        <f t="shared" si="152"/>
        <v>1.019803902718557</v>
      </c>
      <c r="NIM7" s="9">
        <f t="shared" si="152"/>
        <v>1.019803902718557</v>
      </c>
      <c r="NIN7" s="9">
        <f t="shared" si="152"/>
        <v>1.019803902718557</v>
      </c>
      <c r="NIO7" s="9">
        <f t="shared" si="152"/>
        <v>1.019803902718557</v>
      </c>
      <c r="NIP7" s="9">
        <f t="shared" si="152"/>
        <v>1.019803902718557</v>
      </c>
      <c r="NIQ7" s="9">
        <f t="shared" si="152"/>
        <v>1.019803902718557</v>
      </c>
      <c r="NIR7" s="9">
        <f t="shared" si="152"/>
        <v>1.019803902718557</v>
      </c>
      <c r="NIS7" s="9">
        <f t="shared" si="152"/>
        <v>1.019803902718557</v>
      </c>
      <c r="NIT7" s="9">
        <f t="shared" si="152"/>
        <v>1.019803902718557</v>
      </c>
      <c r="NIU7" s="9">
        <f t="shared" si="152"/>
        <v>1.019803902718557</v>
      </c>
      <c r="NIV7" s="9">
        <f t="shared" si="152"/>
        <v>1.019803902718557</v>
      </c>
      <c r="NIW7" s="9">
        <f t="shared" si="152"/>
        <v>1.019803902718557</v>
      </c>
      <c r="NIX7" s="9">
        <f t="shared" si="152"/>
        <v>1.019803902718557</v>
      </c>
      <c r="NIY7" s="9">
        <f t="shared" si="152"/>
        <v>1.019803902718557</v>
      </c>
      <c r="NIZ7" s="9">
        <f t="shared" si="152"/>
        <v>1.019803902718557</v>
      </c>
      <c r="NJA7" s="9">
        <f t="shared" si="152"/>
        <v>1.019803902718557</v>
      </c>
      <c r="NJB7" s="9">
        <f t="shared" si="152"/>
        <v>1.019803902718557</v>
      </c>
      <c r="NJC7" s="9">
        <f t="shared" si="152"/>
        <v>1.019803902718557</v>
      </c>
      <c r="NJD7" s="9">
        <f t="shared" si="152"/>
        <v>1.019803902718557</v>
      </c>
      <c r="NJE7" s="9">
        <f t="shared" si="152"/>
        <v>1.019803902718557</v>
      </c>
      <c r="NJF7" s="9">
        <f t="shared" si="152"/>
        <v>1.019803902718557</v>
      </c>
      <c r="NJG7" s="9">
        <f t="shared" si="152"/>
        <v>1.019803902718557</v>
      </c>
      <c r="NJH7" s="9">
        <f t="shared" si="152"/>
        <v>1.019803902718557</v>
      </c>
      <c r="NJI7" s="9">
        <f t="shared" si="152"/>
        <v>1.019803902718557</v>
      </c>
      <c r="NJJ7" s="9">
        <f t="shared" si="152"/>
        <v>1.019803902718557</v>
      </c>
      <c r="NJK7" s="9">
        <f t="shared" si="152"/>
        <v>1.019803902718557</v>
      </c>
      <c r="NJL7" s="9">
        <f t="shared" si="152"/>
        <v>1.019803902718557</v>
      </c>
      <c r="NJM7" s="9">
        <f t="shared" si="152"/>
        <v>1.019803902718557</v>
      </c>
      <c r="NJN7" s="9">
        <f t="shared" ref="NJN7:NLY7" si="153">1/((1+$F$6) ^(NJN3-$F$7))</f>
        <v>1.019803902718557</v>
      </c>
      <c r="NJO7" s="9">
        <f t="shared" si="153"/>
        <v>1.019803902718557</v>
      </c>
      <c r="NJP7" s="9">
        <f t="shared" si="153"/>
        <v>1.019803902718557</v>
      </c>
      <c r="NJQ7" s="9">
        <f t="shared" si="153"/>
        <v>1.019803902718557</v>
      </c>
      <c r="NJR7" s="9">
        <f t="shared" si="153"/>
        <v>1.019803902718557</v>
      </c>
      <c r="NJS7" s="9">
        <f t="shared" si="153"/>
        <v>1.019803902718557</v>
      </c>
      <c r="NJT7" s="9">
        <f t="shared" si="153"/>
        <v>1.019803902718557</v>
      </c>
      <c r="NJU7" s="9">
        <f t="shared" si="153"/>
        <v>1.019803902718557</v>
      </c>
      <c r="NJV7" s="9">
        <f t="shared" si="153"/>
        <v>1.019803902718557</v>
      </c>
      <c r="NJW7" s="9">
        <f t="shared" si="153"/>
        <v>1.019803902718557</v>
      </c>
      <c r="NJX7" s="9">
        <f t="shared" si="153"/>
        <v>1.019803902718557</v>
      </c>
      <c r="NJY7" s="9">
        <f t="shared" si="153"/>
        <v>1.019803902718557</v>
      </c>
      <c r="NJZ7" s="9">
        <f t="shared" si="153"/>
        <v>1.019803902718557</v>
      </c>
      <c r="NKA7" s="9">
        <f t="shared" si="153"/>
        <v>1.019803902718557</v>
      </c>
      <c r="NKB7" s="9">
        <f t="shared" si="153"/>
        <v>1.019803902718557</v>
      </c>
      <c r="NKC7" s="9">
        <f t="shared" si="153"/>
        <v>1.019803902718557</v>
      </c>
      <c r="NKD7" s="9">
        <f t="shared" si="153"/>
        <v>1.019803902718557</v>
      </c>
      <c r="NKE7" s="9">
        <f t="shared" si="153"/>
        <v>1.019803902718557</v>
      </c>
      <c r="NKF7" s="9">
        <f t="shared" si="153"/>
        <v>1.019803902718557</v>
      </c>
      <c r="NKG7" s="9">
        <f t="shared" si="153"/>
        <v>1.019803902718557</v>
      </c>
      <c r="NKH7" s="9">
        <f t="shared" si="153"/>
        <v>1.019803902718557</v>
      </c>
      <c r="NKI7" s="9">
        <f t="shared" si="153"/>
        <v>1.019803902718557</v>
      </c>
      <c r="NKJ7" s="9">
        <f t="shared" si="153"/>
        <v>1.019803902718557</v>
      </c>
      <c r="NKK7" s="9">
        <f t="shared" si="153"/>
        <v>1.019803902718557</v>
      </c>
      <c r="NKL7" s="9">
        <f t="shared" si="153"/>
        <v>1.019803902718557</v>
      </c>
      <c r="NKM7" s="9">
        <f t="shared" si="153"/>
        <v>1.019803902718557</v>
      </c>
      <c r="NKN7" s="9">
        <f t="shared" si="153"/>
        <v>1.019803902718557</v>
      </c>
      <c r="NKO7" s="9">
        <f t="shared" si="153"/>
        <v>1.019803902718557</v>
      </c>
      <c r="NKP7" s="9">
        <f t="shared" si="153"/>
        <v>1.019803902718557</v>
      </c>
      <c r="NKQ7" s="9">
        <f t="shared" si="153"/>
        <v>1.019803902718557</v>
      </c>
      <c r="NKR7" s="9">
        <f t="shared" si="153"/>
        <v>1.019803902718557</v>
      </c>
      <c r="NKS7" s="9">
        <f t="shared" si="153"/>
        <v>1.019803902718557</v>
      </c>
      <c r="NKT7" s="9">
        <f t="shared" si="153"/>
        <v>1.019803902718557</v>
      </c>
      <c r="NKU7" s="9">
        <f t="shared" si="153"/>
        <v>1.019803902718557</v>
      </c>
      <c r="NKV7" s="9">
        <f t="shared" si="153"/>
        <v>1.019803902718557</v>
      </c>
      <c r="NKW7" s="9">
        <f t="shared" si="153"/>
        <v>1.019803902718557</v>
      </c>
      <c r="NKX7" s="9">
        <f t="shared" si="153"/>
        <v>1.019803902718557</v>
      </c>
      <c r="NKY7" s="9">
        <f t="shared" si="153"/>
        <v>1.019803902718557</v>
      </c>
      <c r="NKZ7" s="9">
        <f t="shared" si="153"/>
        <v>1.019803902718557</v>
      </c>
      <c r="NLA7" s="9">
        <f t="shared" si="153"/>
        <v>1.019803902718557</v>
      </c>
      <c r="NLB7" s="9">
        <f t="shared" si="153"/>
        <v>1.019803902718557</v>
      </c>
      <c r="NLC7" s="9">
        <f t="shared" si="153"/>
        <v>1.019803902718557</v>
      </c>
      <c r="NLD7" s="9">
        <f t="shared" si="153"/>
        <v>1.019803902718557</v>
      </c>
      <c r="NLE7" s="9">
        <f t="shared" si="153"/>
        <v>1.019803902718557</v>
      </c>
      <c r="NLF7" s="9">
        <f t="shared" si="153"/>
        <v>1.019803902718557</v>
      </c>
      <c r="NLG7" s="9">
        <f t="shared" si="153"/>
        <v>1.019803902718557</v>
      </c>
      <c r="NLH7" s="9">
        <f t="shared" si="153"/>
        <v>1.019803902718557</v>
      </c>
      <c r="NLI7" s="9">
        <f t="shared" si="153"/>
        <v>1.019803902718557</v>
      </c>
      <c r="NLJ7" s="9">
        <f t="shared" si="153"/>
        <v>1.019803902718557</v>
      </c>
      <c r="NLK7" s="9">
        <f t="shared" si="153"/>
        <v>1.019803902718557</v>
      </c>
      <c r="NLL7" s="9">
        <f t="shared" si="153"/>
        <v>1.019803902718557</v>
      </c>
      <c r="NLM7" s="9">
        <f t="shared" si="153"/>
        <v>1.019803902718557</v>
      </c>
      <c r="NLN7" s="9">
        <f t="shared" si="153"/>
        <v>1.019803902718557</v>
      </c>
      <c r="NLO7" s="9">
        <f t="shared" si="153"/>
        <v>1.019803902718557</v>
      </c>
      <c r="NLP7" s="9">
        <f t="shared" si="153"/>
        <v>1.019803902718557</v>
      </c>
      <c r="NLQ7" s="9">
        <f t="shared" si="153"/>
        <v>1.019803902718557</v>
      </c>
      <c r="NLR7" s="9">
        <f t="shared" si="153"/>
        <v>1.019803902718557</v>
      </c>
      <c r="NLS7" s="9">
        <f t="shared" si="153"/>
        <v>1.019803902718557</v>
      </c>
      <c r="NLT7" s="9">
        <f t="shared" si="153"/>
        <v>1.019803902718557</v>
      </c>
      <c r="NLU7" s="9">
        <f t="shared" si="153"/>
        <v>1.019803902718557</v>
      </c>
      <c r="NLV7" s="9">
        <f t="shared" si="153"/>
        <v>1.019803902718557</v>
      </c>
      <c r="NLW7" s="9">
        <f t="shared" si="153"/>
        <v>1.019803902718557</v>
      </c>
      <c r="NLX7" s="9">
        <f t="shared" si="153"/>
        <v>1.019803902718557</v>
      </c>
      <c r="NLY7" s="9">
        <f t="shared" si="153"/>
        <v>1.019803902718557</v>
      </c>
      <c r="NLZ7" s="9">
        <f t="shared" ref="NLZ7:NOK7" si="154">1/((1+$F$6) ^(NLZ3-$F$7))</f>
        <v>1.019803902718557</v>
      </c>
      <c r="NMA7" s="9">
        <f t="shared" si="154"/>
        <v>1.019803902718557</v>
      </c>
      <c r="NMB7" s="9">
        <f t="shared" si="154"/>
        <v>1.019803902718557</v>
      </c>
      <c r="NMC7" s="9">
        <f t="shared" si="154"/>
        <v>1.019803902718557</v>
      </c>
      <c r="NMD7" s="9">
        <f t="shared" si="154"/>
        <v>1.019803902718557</v>
      </c>
      <c r="NME7" s="9">
        <f t="shared" si="154"/>
        <v>1.019803902718557</v>
      </c>
      <c r="NMF7" s="9">
        <f t="shared" si="154"/>
        <v>1.019803902718557</v>
      </c>
      <c r="NMG7" s="9">
        <f t="shared" si="154"/>
        <v>1.019803902718557</v>
      </c>
      <c r="NMH7" s="9">
        <f t="shared" si="154"/>
        <v>1.019803902718557</v>
      </c>
      <c r="NMI7" s="9">
        <f t="shared" si="154"/>
        <v>1.019803902718557</v>
      </c>
      <c r="NMJ7" s="9">
        <f t="shared" si="154"/>
        <v>1.019803902718557</v>
      </c>
      <c r="NMK7" s="9">
        <f t="shared" si="154"/>
        <v>1.019803902718557</v>
      </c>
      <c r="NML7" s="9">
        <f t="shared" si="154"/>
        <v>1.019803902718557</v>
      </c>
      <c r="NMM7" s="9">
        <f t="shared" si="154"/>
        <v>1.019803902718557</v>
      </c>
      <c r="NMN7" s="9">
        <f t="shared" si="154"/>
        <v>1.019803902718557</v>
      </c>
      <c r="NMO7" s="9">
        <f t="shared" si="154"/>
        <v>1.019803902718557</v>
      </c>
      <c r="NMP7" s="9">
        <f t="shared" si="154"/>
        <v>1.019803902718557</v>
      </c>
      <c r="NMQ7" s="9">
        <f t="shared" si="154"/>
        <v>1.019803902718557</v>
      </c>
      <c r="NMR7" s="9">
        <f t="shared" si="154"/>
        <v>1.019803902718557</v>
      </c>
      <c r="NMS7" s="9">
        <f t="shared" si="154"/>
        <v>1.019803902718557</v>
      </c>
      <c r="NMT7" s="9">
        <f t="shared" si="154"/>
        <v>1.019803902718557</v>
      </c>
      <c r="NMU7" s="9">
        <f t="shared" si="154"/>
        <v>1.019803902718557</v>
      </c>
      <c r="NMV7" s="9">
        <f t="shared" si="154"/>
        <v>1.019803902718557</v>
      </c>
      <c r="NMW7" s="9">
        <f t="shared" si="154"/>
        <v>1.019803902718557</v>
      </c>
      <c r="NMX7" s="9">
        <f t="shared" si="154"/>
        <v>1.019803902718557</v>
      </c>
      <c r="NMY7" s="9">
        <f t="shared" si="154"/>
        <v>1.019803902718557</v>
      </c>
      <c r="NMZ7" s="9">
        <f t="shared" si="154"/>
        <v>1.019803902718557</v>
      </c>
      <c r="NNA7" s="9">
        <f t="shared" si="154"/>
        <v>1.019803902718557</v>
      </c>
      <c r="NNB7" s="9">
        <f t="shared" si="154"/>
        <v>1.019803902718557</v>
      </c>
      <c r="NNC7" s="9">
        <f t="shared" si="154"/>
        <v>1.019803902718557</v>
      </c>
      <c r="NND7" s="9">
        <f t="shared" si="154"/>
        <v>1.019803902718557</v>
      </c>
      <c r="NNE7" s="9">
        <f t="shared" si="154"/>
        <v>1.019803902718557</v>
      </c>
      <c r="NNF7" s="9">
        <f t="shared" si="154"/>
        <v>1.019803902718557</v>
      </c>
      <c r="NNG7" s="9">
        <f t="shared" si="154"/>
        <v>1.019803902718557</v>
      </c>
      <c r="NNH7" s="9">
        <f t="shared" si="154"/>
        <v>1.019803902718557</v>
      </c>
      <c r="NNI7" s="9">
        <f t="shared" si="154"/>
        <v>1.019803902718557</v>
      </c>
      <c r="NNJ7" s="9">
        <f t="shared" si="154"/>
        <v>1.019803902718557</v>
      </c>
      <c r="NNK7" s="9">
        <f t="shared" si="154"/>
        <v>1.019803902718557</v>
      </c>
      <c r="NNL7" s="9">
        <f t="shared" si="154"/>
        <v>1.019803902718557</v>
      </c>
      <c r="NNM7" s="9">
        <f t="shared" si="154"/>
        <v>1.019803902718557</v>
      </c>
      <c r="NNN7" s="9">
        <f t="shared" si="154"/>
        <v>1.019803902718557</v>
      </c>
      <c r="NNO7" s="9">
        <f t="shared" si="154"/>
        <v>1.019803902718557</v>
      </c>
      <c r="NNP7" s="9">
        <f t="shared" si="154"/>
        <v>1.019803902718557</v>
      </c>
      <c r="NNQ7" s="9">
        <f t="shared" si="154"/>
        <v>1.019803902718557</v>
      </c>
      <c r="NNR7" s="9">
        <f t="shared" si="154"/>
        <v>1.019803902718557</v>
      </c>
      <c r="NNS7" s="9">
        <f t="shared" si="154"/>
        <v>1.019803902718557</v>
      </c>
      <c r="NNT7" s="9">
        <f t="shared" si="154"/>
        <v>1.019803902718557</v>
      </c>
      <c r="NNU7" s="9">
        <f t="shared" si="154"/>
        <v>1.019803902718557</v>
      </c>
      <c r="NNV7" s="9">
        <f t="shared" si="154"/>
        <v>1.019803902718557</v>
      </c>
      <c r="NNW7" s="9">
        <f t="shared" si="154"/>
        <v>1.019803902718557</v>
      </c>
      <c r="NNX7" s="9">
        <f t="shared" si="154"/>
        <v>1.019803902718557</v>
      </c>
      <c r="NNY7" s="9">
        <f t="shared" si="154"/>
        <v>1.019803902718557</v>
      </c>
      <c r="NNZ7" s="9">
        <f t="shared" si="154"/>
        <v>1.019803902718557</v>
      </c>
      <c r="NOA7" s="9">
        <f t="shared" si="154"/>
        <v>1.019803902718557</v>
      </c>
      <c r="NOB7" s="9">
        <f t="shared" si="154"/>
        <v>1.019803902718557</v>
      </c>
      <c r="NOC7" s="9">
        <f t="shared" si="154"/>
        <v>1.019803902718557</v>
      </c>
      <c r="NOD7" s="9">
        <f t="shared" si="154"/>
        <v>1.019803902718557</v>
      </c>
      <c r="NOE7" s="9">
        <f t="shared" si="154"/>
        <v>1.019803902718557</v>
      </c>
      <c r="NOF7" s="9">
        <f t="shared" si="154"/>
        <v>1.019803902718557</v>
      </c>
      <c r="NOG7" s="9">
        <f t="shared" si="154"/>
        <v>1.019803902718557</v>
      </c>
      <c r="NOH7" s="9">
        <f t="shared" si="154"/>
        <v>1.019803902718557</v>
      </c>
      <c r="NOI7" s="9">
        <f t="shared" si="154"/>
        <v>1.019803902718557</v>
      </c>
      <c r="NOJ7" s="9">
        <f t="shared" si="154"/>
        <v>1.019803902718557</v>
      </c>
      <c r="NOK7" s="9">
        <f t="shared" si="154"/>
        <v>1.019803902718557</v>
      </c>
      <c r="NOL7" s="9">
        <f t="shared" ref="NOL7:NQW7" si="155">1/((1+$F$6) ^(NOL3-$F$7))</f>
        <v>1.019803902718557</v>
      </c>
      <c r="NOM7" s="9">
        <f t="shared" si="155"/>
        <v>1.019803902718557</v>
      </c>
      <c r="NON7" s="9">
        <f t="shared" si="155"/>
        <v>1.019803902718557</v>
      </c>
      <c r="NOO7" s="9">
        <f t="shared" si="155"/>
        <v>1.019803902718557</v>
      </c>
      <c r="NOP7" s="9">
        <f t="shared" si="155"/>
        <v>1.019803902718557</v>
      </c>
      <c r="NOQ7" s="9">
        <f t="shared" si="155"/>
        <v>1.019803902718557</v>
      </c>
      <c r="NOR7" s="9">
        <f t="shared" si="155"/>
        <v>1.019803902718557</v>
      </c>
      <c r="NOS7" s="9">
        <f t="shared" si="155"/>
        <v>1.019803902718557</v>
      </c>
      <c r="NOT7" s="9">
        <f t="shared" si="155"/>
        <v>1.019803902718557</v>
      </c>
      <c r="NOU7" s="9">
        <f t="shared" si="155"/>
        <v>1.019803902718557</v>
      </c>
      <c r="NOV7" s="9">
        <f t="shared" si="155"/>
        <v>1.019803902718557</v>
      </c>
      <c r="NOW7" s="9">
        <f t="shared" si="155"/>
        <v>1.019803902718557</v>
      </c>
      <c r="NOX7" s="9">
        <f t="shared" si="155"/>
        <v>1.019803902718557</v>
      </c>
      <c r="NOY7" s="9">
        <f t="shared" si="155"/>
        <v>1.019803902718557</v>
      </c>
      <c r="NOZ7" s="9">
        <f t="shared" si="155"/>
        <v>1.019803902718557</v>
      </c>
      <c r="NPA7" s="9">
        <f t="shared" si="155"/>
        <v>1.019803902718557</v>
      </c>
      <c r="NPB7" s="9">
        <f t="shared" si="155"/>
        <v>1.019803902718557</v>
      </c>
      <c r="NPC7" s="9">
        <f t="shared" si="155"/>
        <v>1.019803902718557</v>
      </c>
      <c r="NPD7" s="9">
        <f t="shared" si="155"/>
        <v>1.019803902718557</v>
      </c>
      <c r="NPE7" s="9">
        <f t="shared" si="155"/>
        <v>1.019803902718557</v>
      </c>
      <c r="NPF7" s="9">
        <f t="shared" si="155"/>
        <v>1.019803902718557</v>
      </c>
      <c r="NPG7" s="9">
        <f t="shared" si="155"/>
        <v>1.019803902718557</v>
      </c>
      <c r="NPH7" s="9">
        <f t="shared" si="155"/>
        <v>1.019803902718557</v>
      </c>
      <c r="NPI7" s="9">
        <f t="shared" si="155"/>
        <v>1.019803902718557</v>
      </c>
      <c r="NPJ7" s="9">
        <f t="shared" si="155"/>
        <v>1.019803902718557</v>
      </c>
      <c r="NPK7" s="9">
        <f t="shared" si="155"/>
        <v>1.019803902718557</v>
      </c>
      <c r="NPL7" s="9">
        <f t="shared" si="155"/>
        <v>1.019803902718557</v>
      </c>
      <c r="NPM7" s="9">
        <f t="shared" si="155"/>
        <v>1.019803902718557</v>
      </c>
      <c r="NPN7" s="9">
        <f t="shared" si="155"/>
        <v>1.019803902718557</v>
      </c>
      <c r="NPO7" s="9">
        <f t="shared" si="155"/>
        <v>1.019803902718557</v>
      </c>
      <c r="NPP7" s="9">
        <f t="shared" si="155"/>
        <v>1.019803902718557</v>
      </c>
      <c r="NPQ7" s="9">
        <f t="shared" si="155"/>
        <v>1.019803902718557</v>
      </c>
      <c r="NPR7" s="9">
        <f t="shared" si="155"/>
        <v>1.019803902718557</v>
      </c>
      <c r="NPS7" s="9">
        <f t="shared" si="155"/>
        <v>1.019803902718557</v>
      </c>
      <c r="NPT7" s="9">
        <f t="shared" si="155"/>
        <v>1.019803902718557</v>
      </c>
      <c r="NPU7" s="9">
        <f t="shared" si="155"/>
        <v>1.019803902718557</v>
      </c>
      <c r="NPV7" s="9">
        <f t="shared" si="155"/>
        <v>1.019803902718557</v>
      </c>
      <c r="NPW7" s="9">
        <f t="shared" si="155"/>
        <v>1.019803902718557</v>
      </c>
      <c r="NPX7" s="9">
        <f t="shared" si="155"/>
        <v>1.019803902718557</v>
      </c>
      <c r="NPY7" s="9">
        <f t="shared" si="155"/>
        <v>1.019803902718557</v>
      </c>
      <c r="NPZ7" s="9">
        <f t="shared" si="155"/>
        <v>1.019803902718557</v>
      </c>
      <c r="NQA7" s="9">
        <f t="shared" si="155"/>
        <v>1.019803902718557</v>
      </c>
      <c r="NQB7" s="9">
        <f t="shared" si="155"/>
        <v>1.019803902718557</v>
      </c>
      <c r="NQC7" s="9">
        <f t="shared" si="155"/>
        <v>1.019803902718557</v>
      </c>
      <c r="NQD7" s="9">
        <f t="shared" si="155"/>
        <v>1.019803902718557</v>
      </c>
      <c r="NQE7" s="9">
        <f t="shared" si="155"/>
        <v>1.019803902718557</v>
      </c>
      <c r="NQF7" s="9">
        <f t="shared" si="155"/>
        <v>1.019803902718557</v>
      </c>
      <c r="NQG7" s="9">
        <f t="shared" si="155"/>
        <v>1.019803902718557</v>
      </c>
      <c r="NQH7" s="9">
        <f t="shared" si="155"/>
        <v>1.019803902718557</v>
      </c>
      <c r="NQI7" s="9">
        <f t="shared" si="155"/>
        <v>1.019803902718557</v>
      </c>
      <c r="NQJ7" s="9">
        <f t="shared" si="155"/>
        <v>1.019803902718557</v>
      </c>
      <c r="NQK7" s="9">
        <f t="shared" si="155"/>
        <v>1.019803902718557</v>
      </c>
      <c r="NQL7" s="9">
        <f t="shared" si="155"/>
        <v>1.019803902718557</v>
      </c>
      <c r="NQM7" s="9">
        <f t="shared" si="155"/>
        <v>1.019803902718557</v>
      </c>
      <c r="NQN7" s="9">
        <f t="shared" si="155"/>
        <v>1.019803902718557</v>
      </c>
      <c r="NQO7" s="9">
        <f t="shared" si="155"/>
        <v>1.019803902718557</v>
      </c>
      <c r="NQP7" s="9">
        <f t="shared" si="155"/>
        <v>1.019803902718557</v>
      </c>
      <c r="NQQ7" s="9">
        <f t="shared" si="155"/>
        <v>1.019803902718557</v>
      </c>
      <c r="NQR7" s="9">
        <f t="shared" si="155"/>
        <v>1.019803902718557</v>
      </c>
      <c r="NQS7" s="9">
        <f t="shared" si="155"/>
        <v>1.019803902718557</v>
      </c>
      <c r="NQT7" s="9">
        <f t="shared" si="155"/>
        <v>1.019803902718557</v>
      </c>
      <c r="NQU7" s="9">
        <f t="shared" si="155"/>
        <v>1.019803902718557</v>
      </c>
      <c r="NQV7" s="9">
        <f t="shared" si="155"/>
        <v>1.019803902718557</v>
      </c>
      <c r="NQW7" s="9">
        <f t="shared" si="155"/>
        <v>1.019803902718557</v>
      </c>
      <c r="NQX7" s="9">
        <f t="shared" ref="NQX7:NTI7" si="156">1/((1+$F$6) ^(NQX3-$F$7))</f>
        <v>1.019803902718557</v>
      </c>
      <c r="NQY7" s="9">
        <f t="shared" si="156"/>
        <v>1.019803902718557</v>
      </c>
      <c r="NQZ7" s="9">
        <f t="shared" si="156"/>
        <v>1.019803902718557</v>
      </c>
      <c r="NRA7" s="9">
        <f t="shared" si="156"/>
        <v>1.019803902718557</v>
      </c>
      <c r="NRB7" s="9">
        <f t="shared" si="156"/>
        <v>1.019803902718557</v>
      </c>
      <c r="NRC7" s="9">
        <f t="shared" si="156"/>
        <v>1.019803902718557</v>
      </c>
      <c r="NRD7" s="9">
        <f t="shared" si="156"/>
        <v>1.019803902718557</v>
      </c>
      <c r="NRE7" s="9">
        <f t="shared" si="156"/>
        <v>1.019803902718557</v>
      </c>
      <c r="NRF7" s="9">
        <f t="shared" si="156"/>
        <v>1.019803902718557</v>
      </c>
      <c r="NRG7" s="9">
        <f t="shared" si="156"/>
        <v>1.019803902718557</v>
      </c>
      <c r="NRH7" s="9">
        <f t="shared" si="156"/>
        <v>1.019803902718557</v>
      </c>
      <c r="NRI7" s="9">
        <f t="shared" si="156"/>
        <v>1.019803902718557</v>
      </c>
      <c r="NRJ7" s="9">
        <f t="shared" si="156"/>
        <v>1.019803902718557</v>
      </c>
      <c r="NRK7" s="9">
        <f t="shared" si="156"/>
        <v>1.019803902718557</v>
      </c>
      <c r="NRL7" s="9">
        <f t="shared" si="156"/>
        <v>1.019803902718557</v>
      </c>
      <c r="NRM7" s="9">
        <f t="shared" si="156"/>
        <v>1.019803902718557</v>
      </c>
      <c r="NRN7" s="9">
        <f t="shared" si="156"/>
        <v>1.019803902718557</v>
      </c>
      <c r="NRO7" s="9">
        <f t="shared" si="156"/>
        <v>1.019803902718557</v>
      </c>
      <c r="NRP7" s="9">
        <f t="shared" si="156"/>
        <v>1.019803902718557</v>
      </c>
      <c r="NRQ7" s="9">
        <f t="shared" si="156"/>
        <v>1.019803902718557</v>
      </c>
      <c r="NRR7" s="9">
        <f t="shared" si="156"/>
        <v>1.019803902718557</v>
      </c>
      <c r="NRS7" s="9">
        <f t="shared" si="156"/>
        <v>1.019803902718557</v>
      </c>
      <c r="NRT7" s="9">
        <f t="shared" si="156"/>
        <v>1.019803902718557</v>
      </c>
      <c r="NRU7" s="9">
        <f t="shared" si="156"/>
        <v>1.019803902718557</v>
      </c>
      <c r="NRV7" s="9">
        <f t="shared" si="156"/>
        <v>1.019803902718557</v>
      </c>
      <c r="NRW7" s="9">
        <f t="shared" si="156"/>
        <v>1.019803902718557</v>
      </c>
      <c r="NRX7" s="9">
        <f t="shared" si="156"/>
        <v>1.019803902718557</v>
      </c>
      <c r="NRY7" s="9">
        <f t="shared" si="156"/>
        <v>1.019803902718557</v>
      </c>
      <c r="NRZ7" s="9">
        <f t="shared" si="156"/>
        <v>1.019803902718557</v>
      </c>
      <c r="NSA7" s="9">
        <f t="shared" si="156"/>
        <v>1.019803902718557</v>
      </c>
      <c r="NSB7" s="9">
        <f t="shared" si="156"/>
        <v>1.019803902718557</v>
      </c>
      <c r="NSC7" s="9">
        <f t="shared" si="156"/>
        <v>1.019803902718557</v>
      </c>
      <c r="NSD7" s="9">
        <f t="shared" si="156"/>
        <v>1.019803902718557</v>
      </c>
      <c r="NSE7" s="9">
        <f t="shared" si="156"/>
        <v>1.019803902718557</v>
      </c>
      <c r="NSF7" s="9">
        <f t="shared" si="156"/>
        <v>1.019803902718557</v>
      </c>
      <c r="NSG7" s="9">
        <f t="shared" si="156"/>
        <v>1.019803902718557</v>
      </c>
      <c r="NSH7" s="9">
        <f t="shared" si="156"/>
        <v>1.019803902718557</v>
      </c>
      <c r="NSI7" s="9">
        <f t="shared" si="156"/>
        <v>1.019803902718557</v>
      </c>
      <c r="NSJ7" s="9">
        <f t="shared" si="156"/>
        <v>1.019803902718557</v>
      </c>
      <c r="NSK7" s="9">
        <f t="shared" si="156"/>
        <v>1.019803902718557</v>
      </c>
      <c r="NSL7" s="9">
        <f t="shared" si="156"/>
        <v>1.019803902718557</v>
      </c>
      <c r="NSM7" s="9">
        <f t="shared" si="156"/>
        <v>1.019803902718557</v>
      </c>
      <c r="NSN7" s="9">
        <f t="shared" si="156"/>
        <v>1.019803902718557</v>
      </c>
      <c r="NSO7" s="9">
        <f t="shared" si="156"/>
        <v>1.019803902718557</v>
      </c>
      <c r="NSP7" s="9">
        <f t="shared" si="156"/>
        <v>1.019803902718557</v>
      </c>
      <c r="NSQ7" s="9">
        <f t="shared" si="156"/>
        <v>1.019803902718557</v>
      </c>
      <c r="NSR7" s="9">
        <f t="shared" si="156"/>
        <v>1.019803902718557</v>
      </c>
      <c r="NSS7" s="9">
        <f t="shared" si="156"/>
        <v>1.019803902718557</v>
      </c>
      <c r="NST7" s="9">
        <f t="shared" si="156"/>
        <v>1.019803902718557</v>
      </c>
      <c r="NSU7" s="9">
        <f t="shared" si="156"/>
        <v>1.019803902718557</v>
      </c>
      <c r="NSV7" s="9">
        <f t="shared" si="156"/>
        <v>1.019803902718557</v>
      </c>
      <c r="NSW7" s="9">
        <f t="shared" si="156"/>
        <v>1.019803902718557</v>
      </c>
      <c r="NSX7" s="9">
        <f t="shared" si="156"/>
        <v>1.019803902718557</v>
      </c>
      <c r="NSY7" s="9">
        <f t="shared" si="156"/>
        <v>1.019803902718557</v>
      </c>
      <c r="NSZ7" s="9">
        <f t="shared" si="156"/>
        <v>1.019803902718557</v>
      </c>
      <c r="NTA7" s="9">
        <f t="shared" si="156"/>
        <v>1.019803902718557</v>
      </c>
      <c r="NTB7" s="9">
        <f t="shared" si="156"/>
        <v>1.019803902718557</v>
      </c>
      <c r="NTC7" s="9">
        <f t="shared" si="156"/>
        <v>1.019803902718557</v>
      </c>
      <c r="NTD7" s="9">
        <f t="shared" si="156"/>
        <v>1.019803902718557</v>
      </c>
      <c r="NTE7" s="9">
        <f t="shared" si="156"/>
        <v>1.019803902718557</v>
      </c>
      <c r="NTF7" s="9">
        <f t="shared" si="156"/>
        <v>1.019803902718557</v>
      </c>
      <c r="NTG7" s="9">
        <f t="shared" si="156"/>
        <v>1.019803902718557</v>
      </c>
      <c r="NTH7" s="9">
        <f t="shared" si="156"/>
        <v>1.019803902718557</v>
      </c>
      <c r="NTI7" s="9">
        <f t="shared" si="156"/>
        <v>1.019803902718557</v>
      </c>
      <c r="NTJ7" s="9">
        <f t="shared" ref="NTJ7:NVU7" si="157">1/((1+$F$6) ^(NTJ3-$F$7))</f>
        <v>1.019803902718557</v>
      </c>
      <c r="NTK7" s="9">
        <f t="shared" si="157"/>
        <v>1.019803902718557</v>
      </c>
      <c r="NTL7" s="9">
        <f t="shared" si="157"/>
        <v>1.019803902718557</v>
      </c>
      <c r="NTM7" s="9">
        <f t="shared" si="157"/>
        <v>1.019803902718557</v>
      </c>
      <c r="NTN7" s="9">
        <f t="shared" si="157"/>
        <v>1.019803902718557</v>
      </c>
      <c r="NTO7" s="9">
        <f t="shared" si="157"/>
        <v>1.019803902718557</v>
      </c>
      <c r="NTP7" s="9">
        <f t="shared" si="157"/>
        <v>1.019803902718557</v>
      </c>
      <c r="NTQ7" s="9">
        <f t="shared" si="157"/>
        <v>1.019803902718557</v>
      </c>
      <c r="NTR7" s="9">
        <f t="shared" si="157"/>
        <v>1.019803902718557</v>
      </c>
      <c r="NTS7" s="9">
        <f t="shared" si="157"/>
        <v>1.019803902718557</v>
      </c>
      <c r="NTT7" s="9">
        <f t="shared" si="157"/>
        <v>1.019803902718557</v>
      </c>
      <c r="NTU7" s="9">
        <f t="shared" si="157"/>
        <v>1.019803902718557</v>
      </c>
      <c r="NTV7" s="9">
        <f t="shared" si="157"/>
        <v>1.019803902718557</v>
      </c>
      <c r="NTW7" s="9">
        <f t="shared" si="157"/>
        <v>1.019803902718557</v>
      </c>
      <c r="NTX7" s="9">
        <f t="shared" si="157"/>
        <v>1.019803902718557</v>
      </c>
      <c r="NTY7" s="9">
        <f t="shared" si="157"/>
        <v>1.019803902718557</v>
      </c>
      <c r="NTZ7" s="9">
        <f t="shared" si="157"/>
        <v>1.019803902718557</v>
      </c>
      <c r="NUA7" s="9">
        <f t="shared" si="157"/>
        <v>1.019803902718557</v>
      </c>
      <c r="NUB7" s="9">
        <f t="shared" si="157"/>
        <v>1.019803902718557</v>
      </c>
      <c r="NUC7" s="9">
        <f t="shared" si="157"/>
        <v>1.019803902718557</v>
      </c>
      <c r="NUD7" s="9">
        <f t="shared" si="157"/>
        <v>1.019803902718557</v>
      </c>
      <c r="NUE7" s="9">
        <f t="shared" si="157"/>
        <v>1.019803902718557</v>
      </c>
      <c r="NUF7" s="9">
        <f t="shared" si="157"/>
        <v>1.019803902718557</v>
      </c>
      <c r="NUG7" s="9">
        <f t="shared" si="157"/>
        <v>1.019803902718557</v>
      </c>
      <c r="NUH7" s="9">
        <f t="shared" si="157"/>
        <v>1.019803902718557</v>
      </c>
      <c r="NUI7" s="9">
        <f t="shared" si="157"/>
        <v>1.019803902718557</v>
      </c>
      <c r="NUJ7" s="9">
        <f t="shared" si="157"/>
        <v>1.019803902718557</v>
      </c>
      <c r="NUK7" s="9">
        <f t="shared" si="157"/>
        <v>1.019803902718557</v>
      </c>
      <c r="NUL7" s="9">
        <f t="shared" si="157"/>
        <v>1.019803902718557</v>
      </c>
      <c r="NUM7" s="9">
        <f t="shared" si="157"/>
        <v>1.019803902718557</v>
      </c>
      <c r="NUN7" s="9">
        <f t="shared" si="157"/>
        <v>1.019803902718557</v>
      </c>
      <c r="NUO7" s="9">
        <f t="shared" si="157"/>
        <v>1.019803902718557</v>
      </c>
      <c r="NUP7" s="9">
        <f t="shared" si="157"/>
        <v>1.019803902718557</v>
      </c>
      <c r="NUQ7" s="9">
        <f t="shared" si="157"/>
        <v>1.019803902718557</v>
      </c>
      <c r="NUR7" s="9">
        <f t="shared" si="157"/>
        <v>1.019803902718557</v>
      </c>
      <c r="NUS7" s="9">
        <f t="shared" si="157"/>
        <v>1.019803902718557</v>
      </c>
      <c r="NUT7" s="9">
        <f t="shared" si="157"/>
        <v>1.019803902718557</v>
      </c>
      <c r="NUU7" s="9">
        <f t="shared" si="157"/>
        <v>1.019803902718557</v>
      </c>
      <c r="NUV7" s="9">
        <f t="shared" si="157"/>
        <v>1.019803902718557</v>
      </c>
      <c r="NUW7" s="9">
        <f t="shared" si="157"/>
        <v>1.019803902718557</v>
      </c>
      <c r="NUX7" s="9">
        <f t="shared" si="157"/>
        <v>1.019803902718557</v>
      </c>
      <c r="NUY7" s="9">
        <f t="shared" si="157"/>
        <v>1.019803902718557</v>
      </c>
      <c r="NUZ7" s="9">
        <f t="shared" si="157"/>
        <v>1.019803902718557</v>
      </c>
      <c r="NVA7" s="9">
        <f t="shared" si="157"/>
        <v>1.019803902718557</v>
      </c>
      <c r="NVB7" s="9">
        <f t="shared" si="157"/>
        <v>1.019803902718557</v>
      </c>
      <c r="NVC7" s="9">
        <f t="shared" si="157"/>
        <v>1.019803902718557</v>
      </c>
      <c r="NVD7" s="9">
        <f t="shared" si="157"/>
        <v>1.019803902718557</v>
      </c>
      <c r="NVE7" s="9">
        <f t="shared" si="157"/>
        <v>1.019803902718557</v>
      </c>
      <c r="NVF7" s="9">
        <f t="shared" si="157"/>
        <v>1.019803902718557</v>
      </c>
      <c r="NVG7" s="9">
        <f t="shared" si="157"/>
        <v>1.019803902718557</v>
      </c>
      <c r="NVH7" s="9">
        <f t="shared" si="157"/>
        <v>1.019803902718557</v>
      </c>
      <c r="NVI7" s="9">
        <f t="shared" si="157"/>
        <v>1.019803902718557</v>
      </c>
      <c r="NVJ7" s="9">
        <f t="shared" si="157"/>
        <v>1.019803902718557</v>
      </c>
      <c r="NVK7" s="9">
        <f t="shared" si="157"/>
        <v>1.019803902718557</v>
      </c>
      <c r="NVL7" s="9">
        <f t="shared" si="157"/>
        <v>1.019803902718557</v>
      </c>
      <c r="NVM7" s="9">
        <f t="shared" si="157"/>
        <v>1.019803902718557</v>
      </c>
      <c r="NVN7" s="9">
        <f t="shared" si="157"/>
        <v>1.019803902718557</v>
      </c>
      <c r="NVO7" s="9">
        <f t="shared" si="157"/>
        <v>1.019803902718557</v>
      </c>
      <c r="NVP7" s="9">
        <f t="shared" si="157"/>
        <v>1.019803902718557</v>
      </c>
      <c r="NVQ7" s="9">
        <f t="shared" si="157"/>
        <v>1.019803902718557</v>
      </c>
      <c r="NVR7" s="9">
        <f t="shared" si="157"/>
        <v>1.019803902718557</v>
      </c>
      <c r="NVS7" s="9">
        <f t="shared" si="157"/>
        <v>1.019803902718557</v>
      </c>
      <c r="NVT7" s="9">
        <f t="shared" si="157"/>
        <v>1.019803902718557</v>
      </c>
      <c r="NVU7" s="9">
        <f t="shared" si="157"/>
        <v>1.019803902718557</v>
      </c>
      <c r="NVV7" s="9">
        <f t="shared" ref="NVV7:NYG7" si="158">1/((1+$F$6) ^(NVV3-$F$7))</f>
        <v>1.019803902718557</v>
      </c>
      <c r="NVW7" s="9">
        <f t="shared" si="158"/>
        <v>1.019803902718557</v>
      </c>
      <c r="NVX7" s="9">
        <f t="shared" si="158"/>
        <v>1.019803902718557</v>
      </c>
      <c r="NVY7" s="9">
        <f t="shared" si="158"/>
        <v>1.019803902718557</v>
      </c>
      <c r="NVZ7" s="9">
        <f t="shared" si="158"/>
        <v>1.019803902718557</v>
      </c>
      <c r="NWA7" s="9">
        <f t="shared" si="158"/>
        <v>1.019803902718557</v>
      </c>
      <c r="NWB7" s="9">
        <f t="shared" si="158"/>
        <v>1.019803902718557</v>
      </c>
      <c r="NWC7" s="9">
        <f t="shared" si="158"/>
        <v>1.019803902718557</v>
      </c>
      <c r="NWD7" s="9">
        <f t="shared" si="158"/>
        <v>1.019803902718557</v>
      </c>
      <c r="NWE7" s="9">
        <f t="shared" si="158"/>
        <v>1.019803902718557</v>
      </c>
      <c r="NWF7" s="9">
        <f t="shared" si="158"/>
        <v>1.019803902718557</v>
      </c>
      <c r="NWG7" s="9">
        <f t="shared" si="158"/>
        <v>1.019803902718557</v>
      </c>
      <c r="NWH7" s="9">
        <f t="shared" si="158"/>
        <v>1.019803902718557</v>
      </c>
      <c r="NWI7" s="9">
        <f t="shared" si="158"/>
        <v>1.019803902718557</v>
      </c>
      <c r="NWJ7" s="9">
        <f t="shared" si="158"/>
        <v>1.019803902718557</v>
      </c>
      <c r="NWK7" s="9">
        <f t="shared" si="158"/>
        <v>1.019803902718557</v>
      </c>
      <c r="NWL7" s="9">
        <f t="shared" si="158"/>
        <v>1.019803902718557</v>
      </c>
      <c r="NWM7" s="9">
        <f t="shared" si="158"/>
        <v>1.019803902718557</v>
      </c>
      <c r="NWN7" s="9">
        <f t="shared" si="158"/>
        <v>1.019803902718557</v>
      </c>
      <c r="NWO7" s="9">
        <f t="shared" si="158"/>
        <v>1.019803902718557</v>
      </c>
      <c r="NWP7" s="9">
        <f t="shared" si="158"/>
        <v>1.019803902718557</v>
      </c>
      <c r="NWQ7" s="9">
        <f t="shared" si="158"/>
        <v>1.019803902718557</v>
      </c>
      <c r="NWR7" s="9">
        <f t="shared" si="158"/>
        <v>1.019803902718557</v>
      </c>
      <c r="NWS7" s="9">
        <f t="shared" si="158"/>
        <v>1.019803902718557</v>
      </c>
      <c r="NWT7" s="9">
        <f t="shared" si="158"/>
        <v>1.019803902718557</v>
      </c>
      <c r="NWU7" s="9">
        <f t="shared" si="158"/>
        <v>1.019803902718557</v>
      </c>
      <c r="NWV7" s="9">
        <f t="shared" si="158"/>
        <v>1.019803902718557</v>
      </c>
      <c r="NWW7" s="9">
        <f t="shared" si="158"/>
        <v>1.019803902718557</v>
      </c>
      <c r="NWX7" s="9">
        <f t="shared" si="158"/>
        <v>1.019803902718557</v>
      </c>
      <c r="NWY7" s="9">
        <f t="shared" si="158"/>
        <v>1.019803902718557</v>
      </c>
      <c r="NWZ7" s="9">
        <f t="shared" si="158"/>
        <v>1.019803902718557</v>
      </c>
      <c r="NXA7" s="9">
        <f t="shared" si="158"/>
        <v>1.019803902718557</v>
      </c>
      <c r="NXB7" s="9">
        <f t="shared" si="158"/>
        <v>1.019803902718557</v>
      </c>
      <c r="NXC7" s="9">
        <f t="shared" si="158"/>
        <v>1.019803902718557</v>
      </c>
      <c r="NXD7" s="9">
        <f t="shared" si="158"/>
        <v>1.019803902718557</v>
      </c>
      <c r="NXE7" s="9">
        <f t="shared" si="158"/>
        <v>1.019803902718557</v>
      </c>
      <c r="NXF7" s="9">
        <f t="shared" si="158"/>
        <v>1.019803902718557</v>
      </c>
      <c r="NXG7" s="9">
        <f t="shared" si="158"/>
        <v>1.019803902718557</v>
      </c>
      <c r="NXH7" s="9">
        <f t="shared" si="158"/>
        <v>1.019803902718557</v>
      </c>
      <c r="NXI7" s="9">
        <f t="shared" si="158"/>
        <v>1.019803902718557</v>
      </c>
      <c r="NXJ7" s="9">
        <f t="shared" si="158"/>
        <v>1.019803902718557</v>
      </c>
      <c r="NXK7" s="9">
        <f t="shared" si="158"/>
        <v>1.019803902718557</v>
      </c>
      <c r="NXL7" s="9">
        <f t="shared" si="158"/>
        <v>1.019803902718557</v>
      </c>
      <c r="NXM7" s="9">
        <f t="shared" si="158"/>
        <v>1.019803902718557</v>
      </c>
      <c r="NXN7" s="9">
        <f t="shared" si="158"/>
        <v>1.019803902718557</v>
      </c>
      <c r="NXO7" s="9">
        <f t="shared" si="158"/>
        <v>1.019803902718557</v>
      </c>
      <c r="NXP7" s="9">
        <f t="shared" si="158"/>
        <v>1.019803902718557</v>
      </c>
      <c r="NXQ7" s="9">
        <f t="shared" si="158"/>
        <v>1.019803902718557</v>
      </c>
      <c r="NXR7" s="9">
        <f t="shared" si="158"/>
        <v>1.019803902718557</v>
      </c>
      <c r="NXS7" s="9">
        <f t="shared" si="158"/>
        <v>1.019803902718557</v>
      </c>
      <c r="NXT7" s="9">
        <f t="shared" si="158"/>
        <v>1.019803902718557</v>
      </c>
      <c r="NXU7" s="9">
        <f t="shared" si="158"/>
        <v>1.019803902718557</v>
      </c>
      <c r="NXV7" s="9">
        <f t="shared" si="158"/>
        <v>1.019803902718557</v>
      </c>
      <c r="NXW7" s="9">
        <f t="shared" si="158"/>
        <v>1.019803902718557</v>
      </c>
      <c r="NXX7" s="9">
        <f t="shared" si="158"/>
        <v>1.019803902718557</v>
      </c>
      <c r="NXY7" s="9">
        <f t="shared" si="158"/>
        <v>1.019803902718557</v>
      </c>
      <c r="NXZ7" s="9">
        <f t="shared" si="158"/>
        <v>1.019803902718557</v>
      </c>
      <c r="NYA7" s="9">
        <f t="shared" si="158"/>
        <v>1.019803902718557</v>
      </c>
      <c r="NYB7" s="9">
        <f t="shared" si="158"/>
        <v>1.019803902718557</v>
      </c>
      <c r="NYC7" s="9">
        <f t="shared" si="158"/>
        <v>1.019803902718557</v>
      </c>
      <c r="NYD7" s="9">
        <f t="shared" si="158"/>
        <v>1.019803902718557</v>
      </c>
      <c r="NYE7" s="9">
        <f t="shared" si="158"/>
        <v>1.019803902718557</v>
      </c>
      <c r="NYF7" s="9">
        <f t="shared" si="158"/>
        <v>1.019803902718557</v>
      </c>
      <c r="NYG7" s="9">
        <f t="shared" si="158"/>
        <v>1.019803902718557</v>
      </c>
      <c r="NYH7" s="9">
        <f t="shared" ref="NYH7:OAS7" si="159">1/((1+$F$6) ^(NYH3-$F$7))</f>
        <v>1.019803902718557</v>
      </c>
      <c r="NYI7" s="9">
        <f t="shared" si="159"/>
        <v>1.019803902718557</v>
      </c>
      <c r="NYJ7" s="9">
        <f t="shared" si="159"/>
        <v>1.019803902718557</v>
      </c>
      <c r="NYK7" s="9">
        <f t="shared" si="159"/>
        <v>1.019803902718557</v>
      </c>
      <c r="NYL7" s="9">
        <f t="shared" si="159"/>
        <v>1.019803902718557</v>
      </c>
      <c r="NYM7" s="9">
        <f t="shared" si="159"/>
        <v>1.019803902718557</v>
      </c>
      <c r="NYN7" s="9">
        <f t="shared" si="159"/>
        <v>1.019803902718557</v>
      </c>
      <c r="NYO7" s="9">
        <f t="shared" si="159"/>
        <v>1.019803902718557</v>
      </c>
      <c r="NYP7" s="9">
        <f t="shared" si="159"/>
        <v>1.019803902718557</v>
      </c>
      <c r="NYQ7" s="9">
        <f t="shared" si="159"/>
        <v>1.019803902718557</v>
      </c>
      <c r="NYR7" s="9">
        <f t="shared" si="159"/>
        <v>1.019803902718557</v>
      </c>
      <c r="NYS7" s="9">
        <f t="shared" si="159"/>
        <v>1.019803902718557</v>
      </c>
      <c r="NYT7" s="9">
        <f t="shared" si="159"/>
        <v>1.019803902718557</v>
      </c>
      <c r="NYU7" s="9">
        <f t="shared" si="159"/>
        <v>1.019803902718557</v>
      </c>
      <c r="NYV7" s="9">
        <f t="shared" si="159"/>
        <v>1.019803902718557</v>
      </c>
      <c r="NYW7" s="9">
        <f t="shared" si="159"/>
        <v>1.019803902718557</v>
      </c>
      <c r="NYX7" s="9">
        <f t="shared" si="159"/>
        <v>1.019803902718557</v>
      </c>
      <c r="NYY7" s="9">
        <f t="shared" si="159"/>
        <v>1.019803902718557</v>
      </c>
      <c r="NYZ7" s="9">
        <f t="shared" si="159"/>
        <v>1.019803902718557</v>
      </c>
      <c r="NZA7" s="9">
        <f t="shared" si="159"/>
        <v>1.019803902718557</v>
      </c>
      <c r="NZB7" s="9">
        <f t="shared" si="159"/>
        <v>1.019803902718557</v>
      </c>
      <c r="NZC7" s="9">
        <f t="shared" si="159"/>
        <v>1.019803902718557</v>
      </c>
      <c r="NZD7" s="9">
        <f t="shared" si="159"/>
        <v>1.019803902718557</v>
      </c>
      <c r="NZE7" s="9">
        <f t="shared" si="159"/>
        <v>1.019803902718557</v>
      </c>
      <c r="NZF7" s="9">
        <f t="shared" si="159"/>
        <v>1.019803902718557</v>
      </c>
      <c r="NZG7" s="9">
        <f t="shared" si="159"/>
        <v>1.019803902718557</v>
      </c>
      <c r="NZH7" s="9">
        <f t="shared" si="159"/>
        <v>1.019803902718557</v>
      </c>
      <c r="NZI7" s="9">
        <f t="shared" si="159"/>
        <v>1.019803902718557</v>
      </c>
      <c r="NZJ7" s="9">
        <f t="shared" si="159"/>
        <v>1.019803902718557</v>
      </c>
      <c r="NZK7" s="9">
        <f t="shared" si="159"/>
        <v>1.019803902718557</v>
      </c>
      <c r="NZL7" s="9">
        <f t="shared" si="159"/>
        <v>1.019803902718557</v>
      </c>
      <c r="NZM7" s="9">
        <f t="shared" si="159"/>
        <v>1.019803902718557</v>
      </c>
      <c r="NZN7" s="9">
        <f t="shared" si="159"/>
        <v>1.019803902718557</v>
      </c>
      <c r="NZO7" s="9">
        <f t="shared" si="159"/>
        <v>1.019803902718557</v>
      </c>
      <c r="NZP7" s="9">
        <f t="shared" si="159"/>
        <v>1.019803902718557</v>
      </c>
      <c r="NZQ7" s="9">
        <f t="shared" si="159"/>
        <v>1.019803902718557</v>
      </c>
      <c r="NZR7" s="9">
        <f t="shared" si="159"/>
        <v>1.019803902718557</v>
      </c>
      <c r="NZS7" s="9">
        <f t="shared" si="159"/>
        <v>1.019803902718557</v>
      </c>
      <c r="NZT7" s="9">
        <f t="shared" si="159"/>
        <v>1.019803902718557</v>
      </c>
      <c r="NZU7" s="9">
        <f t="shared" si="159"/>
        <v>1.019803902718557</v>
      </c>
      <c r="NZV7" s="9">
        <f t="shared" si="159"/>
        <v>1.019803902718557</v>
      </c>
      <c r="NZW7" s="9">
        <f t="shared" si="159"/>
        <v>1.019803902718557</v>
      </c>
      <c r="NZX7" s="9">
        <f t="shared" si="159"/>
        <v>1.019803902718557</v>
      </c>
      <c r="NZY7" s="9">
        <f t="shared" si="159"/>
        <v>1.019803902718557</v>
      </c>
      <c r="NZZ7" s="9">
        <f t="shared" si="159"/>
        <v>1.019803902718557</v>
      </c>
      <c r="OAA7" s="9">
        <f t="shared" si="159"/>
        <v>1.019803902718557</v>
      </c>
      <c r="OAB7" s="9">
        <f t="shared" si="159"/>
        <v>1.019803902718557</v>
      </c>
      <c r="OAC7" s="9">
        <f t="shared" si="159"/>
        <v>1.019803902718557</v>
      </c>
      <c r="OAD7" s="9">
        <f t="shared" si="159"/>
        <v>1.019803902718557</v>
      </c>
      <c r="OAE7" s="9">
        <f t="shared" si="159"/>
        <v>1.019803902718557</v>
      </c>
      <c r="OAF7" s="9">
        <f t="shared" si="159"/>
        <v>1.019803902718557</v>
      </c>
      <c r="OAG7" s="9">
        <f t="shared" si="159"/>
        <v>1.019803902718557</v>
      </c>
      <c r="OAH7" s="9">
        <f t="shared" si="159"/>
        <v>1.019803902718557</v>
      </c>
      <c r="OAI7" s="9">
        <f t="shared" si="159"/>
        <v>1.019803902718557</v>
      </c>
      <c r="OAJ7" s="9">
        <f t="shared" si="159"/>
        <v>1.019803902718557</v>
      </c>
      <c r="OAK7" s="9">
        <f t="shared" si="159"/>
        <v>1.019803902718557</v>
      </c>
      <c r="OAL7" s="9">
        <f t="shared" si="159"/>
        <v>1.019803902718557</v>
      </c>
      <c r="OAM7" s="9">
        <f t="shared" si="159"/>
        <v>1.019803902718557</v>
      </c>
      <c r="OAN7" s="9">
        <f t="shared" si="159"/>
        <v>1.019803902718557</v>
      </c>
      <c r="OAO7" s="9">
        <f t="shared" si="159"/>
        <v>1.019803902718557</v>
      </c>
      <c r="OAP7" s="9">
        <f t="shared" si="159"/>
        <v>1.019803902718557</v>
      </c>
      <c r="OAQ7" s="9">
        <f t="shared" si="159"/>
        <v>1.019803902718557</v>
      </c>
      <c r="OAR7" s="9">
        <f t="shared" si="159"/>
        <v>1.019803902718557</v>
      </c>
      <c r="OAS7" s="9">
        <f t="shared" si="159"/>
        <v>1.019803902718557</v>
      </c>
      <c r="OAT7" s="9">
        <f t="shared" ref="OAT7:ODE7" si="160">1/((1+$F$6) ^(OAT3-$F$7))</f>
        <v>1.019803902718557</v>
      </c>
      <c r="OAU7" s="9">
        <f t="shared" si="160"/>
        <v>1.019803902718557</v>
      </c>
      <c r="OAV7" s="9">
        <f t="shared" si="160"/>
        <v>1.019803902718557</v>
      </c>
      <c r="OAW7" s="9">
        <f t="shared" si="160"/>
        <v>1.019803902718557</v>
      </c>
      <c r="OAX7" s="9">
        <f t="shared" si="160"/>
        <v>1.019803902718557</v>
      </c>
      <c r="OAY7" s="9">
        <f t="shared" si="160"/>
        <v>1.019803902718557</v>
      </c>
      <c r="OAZ7" s="9">
        <f t="shared" si="160"/>
        <v>1.019803902718557</v>
      </c>
      <c r="OBA7" s="9">
        <f t="shared" si="160"/>
        <v>1.019803902718557</v>
      </c>
      <c r="OBB7" s="9">
        <f t="shared" si="160"/>
        <v>1.019803902718557</v>
      </c>
      <c r="OBC7" s="9">
        <f t="shared" si="160"/>
        <v>1.019803902718557</v>
      </c>
      <c r="OBD7" s="9">
        <f t="shared" si="160"/>
        <v>1.019803902718557</v>
      </c>
      <c r="OBE7" s="9">
        <f t="shared" si="160"/>
        <v>1.019803902718557</v>
      </c>
      <c r="OBF7" s="9">
        <f t="shared" si="160"/>
        <v>1.019803902718557</v>
      </c>
      <c r="OBG7" s="9">
        <f t="shared" si="160"/>
        <v>1.019803902718557</v>
      </c>
      <c r="OBH7" s="9">
        <f t="shared" si="160"/>
        <v>1.019803902718557</v>
      </c>
      <c r="OBI7" s="9">
        <f t="shared" si="160"/>
        <v>1.019803902718557</v>
      </c>
      <c r="OBJ7" s="9">
        <f t="shared" si="160"/>
        <v>1.019803902718557</v>
      </c>
      <c r="OBK7" s="9">
        <f t="shared" si="160"/>
        <v>1.019803902718557</v>
      </c>
      <c r="OBL7" s="9">
        <f t="shared" si="160"/>
        <v>1.019803902718557</v>
      </c>
      <c r="OBM7" s="9">
        <f t="shared" si="160"/>
        <v>1.019803902718557</v>
      </c>
      <c r="OBN7" s="9">
        <f t="shared" si="160"/>
        <v>1.019803902718557</v>
      </c>
      <c r="OBO7" s="9">
        <f t="shared" si="160"/>
        <v>1.019803902718557</v>
      </c>
      <c r="OBP7" s="9">
        <f t="shared" si="160"/>
        <v>1.019803902718557</v>
      </c>
      <c r="OBQ7" s="9">
        <f t="shared" si="160"/>
        <v>1.019803902718557</v>
      </c>
      <c r="OBR7" s="9">
        <f t="shared" si="160"/>
        <v>1.019803902718557</v>
      </c>
      <c r="OBS7" s="9">
        <f t="shared" si="160"/>
        <v>1.019803902718557</v>
      </c>
      <c r="OBT7" s="9">
        <f t="shared" si="160"/>
        <v>1.019803902718557</v>
      </c>
      <c r="OBU7" s="9">
        <f t="shared" si="160"/>
        <v>1.019803902718557</v>
      </c>
      <c r="OBV7" s="9">
        <f t="shared" si="160"/>
        <v>1.019803902718557</v>
      </c>
      <c r="OBW7" s="9">
        <f t="shared" si="160"/>
        <v>1.019803902718557</v>
      </c>
      <c r="OBX7" s="9">
        <f t="shared" si="160"/>
        <v>1.019803902718557</v>
      </c>
      <c r="OBY7" s="9">
        <f t="shared" si="160"/>
        <v>1.019803902718557</v>
      </c>
      <c r="OBZ7" s="9">
        <f t="shared" si="160"/>
        <v>1.019803902718557</v>
      </c>
      <c r="OCA7" s="9">
        <f t="shared" si="160"/>
        <v>1.019803902718557</v>
      </c>
      <c r="OCB7" s="9">
        <f t="shared" si="160"/>
        <v>1.019803902718557</v>
      </c>
      <c r="OCC7" s="9">
        <f t="shared" si="160"/>
        <v>1.019803902718557</v>
      </c>
      <c r="OCD7" s="9">
        <f t="shared" si="160"/>
        <v>1.019803902718557</v>
      </c>
      <c r="OCE7" s="9">
        <f t="shared" si="160"/>
        <v>1.019803902718557</v>
      </c>
      <c r="OCF7" s="9">
        <f t="shared" si="160"/>
        <v>1.019803902718557</v>
      </c>
      <c r="OCG7" s="9">
        <f t="shared" si="160"/>
        <v>1.019803902718557</v>
      </c>
      <c r="OCH7" s="9">
        <f t="shared" si="160"/>
        <v>1.019803902718557</v>
      </c>
      <c r="OCI7" s="9">
        <f t="shared" si="160"/>
        <v>1.019803902718557</v>
      </c>
      <c r="OCJ7" s="9">
        <f t="shared" si="160"/>
        <v>1.019803902718557</v>
      </c>
      <c r="OCK7" s="9">
        <f t="shared" si="160"/>
        <v>1.019803902718557</v>
      </c>
      <c r="OCL7" s="9">
        <f t="shared" si="160"/>
        <v>1.019803902718557</v>
      </c>
      <c r="OCM7" s="9">
        <f t="shared" si="160"/>
        <v>1.019803902718557</v>
      </c>
      <c r="OCN7" s="9">
        <f t="shared" si="160"/>
        <v>1.019803902718557</v>
      </c>
      <c r="OCO7" s="9">
        <f t="shared" si="160"/>
        <v>1.019803902718557</v>
      </c>
      <c r="OCP7" s="9">
        <f t="shared" si="160"/>
        <v>1.019803902718557</v>
      </c>
      <c r="OCQ7" s="9">
        <f t="shared" si="160"/>
        <v>1.019803902718557</v>
      </c>
      <c r="OCR7" s="9">
        <f t="shared" si="160"/>
        <v>1.019803902718557</v>
      </c>
      <c r="OCS7" s="9">
        <f t="shared" si="160"/>
        <v>1.019803902718557</v>
      </c>
      <c r="OCT7" s="9">
        <f t="shared" si="160"/>
        <v>1.019803902718557</v>
      </c>
      <c r="OCU7" s="9">
        <f t="shared" si="160"/>
        <v>1.019803902718557</v>
      </c>
      <c r="OCV7" s="9">
        <f t="shared" si="160"/>
        <v>1.019803902718557</v>
      </c>
      <c r="OCW7" s="9">
        <f t="shared" si="160"/>
        <v>1.019803902718557</v>
      </c>
      <c r="OCX7" s="9">
        <f t="shared" si="160"/>
        <v>1.019803902718557</v>
      </c>
      <c r="OCY7" s="9">
        <f t="shared" si="160"/>
        <v>1.019803902718557</v>
      </c>
      <c r="OCZ7" s="9">
        <f t="shared" si="160"/>
        <v>1.019803902718557</v>
      </c>
      <c r="ODA7" s="9">
        <f t="shared" si="160"/>
        <v>1.019803902718557</v>
      </c>
      <c r="ODB7" s="9">
        <f t="shared" si="160"/>
        <v>1.019803902718557</v>
      </c>
      <c r="ODC7" s="9">
        <f t="shared" si="160"/>
        <v>1.019803902718557</v>
      </c>
      <c r="ODD7" s="9">
        <f t="shared" si="160"/>
        <v>1.019803902718557</v>
      </c>
      <c r="ODE7" s="9">
        <f t="shared" si="160"/>
        <v>1.019803902718557</v>
      </c>
      <c r="ODF7" s="9">
        <f t="shared" ref="ODF7:OFQ7" si="161">1/((1+$F$6) ^(ODF3-$F$7))</f>
        <v>1.019803902718557</v>
      </c>
      <c r="ODG7" s="9">
        <f t="shared" si="161"/>
        <v>1.019803902718557</v>
      </c>
      <c r="ODH7" s="9">
        <f t="shared" si="161"/>
        <v>1.019803902718557</v>
      </c>
      <c r="ODI7" s="9">
        <f t="shared" si="161"/>
        <v>1.019803902718557</v>
      </c>
      <c r="ODJ7" s="9">
        <f t="shared" si="161"/>
        <v>1.019803902718557</v>
      </c>
      <c r="ODK7" s="9">
        <f t="shared" si="161"/>
        <v>1.019803902718557</v>
      </c>
      <c r="ODL7" s="9">
        <f t="shared" si="161"/>
        <v>1.019803902718557</v>
      </c>
      <c r="ODM7" s="9">
        <f t="shared" si="161"/>
        <v>1.019803902718557</v>
      </c>
      <c r="ODN7" s="9">
        <f t="shared" si="161"/>
        <v>1.019803902718557</v>
      </c>
      <c r="ODO7" s="9">
        <f t="shared" si="161"/>
        <v>1.019803902718557</v>
      </c>
      <c r="ODP7" s="9">
        <f t="shared" si="161"/>
        <v>1.019803902718557</v>
      </c>
      <c r="ODQ7" s="9">
        <f t="shared" si="161"/>
        <v>1.019803902718557</v>
      </c>
      <c r="ODR7" s="9">
        <f t="shared" si="161"/>
        <v>1.019803902718557</v>
      </c>
      <c r="ODS7" s="9">
        <f t="shared" si="161"/>
        <v>1.019803902718557</v>
      </c>
      <c r="ODT7" s="9">
        <f t="shared" si="161"/>
        <v>1.019803902718557</v>
      </c>
      <c r="ODU7" s="9">
        <f t="shared" si="161"/>
        <v>1.019803902718557</v>
      </c>
      <c r="ODV7" s="9">
        <f t="shared" si="161"/>
        <v>1.019803902718557</v>
      </c>
      <c r="ODW7" s="9">
        <f t="shared" si="161"/>
        <v>1.019803902718557</v>
      </c>
      <c r="ODX7" s="9">
        <f t="shared" si="161"/>
        <v>1.019803902718557</v>
      </c>
      <c r="ODY7" s="9">
        <f t="shared" si="161"/>
        <v>1.019803902718557</v>
      </c>
      <c r="ODZ7" s="9">
        <f t="shared" si="161"/>
        <v>1.019803902718557</v>
      </c>
      <c r="OEA7" s="9">
        <f t="shared" si="161"/>
        <v>1.019803902718557</v>
      </c>
      <c r="OEB7" s="9">
        <f t="shared" si="161"/>
        <v>1.019803902718557</v>
      </c>
      <c r="OEC7" s="9">
        <f t="shared" si="161"/>
        <v>1.019803902718557</v>
      </c>
      <c r="OED7" s="9">
        <f t="shared" si="161"/>
        <v>1.019803902718557</v>
      </c>
      <c r="OEE7" s="9">
        <f t="shared" si="161"/>
        <v>1.019803902718557</v>
      </c>
      <c r="OEF7" s="9">
        <f t="shared" si="161"/>
        <v>1.019803902718557</v>
      </c>
      <c r="OEG7" s="9">
        <f t="shared" si="161"/>
        <v>1.019803902718557</v>
      </c>
      <c r="OEH7" s="9">
        <f t="shared" si="161"/>
        <v>1.019803902718557</v>
      </c>
      <c r="OEI7" s="9">
        <f t="shared" si="161"/>
        <v>1.019803902718557</v>
      </c>
      <c r="OEJ7" s="9">
        <f t="shared" si="161"/>
        <v>1.019803902718557</v>
      </c>
      <c r="OEK7" s="9">
        <f t="shared" si="161"/>
        <v>1.019803902718557</v>
      </c>
      <c r="OEL7" s="9">
        <f t="shared" si="161"/>
        <v>1.019803902718557</v>
      </c>
      <c r="OEM7" s="9">
        <f t="shared" si="161"/>
        <v>1.019803902718557</v>
      </c>
      <c r="OEN7" s="9">
        <f t="shared" si="161"/>
        <v>1.019803902718557</v>
      </c>
      <c r="OEO7" s="9">
        <f t="shared" si="161"/>
        <v>1.019803902718557</v>
      </c>
      <c r="OEP7" s="9">
        <f t="shared" si="161"/>
        <v>1.019803902718557</v>
      </c>
      <c r="OEQ7" s="9">
        <f t="shared" si="161"/>
        <v>1.019803902718557</v>
      </c>
      <c r="OER7" s="9">
        <f t="shared" si="161"/>
        <v>1.019803902718557</v>
      </c>
      <c r="OES7" s="9">
        <f t="shared" si="161"/>
        <v>1.019803902718557</v>
      </c>
      <c r="OET7" s="9">
        <f t="shared" si="161"/>
        <v>1.019803902718557</v>
      </c>
      <c r="OEU7" s="9">
        <f t="shared" si="161"/>
        <v>1.019803902718557</v>
      </c>
      <c r="OEV7" s="9">
        <f t="shared" si="161"/>
        <v>1.019803902718557</v>
      </c>
      <c r="OEW7" s="9">
        <f t="shared" si="161"/>
        <v>1.019803902718557</v>
      </c>
      <c r="OEX7" s="9">
        <f t="shared" si="161"/>
        <v>1.019803902718557</v>
      </c>
      <c r="OEY7" s="9">
        <f t="shared" si="161"/>
        <v>1.019803902718557</v>
      </c>
      <c r="OEZ7" s="9">
        <f t="shared" si="161"/>
        <v>1.019803902718557</v>
      </c>
      <c r="OFA7" s="9">
        <f t="shared" si="161"/>
        <v>1.019803902718557</v>
      </c>
      <c r="OFB7" s="9">
        <f t="shared" si="161"/>
        <v>1.019803902718557</v>
      </c>
      <c r="OFC7" s="9">
        <f t="shared" si="161"/>
        <v>1.019803902718557</v>
      </c>
      <c r="OFD7" s="9">
        <f t="shared" si="161"/>
        <v>1.019803902718557</v>
      </c>
      <c r="OFE7" s="9">
        <f t="shared" si="161"/>
        <v>1.019803902718557</v>
      </c>
      <c r="OFF7" s="9">
        <f t="shared" si="161"/>
        <v>1.019803902718557</v>
      </c>
      <c r="OFG7" s="9">
        <f t="shared" si="161"/>
        <v>1.019803902718557</v>
      </c>
      <c r="OFH7" s="9">
        <f t="shared" si="161"/>
        <v>1.019803902718557</v>
      </c>
      <c r="OFI7" s="9">
        <f t="shared" si="161"/>
        <v>1.019803902718557</v>
      </c>
      <c r="OFJ7" s="9">
        <f t="shared" si="161"/>
        <v>1.019803902718557</v>
      </c>
      <c r="OFK7" s="9">
        <f t="shared" si="161"/>
        <v>1.019803902718557</v>
      </c>
      <c r="OFL7" s="9">
        <f t="shared" si="161"/>
        <v>1.019803902718557</v>
      </c>
      <c r="OFM7" s="9">
        <f t="shared" si="161"/>
        <v>1.019803902718557</v>
      </c>
      <c r="OFN7" s="9">
        <f t="shared" si="161"/>
        <v>1.019803902718557</v>
      </c>
      <c r="OFO7" s="9">
        <f t="shared" si="161"/>
        <v>1.019803902718557</v>
      </c>
      <c r="OFP7" s="9">
        <f t="shared" si="161"/>
        <v>1.019803902718557</v>
      </c>
      <c r="OFQ7" s="9">
        <f t="shared" si="161"/>
        <v>1.019803902718557</v>
      </c>
      <c r="OFR7" s="9">
        <f t="shared" ref="OFR7:OIC7" si="162">1/((1+$F$6) ^(OFR3-$F$7))</f>
        <v>1.019803902718557</v>
      </c>
      <c r="OFS7" s="9">
        <f t="shared" si="162"/>
        <v>1.019803902718557</v>
      </c>
      <c r="OFT7" s="9">
        <f t="shared" si="162"/>
        <v>1.019803902718557</v>
      </c>
      <c r="OFU7" s="9">
        <f t="shared" si="162"/>
        <v>1.019803902718557</v>
      </c>
      <c r="OFV7" s="9">
        <f t="shared" si="162"/>
        <v>1.019803902718557</v>
      </c>
      <c r="OFW7" s="9">
        <f t="shared" si="162"/>
        <v>1.019803902718557</v>
      </c>
      <c r="OFX7" s="9">
        <f t="shared" si="162"/>
        <v>1.019803902718557</v>
      </c>
      <c r="OFY7" s="9">
        <f t="shared" si="162"/>
        <v>1.019803902718557</v>
      </c>
      <c r="OFZ7" s="9">
        <f t="shared" si="162"/>
        <v>1.019803902718557</v>
      </c>
      <c r="OGA7" s="9">
        <f t="shared" si="162"/>
        <v>1.019803902718557</v>
      </c>
      <c r="OGB7" s="9">
        <f t="shared" si="162"/>
        <v>1.019803902718557</v>
      </c>
      <c r="OGC7" s="9">
        <f t="shared" si="162"/>
        <v>1.019803902718557</v>
      </c>
      <c r="OGD7" s="9">
        <f t="shared" si="162"/>
        <v>1.019803902718557</v>
      </c>
      <c r="OGE7" s="9">
        <f t="shared" si="162"/>
        <v>1.019803902718557</v>
      </c>
      <c r="OGF7" s="9">
        <f t="shared" si="162"/>
        <v>1.019803902718557</v>
      </c>
      <c r="OGG7" s="9">
        <f t="shared" si="162"/>
        <v>1.019803902718557</v>
      </c>
      <c r="OGH7" s="9">
        <f t="shared" si="162"/>
        <v>1.019803902718557</v>
      </c>
      <c r="OGI7" s="9">
        <f t="shared" si="162"/>
        <v>1.019803902718557</v>
      </c>
      <c r="OGJ7" s="9">
        <f t="shared" si="162"/>
        <v>1.019803902718557</v>
      </c>
      <c r="OGK7" s="9">
        <f t="shared" si="162"/>
        <v>1.019803902718557</v>
      </c>
      <c r="OGL7" s="9">
        <f t="shared" si="162"/>
        <v>1.019803902718557</v>
      </c>
      <c r="OGM7" s="9">
        <f t="shared" si="162"/>
        <v>1.019803902718557</v>
      </c>
      <c r="OGN7" s="9">
        <f t="shared" si="162"/>
        <v>1.019803902718557</v>
      </c>
      <c r="OGO7" s="9">
        <f t="shared" si="162"/>
        <v>1.019803902718557</v>
      </c>
      <c r="OGP7" s="9">
        <f t="shared" si="162"/>
        <v>1.019803902718557</v>
      </c>
      <c r="OGQ7" s="9">
        <f t="shared" si="162"/>
        <v>1.019803902718557</v>
      </c>
      <c r="OGR7" s="9">
        <f t="shared" si="162"/>
        <v>1.019803902718557</v>
      </c>
      <c r="OGS7" s="9">
        <f t="shared" si="162"/>
        <v>1.019803902718557</v>
      </c>
      <c r="OGT7" s="9">
        <f t="shared" si="162"/>
        <v>1.019803902718557</v>
      </c>
      <c r="OGU7" s="9">
        <f t="shared" si="162"/>
        <v>1.019803902718557</v>
      </c>
      <c r="OGV7" s="9">
        <f t="shared" si="162"/>
        <v>1.019803902718557</v>
      </c>
      <c r="OGW7" s="9">
        <f t="shared" si="162"/>
        <v>1.019803902718557</v>
      </c>
      <c r="OGX7" s="9">
        <f t="shared" si="162"/>
        <v>1.019803902718557</v>
      </c>
      <c r="OGY7" s="9">
        <f t="shared" si="162"/>
        <v>1.019803902718557</v>
      </c>
      <c r="OGZ7" s="9">
        <f t="shared" si="162"/>
        <v>1.019803902718557</v>
      </c>
      <c r="OHA7" s="9">
        <f t="shared" si="162"/>
        <v>1.019803902718557</v>
      </c>
      <c r="OHB7" s="9">
        <f t="shared" si="162"/>
        <v>1.019803902718557</v>
      </c>
      <c r="OHC7" s="9">
        <f t="shared" si="162"/>
        <v>1.019803902718557</v>
      </c>
      <c r="OHD7" s="9">
        <f t="shared" si="162"/>
        <v>1.019803902718557</v>
      </c>
      <c r="OHE7" s="9">
        <f t="shared" si="162"/>
        <v>1.019803902718557</v>
      </c>
      <c r="OHF7" s="9">
        <f t="shared" si="162"/>
        <v>1.019803902718557</v>
      </c>
      <c r="OHG7" s="9">
        <f t="shared" si="162"/>
        <v>1.019803902718557</v>
      </c>
      <c r="OHH7" s="9">
        <f t="shared" si="162"/>
        <v>1.019803902718557</v>
      </c>
      <c r="OHI7" s="9">
        <f t="shared" si="162"/>
        <v>1.019803902718557</v>
      </c>
      <c r="OHJ7" s="9">
        <f t="shared" si="162"/>
        <v>1.019803902718557</v>
      </c>
      <c r="OHK7" s="9">
        <f t="shared" si="162"/>
        <v>1.019803902718557</v>
      </c>
      <c r="OHL7" s="9">
        <f t="shared" si="162"/>
        <v>1.019803902718557</v>
      </c>
      <c r="OHM7" s="9">
        <f t="shared" si="162"/>
        <v>1.019803902718557</v>
      </c>
      <c r="OHN7" s="9">
        <f t="shared" si="162"/>
        <v>1.019803902718557</v>
      </c>
      <c r="OHO7" s="9">
        <f t="shared" si="162"/>
        <v>1.019803902718557</v>
      </c>
      <c r="OHP7" s="9">
        <f t="shared" si="162"/>
        <v>1.019803902718557</v>
      </c>
      <c r="OHQ7" s="9">
        <f t="shared" si="162"/>
        <v>1.019803902718557</v>
      </c>
      <c r="OHR7" s="9">
        <f t="shared" si="162"/>
        <v>1.019803902718557</v>
      </c>
      <c r="OHS7" s="9">
        <f t="shared" si="162"/>
        <v>1.019803902718557</v>
      </c>
      <c r="OHT7" s="9">
        <f t="shared" si="162"/>
        <v>1.019803902718557</v>
      </c>
      <c r="OHU7" s="9">
        <f t="shared" si="162"/>
        <v>1.019803902718557</v>
      </c>
      <c r="OHV7" s="9">
        <f t="shared" si="162"/>
        <v>1.019803902718557</v>
      </c>
      <c r="OHW7" s="9">
        <f t="shared" si="162"/>
        <v>1.019803902718557</v>
      </c>
      <c r="OHX7" s="9">
        <f t="shared" si="162"/>
        <v>1.019803902718557</v>
      </c>
      <c r="OHY7" s="9">
        <f t="shared" si="162"/>
        <v>1.019803902718557</v>
      </c>
      <c r="OHZ7" s="9">
        <f t="shared" si="162"/>
        <v>1.019803902718557</v>
      </c>
      <c r="OIA7" s="9">
        <f t="shared" si="162"/>
        <v>1.019803902718557</v>
      </c>
      <c r="OIB7" s="9">
        <f t="shared" si="162"/>
        <v>1.019803902718557</v>
      </c>
      <c r="OIC7" s="9">
        <f t="shared" si="162"/>
        <v>1.019803902718557</v>
      </c>
      <c r="OID7" s="9">
        <f t="shared" ref="OID7:OKO7" si="163">1/((1+$F$6) ^(OID3-$F$7))</f>
        <v>1.019803902718557</v>
      </c>
      <c r="OIE7" s="9">
        <f t="shared" si="163"/>
        <v>1.019803902718557</v>
      </c>
      <c r="OIF7" s="9">
        <f t="shared" si="163"/>
        <v>1.019803902718557</v>
      </c>
      <c r="OIG7" s="9">
        <f t="shared" si="163"/>
        <v>1.019803902718557</v>
      </c>
      <c r="OIH7" s="9">
        <f t="shared" si="163"/>
        <v>1.019803902718557</v>
      </c>
      <c r="OII7" s="9">
        <f t="shared" si="163"/>
        <v>1.019803902718557</v>
      </c>
      <c r="OIJ7" s="9">
        <f t="shared" si="163"/>
        <v>1.019803902718557</v>
      </c>
      <c r="OIK7" s="9">
        <f t="shared" si="163"/>
        <v>1.019803902718557</v>
      </c>
      <c r="OIL7" s="9">
        <f t="shared" si="163"/>
        <v>1.019803902718557</v>
      </c>
      <c r="OIM7" s="9">
        <f t="shared" si="163"/>
        <v>1.019803902718557</v>
      </c>
      <c r="OIN7" s="9">
        <f t="shared" si="163"/>
        <v>1.019803902718557</v>
      </c>
      <c r="OIO7" s="9">
        <f t="shared" si="163"/>
        <v>1.019803902718557</v>
      </c>
      <c r="OIP7" s="9">
        <f t="shared" si="163"/>
        <v>1.019803902718557</v>
      </c>
      <c r="OIQ7" s="9">
        <f t="shared" si="163"/>
        <v>1.019803902718557</v>
      </c>
      <c r="OIR7" s="9">
        <f t="shared" si="163"/>
        <v>1.019803902718557</v>
      </c>
      <c r="OIS7" s="9">
        <f t="shared" si="163"/>
        <v>1.019803902718557</v>
      </c>
      <c r="OIT7" s="9">
        <f t="shared" si="163"/>
        <v>1.019803902718557</v>
      </c>
      <c r="OIU7" s="9">
        <f t="shared" si="163"/>
        <v>1.019803902718557</v>
      </c>
      <c r="OIV7" s="9">
        <f t="shared" si="163"/>
        <v>1.019803902718557</v>
      </c>
      <c r="OIW7" s="9">
        <f t="shared" si="163"/>
        <v>1.019803902718557</v>
      </c>
      <c r="OIX7" s="9">
        <f t="shared" si="163"/>
        <v>1.019803902718557</v>
      </c>
      <c r="OIY7" s="9">
        <f t="shared" si="163"/>
        <v>1.019803902718557</v>
      </c>
      <c r="OIZ7" s="9">
        <f t="shared" si="163"/>
        <v>1.019803902718557</v>
      </c>
      <c r="OJA7" s="9">
        <f t="shared" si="163"/>
        <v>1.019803902718557</v>
      </c>
      <c r="OJB7" s="9">
        <f t="shared" si="163"/>
        <v>1.019803902718557</v>
      </c>
      <c r="OJC7" s="9">
        <f t="shared" si="163"/>
        <v>1.019803902718557</v>
      </c>
      <c r="OJD7" s="9">
        <f t="shared" si="163"/>
        <v>1.019803902718557</v>
      </c>
      <c r="OJE7" s="9">
        <f t="shared" si="163"/>
        <v>1.019803902718557</v>
      </c>
      <c r="OJF7" s="9">
        <f t="shared" si="163"/>
        <v>1.019803902718557</v>
      </c>
      <c r="OJG7" s="9">
        <f t="shared" si="163"/>
        <v>1.019803902718557</v>
      </c>
      <c r="OJH7" s="9">
        <f t="shared" si="163"/>
        <v>1.019803902718557</v>
      </c>
      <c r="OJI7" s="9">
        <f t="shared" si="163"/>
        <v>1.019803902718557</v>
      </c>
      <c r="OJJ7" s="9">
        <f t="shared" si="163"/>
        <v>1.019803902718557</v>
      </c>
      <c r="OJK7" s="9">
        <f t="shared" si="163"/>
        <v>1.019803902718557</v>
      </c>
      <c r="OJL7" s="9">
        <f t="shared" si="163"/>
        <v>1.019803902718557</v>
      </c>
      <c r="OJM7" s="9">
        <f t="shared" si="163"/>
        <v>1.019803902718557</v>
      </c>
      <c r="OJN7" s="9">
        <f t="shared" si="163"/>
        <v>1.019803902718557</v>
      </c>
      <c r="OJO7" s="9">
        <f t="shared" si="163"/>
        <v>1.019803902718557</v>
      </c>
      <c r="OJP7" s="9">
        <f t="shared" si="163"/>
        <v>1.019803902718557</v>
      </c>
      <c r="OJQ7" s="9">
        <f t="shared" si="163"/>
        <v>1.019803902718557</v>
      </c>
      <c r="OJR7" s="9">
        <f t="shared" si="163"/>
        <v>1.019803902718557</v>
      </c>
      <c r="OJS7" s="9">
        <f t="shared" si="163"/>
        <v>1.019803902718557</v>
      </c>
      <c r="OJT7" s="9">
        <f t="shared" si="163"/>
        <v>1.019803902718557</v>
      </c>
      <c r="OJU7" s="9">
        <f t="shared" si="163"/>
        <v>1.019803902718557</v>
      </c>
      <c r="OJV7" s="9">
        <f t="shared" si="163"/>
        <v>1.019803902718557</v>
      </c>
      <c r="OJW7" s="9">
        <f t="shared" si="163"/>
        <v>1.019803902718557</v>
      </c>
      <c r="OJX7" s="9">
        <f t="shared" si="163"/>
        <v>1.019803902718557</v>
      </c>
      <c r="OJY7" s="9">
        <f t="shared" si="163"/>
        <v>1.019803902718557</v>
      </c>
      <c r="OJZ7" s="9">
        <f t="shared" si="163"/>
        <v>1.019803902718557</v>
      </c>
      <c r="OKA7" s="9">
        <f t="shared" si="163"/>
        <v>1.019803902718557</v>
      </c>
      <c r="OKB7" s="9">
        <f t="shared" si="163"/>
        <v>1.019803902718557</v>
      </c>
      <c r="OKC7" s="9">
        <f t="shared" si="163"/>
        <v>1.019803902718557</v>
      </c>
      <c r="OKD7" s="9">
        <f t="shared" si="163"/>
        <v>1.019803902718557</v>
      </c>
      <c r="OKE7" s="9">
        <f t="shared" si="163"/>
        <v>1.019803902718557</v>
      </c>
      <c r="OKF7" s="9">
        <f t="shared" si="163"/>
        <v>1.019803902718557</v>
      </c>
      <c r="OKG7" s="9">
        <f t="shared" si="163"/>
        <v>1.019803902718557</v>
      </c>
      <c r="OKH7" s="9">
        <f t="shared" si="163"/>
        <v>1.019803902718557</v>
      </c>
      <c r="OKI7" s="9">
        <f t="shared" si="163"/>
        <v>1.019803902718557</v>
      </c>
      <c r="OKJ7" s="9">
        <f t="shared" si="163"/>
        <v>1.019803902718557</v>
      </c>
      <c r="OKK7" s="9">
        <f t="shared" si="163"/>
        <v>1.019803902718557</v>
      </c>
      <c r="OKL7" s="9">
        <f t="shared" si="163"/>
        <v>1.019803902718557</v>
      </c>
      <c r="OKM7" s="9">
        <f t="shared" si="163"/>
        <v>1.019803902718557</v>
      </c>
      <c r="OKN7" s="9">
        <f t="shared" si="163"/>
        <v>1.019803902718557</v>
      </c>
      <c r="OKO7" s="9">
        <f t="shared" si="163"/>
        <v>1.019803902718557</v>
      </c>
      <c r="OKP7" s="9">
        <f t="shared" ref="OKP7:ONA7" si="164">1/((1+$F$6) ^(OKP3-$F$7))</f>
        <v>1.019803902718557</v>
      </c>
      <c r="OKQ7" s="9">
        <f t="shared" si="164"/>
        <v>1.019803902718557</v>
      </c>
      <c r="OKR7" s="9">
        <f t="shared" si="164"/>
        <v>1.019803902718557</v>
      </c>
      <c r="OKS7" s="9">
        <f t="shared" si="164"/>
        <v>1.019803902718557</v>
      </c>
      <c r="OKT7" s="9">
        <f t="shared" si="164"/>
        <v>1.019803902718557</v>
      </c>
      <c r="OKU7" s="9">
        <f t="shared" si="164"/>
        <v>1.019803902718557</v>
      </c>
      <c r="OKV7" s="9">
        <f t="shared" si="164"/>
        <v>1.019803902718557</v>
      </c>
      <c r="OKW7" s="9">
        <f t="shared" si="164"/>
        <v>1.019803902718557</v>
      </c>
      <c r="OKX7" s="9">
        <f t="shared" si="164"/>
        <v>1.019803902718557</v>
      </c>
      <c r="OKY7" s="9">
        <f t="shared" si="164"/>
        <v>1.019803902718557</v>
      </c>
      <c r="OKZ7" s="9">
        <f t="shared" si="164"/>
        <v>1.019803902718557</v>
      </c>
      <c r="OLA7" s="9">
        <f t="shared" si="164"/>
        <v>1.019803902718557</v>
      </c>
      <c r="OLB7" s="9">
        <f t="shared" si="164"/>
        <v>1.019803902718557</v>
      </c>
      <c r="OLC7" s="9">
        <f t="shared" si="164"/>
        <v>1.019803902718557</v>
      </c>
      <c r="OLD7" s="9">
        <f t="shared" si="164"/>
        <v>1.019803902718557</v>
      </c>
      <c r="OLE7" s="9">
        <f t="shared" si="164"/>
        <v>1.019803902718557</v>
      </c>
      <c r="OLF7" s="9">
        <f t="shared" si="164"/>
        <v>1.019803902718557</v>
      </c>
      <c r="OLG7" s="9">
        <f t="shared" si="164"/>
        <v>1.019803902718557</v>
      </c>
      <c r="OLH7" s="9">
        <f t="shared" si="164"/>
        <v>1.019803902718557</v>
      </c>
      <c r="OLI7" s="9">
        <f t="shared" si="164"/>
        <v>1.019803902718557</v>
      </c>
      <c r="OLJ7" s="9">
        <f t="shared" si="164"/>
        <v>1.019803902718557</v>
      </c>
      <c r="OLK7" s="9">
        <f t="shared" si="164"/>
        <v>1.019803902718557</v>
      </c>
      <c r="OLL7" s="9">
        <f t="shared" si="164"/>
        <v>1.019803902718557</v>
      </c>
      <c r="OLM7" s="9">
        <f t="shared" si="164"/>
        <v>1.019803902718557</v>
      </c>
      <c r="OLN7" s="9">
        <f t="shared" si="164"/>
        <v>1.019803902718557</v>
      </c>
      <c r="OLO7" s="9">
        <f t="shared" si="164"/>
        <v>1.019803902718557</v>
      </c>
      <c r="OLP7" s="9">
        <f t="shared" si="164"/>
        <v>1.019803902718557</v>
      </c>
      <c r="OLQ7" s="9">
        <f t="shared" si="164"/>
        <v>1.019803902718557</v>
      </c>
      <c r="OLR7" s="9">
        <f t="shared" si="164"/>
        <v>1.019803902718557</v>
      </c>
      <c r="OLS7" s="9">
        <f t="shared" si="164"/>
        <v>1.019803902718557</v>
      </c>
      <c r="OLT7" s="9">
        <f t="shared" si="164"/>
        <v>1.019803902718557</v>
      </c>
      <c r="OLU7" s="9">
        <f t="shared" si="164"/>
        <v>1.019803902718557</v>
      </c>
      <c r="OLV7" s="9">
        <f t="shared" si="164"/>
        <v>1.019803902718557</v>
      </c>
      <c r="OLW7" s="9">
        <f t="shared" si="164"/>
        <v>1.019803902718557</v>
      </c>
      <c r="OLX7" s="9">
        <f t="shared" si="164"/>
        <v>1.019803902718557</v>
      </c>
      <c r="OLY7" s="9">
        <f t="shared" si="164"/>
        <v>1.019803902718557</v>
      </c>
      <c r="OLZ7" s="9">
        <f t="shared" si="164"/>
        <v>1.019803902718557</v>
      </c>
      <c r="OMA7" s="9">
        <f t="shared" si="164"/>
        <v>1.019803902718557</v>
      </c>
      <c r="OMB7" s="9">
        <f t="shared" si="164"/>
        <v>1.019803902718557</v>
      </c>
      <c r="OMC7" s="9">
        <f t="shared" si="164"/>
        <v>1.019803902718557</v>
      </c>
      <c r="OMD7" s="9">
        <f t="shared" si="164"/>
        <v>1.019803902718557</v>
      </c>
      <c r="OME7" s="9">
        <f t="shared" si="164"/>
        <v>1.019803902718557</v>
      </c>
      <c r="OMF7" s="9">
        <f t="shared" si="164"/>
        <v>1.019803902718557</v>
      </c>
      <c r="OMG7" s="9">
        <f t="shared" si="164"/>
        <v>1.019803902718557</v>
      </c>
      <c r="OMH7" s="9">
        <f t="shared" si="164"/>
        <v>1.019803902718557</v>
      </c>
      <c r="OMI7" s="9">
        <f t="shared" si="164"/>
        <v>1.019803902718557</v>
      </c>
      <c r="OMJ7" s="9">
        <f t="shared" si="164"/>
        <v>1.019803902718557</v>
      </c>
      <c r="OMK7" s="9">
        <f t="shared" si="164"/>
        <v>1.019803902718557</v>
      </c>
      <c r="OML7" s="9">
        <f t="shared" si="164"/>
        <v>1.019803902718557</v>
      </c>
      <c r="OMM7" s="9">
        <f t="shared" si="164"/>
        <v>1.019803902718557</v>
      </c>
      <c r="OMN7" s="9">
        <f t="shared" si="164"/>
        <v>1.019803902718557</v>
      </c>
      <c r="OMO7" s="9">
        <f t="shared" si="164"/>
        <v>1.019803902718557</v>
      </c>
      <c r="OMP7" s="9">
        <f t="shared" si="164"/>
        <v>1.019803902718557</v>
      </c>
      <c r="OMQ7" s="9">
        <f t="shared" si="164"/>
        <v>1.019803902718557</v>
      </c>
      <c r="OMR7" s="9">
        <f t="shared" si="164"/>
        <v>1.019803902718557</v>
      </c>
      <c r="OMS7" s="9">
        <f t="shared" si="164"/>
        <v>1.019803902718557</v>
      </c>
      <c r="OMT7" s="9">
        <f t="shared" si="164"/>
        <v>1.019803902718557</v>
      </c>
      <c r="OMU7" s="9">
        <f t="shared" si="164"/>
        <v>1.019803902718557</v>
      </c>
      <c r="OMV7" s="9">
        <f t="shared" si="164"/>
        <v>1.019803902718557</v>
      </c>
      <c r="OMW7" s="9">
        <f t="shared" si="164"/>
        <v>1.019803902718557</v>
      </c>
      <c r="OMX7" s="9">
        <f t="shared" si="164"/>
        <v>1.019803902718557</v>
      </c>
      <c r="OMY7" s="9">
        <f t="shared" si="164"/>
        <v>1.019803902718557</v>
      </c>
      <c r="OMZ7" s="9">
        <f t="shared" si="164"/>
        <v>1.019803902718557</v>
      </c>
      <c r="ONA7" s="9">
        <f t="shared" si="164"/>
        <v>1.019803902718557</v>
      </c>
      <c r="ONB7" s="9">
        <f t="shared" ref="ONB7:OPM7" si="165">1/((1+$F$6) ^(ONB3-$F$7))</f>
        <v>1.019803902718557</v>
      </c>
      <c r="ONC7" s="9">
        <f t="shared" si="165"/>
        <v>1.019803902718557</v>
      </c>
      <c r="OND7" s="9">
        <f t="shared" si="165"/>
        <v>1.019803902718557</v>
      </c>
      <c r="ONE7" s="9">
        <f t="shared" si="165"/>
        <v>1.019803902718557</v>
      </c>
      <c r="ONF7" s="9">
        <f t="shared" si="165"/>
        <v>1.019803902718557</v>
      </c>
      <c r="ONG7" s="9">
        <f t="shared" si="165"/>
        <v>1.019803902718557</v>
      </c>
      <c r="ONH7" s="9">
        <f t="shared" si="165"/>
        <v>1.019803902718557</v>
      </c>
      <c r="ONI7" s="9">
        <f t="shared" si="165"/>
        <v>1.019803902718557</v>
      </c>
      <c r="ONJ7" s="9">
        <f t="shared" si="165"/>
        <v>1.019803902718557</v>
      </c>
      <c r="ONK7" s="9">
        <f t="shared" si="165"/>
        <v>1.019803902718557</v>
      </c>
      <c r="ONL7" s="9">
        <f t="shared" si="165"/>
        <v>1.019803902718557</v>
      </c>
      <c r="ONM7" s="9">
        <f t="shared" si="165"/>
        <v>1.019803902718557</v>
      </c>
      <c r="ONN7" s="9">
        <f t="shared" si="165"/>
        <v>1.019803902718557</v>
      </c>
      <c r="ONO7" s="9">
        <f t="shared" si="165"/>
        <v>1.019803902718557</v>
      </c>
      <c r="ONP7" s="9">
        <f t="shared" si="165"/>
        <v>1.019803902718557</v>
      </c>
      <c r="ONQ7" s="9">
        <f t="shared" si="165"/>
        <v>1.019803902718557</v>
      </c>
      <c r="ONR7" s="9">
        <f t="shared" si="165"/>
        <v>1.019803902718557</v>
      </c>
      <c r="ONS7" s="9">
        <f t="shared" si="165"/>
        <v>1.019803902718557</v>
      </c>
      <c r="ONT7" s="9">
        <f t="shared" si="165"/>
        <v>1.019803902718557</v>
      </c>
      <c r="ONU7" s="9">
        <f t="shared" si="165"/>
        <v>1.019803902718557</v>
      </c>
      <c r="ONV7" s="9">
        <f t="shared" si="165"/>
        <v>1.019803902718557</v>
      </c>
      <c r="ONW7" s="9">
        <f t="shared" si="165"/>
        <v>1.019803902718557</v>
      </c>
      <c r="ONX7" s="9">
        <f t="shared" si="165"/>
        <v>1.019803902718557</v>
      </c>
      <c r="ONY7" s="9">
        <f t="shared" si="165"/>
        <v>1.019803902718557</v>
      </c>
      <c r="ONZ7" s="9">
        <f t="shared" si="165"/>
        <v>1.019803902718557</v>
      </c>
      <c r="OOA7" s="9">
        <f t="shared" si="165"/>
        <v>1.019803902718557</v>
      </c>
      <c r="OOB7" s="9">
        <f t="shared" si="165"/>
        <v>1.019803902718557</v>
      </c>
      <c r="OOC7" s="9">
        <f t="shared" si="165"/>
        <v>1.019803902718557</v>
      </c>
      <c r="OOD7" s="9">
        <f t="shared" si="165"/>
        <v>1.019803902718557</v>
      </c>
      <c r="OOE7" s="9">
        <f t="shared" si="165"/>
        <v>1.019803902718557</v>
      </c>
      <c r="OOF7" s="9">
        <f t="shared" si="165"/>
        <v>1.019803902718557</v>
      </c>
      <c r="OOG7" s="9">
        <f t="shared" si="165"/>
        <v>1.019803902718557</v>
      </c>
      <c r="OOH7" s="9">
        <f t="shared" si="165"/>
        <v>1.019803902718557</v>
      </c>
      <c r="OOI7" s="9">
        <f t="shared" si="165"/>
        <v>1.019803902718557</v>
      </c>
      <c r="OOJ7" s="9">
        <f t="shared" si="165"/>
        <v>1.019803902718557</v>
      </c>
      <c r="OOK7" s="9">
        <f t="shared" si="165"/>
        <v>1.019803902718557</v>
      </c>
      <c r="OOL7" s="9">
        <f t="shared" si="165"/>
        <v>1.019803902718557</v>
      </c>
      <c r="OOM7" s="9">
        <f t="shared" si="165"/>
        <v>1.019803902718557</v>
      </c>
      <c r="OON7" s="9">
        <f t="shared" si="165"/>
        <v>1.019803902718557</v>
      </c>
      <c r="OOO7" s="9">
        <f t="shared" si="165"/>
        <v>1.019803902718557</v>
      </c>
      <c r="OOP7" s="9">
        <f t="shared" si="165"/>
        <v>1.019803902718557</v>
      </c>
      <c r="OOQ7" s="9">
        <f t="shared" si="165"/>
        <v>1.019803902718557</v>
      </c>
      <c r="OOR7" s="9">
        <f t="shared" si="165"/>
        <v>1.019803902718557</v>
      </c>
      <c r="OOS7" s="9">
        <f t="shared" si="165"/>
        <v>1.019803902718557</v>
      </c>
      <c r="OOT7" s="9">
        <f t="shared" si="165"/>
        <v>1.019803902718557</v>
      </c>
      <c r="OOU7" s="9">
        <f t="shared" si="165"/>
        <v>1.019803902718557</v>
      </c>
      <c r="OOV7" s="9">
        <f t="shared" si="165"/>
        <v>1.019803902718557</v>
      </c>
      <c r="OOW7" s="9">
        <f t="shared" si="165"/>
        <v>1.019803902718557</v>
      </c>
      <c r="OOX7" s="9">
        <f t="shared" si="165"/>
        <v>1.019803902718557</v>
      </c>
      <c r="OOY7" s="9">
        <f t="shared" si="165"/>
        <v>1.019803902718557</v>
      </c>
      <c r="OOZ7" s="9">
        <f t="shared" si="165"/>
        <v>1.019803902718557</v>
      </c>
      <c r="OPA7" s="9">
        <f t="shared" si="165"/>
        <v>1.019803902718557</v>
      </c>
      <c r="OPB7" s="9">
        <f t="shared" si="165"/>
        <v>1.019803902718557</v>
      </c>
      <c r="OPC7" s="9">
        <f t="shared" si="165"/>
        <v>1.019803902718557</v>
      </c>
      <c r="OPD7" s="9">
        <f t="shared" si="165"/>
        <v>1.019803902718557</v>
      </c>
      <c r="OPE7" s="9">
        <f t="shared" si="165"/>
        <v>1.019803902718557</v>
      </c>
      <c r="OPF7" s="9">
        <f t="shared" si="165"/>
        <v>1.019803902718557</v>
      </c>
      <c r="OPG7" s="9">
        <f t="shared" si="165"/>
        <v>1.019803902718557</v>
      </c>
      <c r="OPH7" s="9">
        <f t="shared" si="165"/>
        <v>1.019803902718557</v>
      </c>
      <c r="OPI7" s="9">
        <f t="shared" si="165"/>
        <v>1.019803902718557</v>
      </c>
      <c r="OPJ7" s="9">
        <f t="shared" si="165"/>
        <v>1.019803902718557</v>
      </c>
      <c r="OPK7" s="9">
        <f t="shared" si="165"/>
        <v>1.019803902718557</v>
      </c>
      <c r="OPL7" s="9">
        <f t="shared" si="165"/>
        <v>1.019803902718557</v>
      </c>
      <c r="OPM7" s="9">
        <f t="shared" si="165"/>
        <v>1.019803902718557</v>
      </c>
      <c r="OPN7" s="9">
        <f t="shared" ref="OPN7:ORY7" si="166">1/((1+$F$6) ^(OPN3-$F$7))</f>
        <v>1.019803902718557</v>
      </c>
      <c r="OPO7" s="9">
        <f t="shared" si="166"/>
        <v>1.019803902718557</v>
      </c>
      <c r="OPP7" s="9">
        <f t="shared" si="166"/>
        <v>1.019803902718557</v>
      </c>
      <c r="OPQ7" s="9">
        <f t="shared" si="166"/>
        <v>1.019803902718557</v>
      </c>
      <c r="OPR7" s="9">
        <f t="shared" si="166"/>
        <v>1.019803902718557</v>
      </c>
      <c r="OPS7" s="9">
        <f t="shared" si="166"/>
        <v>1.019803902718557</v>
      </c>
      <c r="OPT7" s="9">
        <f t="shared" si="166"/>
        <v>1.019803902718557</v>
      </c>
      <c r="OPU7" s="9">
        <f t="shared" si="166"/>
        <v>1.019803902718557</v>
      </c>
      <c r="OPV7" s="9">
        <f t="shared" si="166"/>
        <v>1.019803902718557</v>
      </c>
      <c r="OPW7" s="9">
        <f t="shared" si="166"/>
        <v>1.019803902718557</v>
      </c>
      <c r="OPX7" s="9">
        <f t="shared" si="166"/>
        <v>1.019803902718557</v>
      </c>
      <c r="OPY7" s="9">
        <f t="shared" si="166"/>
        <v>1.019803902718557</v>
      </c>
      <c r="OPZ7" s="9">
        <f t="shared" si="166"/>
        <v>1.019803902718557</v>
      </c>
      <c r="OQA7" s="9">
        <f t="shared" si="166"/>
        <v>1.019803902718557</v>
      </c>
      <c r="OQB7" s="9">
        <f t="shared" si="166"/>
        <v>1.019803902718557</v>
      </c>
      <c r="OQC7" s="9">
        <f t="shared" si="166"/>
        <v>1.019803902718557</v>
      </c>
      <c r="OQD7" s="9">
        <f t="shared" si="166"/>
        <v>1.019803902718557</v>
      </c>
      <c r="OQE7" s="9">
        <f t="shared" si="166"/>
        <v>1.019803902718557</v>
      </c>
      <c r="OQF7" s="9">
        <f t="shared" si="166"/>
        <v>1.019803902718557</v>
      </c>
      <c r="OQG7" s="9">
        <f t="shared" si="166"/>
        <v>1.019803902718557</v>
      </c>
      <c r="OQH7" s="9">
        <f t="shared" si="166"/>
        <v>1.019803902718557</v>
      </c>
      <c r="OQI7" s="9">
        <f t="shared" si="166"/>
        <v>1.019803902718557</v>
      </c>
      <c r="OQJ7" s="9">
        <f t="shared" si="166"/>
        <v>1.019803902718557</v>
      </c>
      <c r="OQK7" s="9">
        <f t="shared" si="166"/>
        <v>1.019803902718557</v>
      </c>
      <c r="OQL7" s="9">
        <f t="shared" si="166"/>
        <v>1.019803902718557</v>
      </c>
      <c r="OQM7" s="9">
        <f t="shared" si="166"/>
        <v>1.019803902718557</v>
      </c>
      <c r="OQN7" s="9">
        <f t="shared" si="166"/>
        <v>1.019803902718557</v>
      </c>
      <c r="OQO7" s="9">
        <f t="shared" si="166"/>
        <v>1.019803902718557</v>
      </c>
      <c r="OQP7" s="9">
        <f t="shared" si="166"/>
        <v>1.019803902718557</v>
      </c>
      <c r="OQQ7" s="9">
        <f t="shared" si="166"/>
        <v>1.019803902718557</v>
      </c>
      <c r="OQR7" s="9">
        <f t="shared" si="166"/>
        <v>1.019803902718557</v>
      </c>
      <c r="OQS7" s="9">
        <f t="shared" si="166"/>
        <v>1.019803902718557</v>
      </c>
      <c r="OQT7" s="9">
        <f t="shared" si="166"/>
        <v>1.019803902718557</v>
      </c>
      <c r="OQU7" s="9">
        <f t="shared" si="166"/>
        <v>1.019803902718557</v>
      </c>
      <c r="OQV7" s="9">
        <f t="shared" si="166"/>
        <v>1.019803902718557</v>
      </c>
      <c r="OQW7" s="9">
        <f t="shared" si="166"/>
        <v>1.019803902718557</v>
      </c>
      <c r="OQX7" s="9">
        <f t="shared" si="166"/>
        <v>1.019803902718557</v>
      </c>
      <c r="OQY7" s="9">
        <f t="shared" si="166"/>
        <v>1.019803902718557</v>
      </c>
      <c r="OQZ7" s="9">
        <f t="shared" si="166"/>
        <v>1.019803902718557</v>
      </c>
      <c r="ORA7" s="9">
        <f t="shared" si="166"/>
        <v>1.019803902718557</v>
      </c>
      <c r="ORB7" s="9">
        <f t="shared" si="166"/>
        <v>1.019803902718557</v>
      </c>
      <c r="ORC7" s="9">
        <f t="shared" si="166"/>
        <v>1.019803902718557</v>
      </c>
      <c r="ORD7" s="9">
        <f t="shared" si="166"/>
        <v>1.019803902718557</v>
      </c>
      <c r="ORE7" s="9">
        <f t="shared" si="166"/>
        <v>1.019803902718557</v>
      </c>
      <c r="ORF7" s="9">
        <f t="shared" si="166"/>
        <v>1.019803902718557</v>
      </c>
      <c r="ORG7" s="9">
        <f t="shared" si="166"/>
        <v>1.019803902718557</v>
      </c>
      <c r="ORH7" s="9">
        <f t="shared" si="166"/>
        <v>1.019803902718557</v>
      </c>
      <c r="ORI7" s="9">
        <f t="shared" si="166"/>
        <v>1.019803902718557</v>
      </c>
      <c r="ORJ7" s="9">
        <f t="shared" si="166"/>
        <v>1.019803902718557</v>
      </c>
      <c r="ORK7" s="9">
        <f t="shared" si="166"/>
        <v>1.019803902718557</v>
      </c>
      <c r="ORL7" s="9">
        <f t="shared" si="166"/>
        <v>1.019803902718557</v>
      </c>
      <c r="ORM7" s="9">
        <f t="shared" si="166"/>
        <v>1.019803902718557</v>
      </c>
      <c r="ORN7" s="9">
        <f t="shared" si="166"/>
        <v>1.019803902718557</v>
      </c>
      <c r="ORO7" s="9">
        <f t="shared" si="166"/>
        <v>1.019803902718557</v>
      </c>
      <c r="ORP7" s="9">
        <f t="shared" si="166"/>
        <v>1.019803902718557</v>
      </c>
      <c r="ORQ7" s="9">
        <f t="shared" si="166"/>
        <v>1.019803902718557</v>
      </c>
      <c r="ORR7" s="9">
        <f t="shared" si="166"/>
        <v>1.019803902718557</v>
      </c>
      <c r="ORS7" s="9">
        <f t="shared" si="166"/>
        <v>1.019803902718557</v>
      </c>
      <c r="ORT7" s="9">
        <f t="shared" si="166"/>
        <v>1.019803902718557</v>
      </c>
      <c r="ORU7" s="9">
        <f t="shared" si="166"/>
        <v>1.019803902718557</v>
      </c>
      <c r="ORV7" s="9">
        <f t="shared" si="166"/>
        <v>1.019803902718557</v>
      </c>
      <c r="ORW7" s="9">
        <f t="shared" si="166"/>
        <v>1.019803902718557</v>
      </c>
      <c r="ORX7" s="9">
        <f t="shared" si="166"/>
        <v>1.019803902718557</v>
      </c>
      <c r="ORY7" s="9">
        <f t="shared" si="166"/>
        <v>1.019803902718557</v>
      </c>
      <c r="ORZ7" s="9">
        <f t="shared" ref="ORZ7:OUK7" si="167">1/((1+$F$6) ^(ORZ3-$F$7))</f>
        <v>1.019803902718557</v>
      </c>
      <c r="OSA7" s="9">
        <f t="shared" si="167"/>
        <v>1.019803902718557</v>
      </c>
      <c r="OSB7" s="9">
        <f t="shared" si="167"/>
        <v>1.019803902718557</v>
      </c>
      <c r="OSC7" s="9">
        <f t="shared" si="167"/>
        <v>1.019803902718557</v>
      </c>
      <c r="OSD7" s="9">
        <f t="shared" si="167"/>
        <v>1.019803902718557</v>
      </c>
      <c r="OSE7" s="9">
        <f t="shared" si="167"/>
        <v>1.019803902718557</v>
      </c>
      <c r="OSF7" s="9">
        <f t="shared" si="167"/>
        <v>1.019803902718557</v>
      </c>
      <c r="OSG7" s="9">
        <f t="shared" si="167"/>
        <v>1.019803902718557</v>
      </c>
      <c r="OSH7" s="9">
        <f t="shared" si="167"/>
        <v>1.019803902718557</v>
      </c>
      <c r="OSI7" s="9">
        <f t="shared" si="167"/>
        <v>1.019803902718557</v>
      </c>
      <c r="OSJ7" s="9">
        <f t="shared" si="167"/>
        <v>1.019803902718557</v>
      </c>
      <c r="OSK7" s="9">
        <f t="shared" si="167"/>
        <v>1.019803902718557</v>
      </c>
      <c r="OSL7" s="9">
        <f t="shared" si="167"/>
        <v>1.019803902718557</v>
      </c>
      <c r="OSM7" s="9">
        <f t="shared" si="167"/>
        <v>1.019803902718557</v>
      </c>
      <c r="OSN7" s="9">
        <f t="shared" si="167"/>
        <v>1.019803902718557</v>
      </c>
      <c r="OSO7" s="9">
        <f t="shared" si="167"/>
        <v>1.019803902718557</v>
      </c>
      <c r="OSP7" s="9">
        <f t="shared" si="167"/>
        <v>1.019803902718557</v>
      </c>
      <c r="OSQ7" s="9">
        <f t="shared" si="167"/>
        <v>1.019803902718557</v>
      </c>
      <c r="OSR7" s="9">
        <f t="shared" si="167"/>
        <v>1.019803902718557</v>
      </c>
      <c r="OSS7" s="9">
        <f t="shared" si="167"/>
        <v>1.019803902718557</v>
      </c>
      <c r="OST7" s="9">
        <f t="shared" si="167"/>
        <v>1.019803902718557</v>
      </c>
      <c r="OSU7" s="9">
        <f t="shared" si="167"/>
        <v>1.019803902718557</v>
      </c>
      <c r="OSV7" s="9">
        <f t="shared" si="167"/>
        <v>1.019803902718557</v>
      </c>
      <c r="OSW7" s="9">
        <f t="shared" si="167"/>
        <v>1.019803902718557</v>
      </c>
      <c r="OSX7" s="9">
        <f t="shared" si="167"/>
        <v>1.019803902718557</v>
      </c>
      <c r="OSY7" s="9">
        <f t="shared" si="167"/>
        <v>1.019803902718557</v>
      </c>
      <c r="OSZ7" s="9">
        <f t="shared" si="167"/>
        <v>1.019803902718557</v>
      </c>
      <c r="OTA7" s="9">
        <f t="shared" si="167"/>
        <v>1.019803902718557</v>
      </c>
      <c r="OTB7" s="9">
        <f t="shared" si="167"/>
        <v>1.019803902718557</v>
      </c>
      <c r="OTC7" s="9">
        <f t="shared" si="167"/>
        <v>1.019803902718557</v>
      </c>
      <c r="OTD7" s="9">
        <f t="shared" si="167"/>
        <v>1.019803902718557</v>
      </c>
      <c r="OTE7" s="9">
        <f t="shared" si="167"/>
        <v>1.019803902718557</v>
      </c>
      <c r="OTF7" s="9">
        <f t="shared" si="167"/>
        <v>1.019803902718557</v>
      </c>
      <c r="OTG7" s="9">
        <f t="shared" si="167"/>
        <v>1.019803902718557</v>
      </c>
      <c r="OTH7" s="9">
        <f t="shared" si="167"/>
        <v>1.019803902718557</v>
      </c>
      <c r="OTI7" s="9">
        <f t="shared" si="167"/>
        <v>1.019803902718557</v>
      </c>
      <c r="OTJ7" s="9">
        <f t="shared" si="167"/>
        <v>1.019803902718557</v>
      </c>
      <c r="OTK7" s="9">
        <f t="shared" si="167"/>
        <v>1.019803902718557</v>
      </c>
      <c r="OTL7" s="9">
        <f t="shared" si="167"/>
        <v>1.019803902718557</v>
      </c>
      <c r="OTM7" s="9">
        <f t="shared" si="167"/>
        <v>1.019803902718557</v>
      </c>
      <c r="OTN7" s="9">
        <f t="shared" si="167"/>
        <v>1.019803902718557</v>
      </c>
      <c r="OTO7" s="9">
        <f t="shared" si="167"/>
        <v>1.019803902718557</v>
      </c>
      <c r="OTP7" s="9">
        <f t="shared" si="167"/>
        <v>1.019803902718557</v>
      </c>
      <c r="OTQ7" s="9">
        <f t="shared" si="167"/>
        <v>1.019803902718557</v>
      </c>
      <c r="OTR7" s="9">
        <f t="shared" si="167"/>
        <v>1.019803902718557</v>
      </c>
      <c r="OTS7" s="9">
        <f t="shared" si="167"/>
        <v>1.019803902718557</v>
      </c>
      <c r="OTT7" s="9">
        <f t="shared" si="167"/>
        <v>1.019803902718557</v>
      </c>
      <c r="OTU7" s="9">
        <f t="shared" si="167"/>
        <v>1.019803902718557</v>
      </c>
      <c r="OTV7" s="9">
        <f t="shared" si="167"/>
        <v>1.019803902718557</v>
      </c>
      <c r="OTW7" s="9">
        <f t="shared" si="167"/>
        <v>1.019803902718557</v>
      </c>
      <c r="OTX7" s="9">
        <f t="shared" si="167"/>
        <v>1.019803902718557</v>
      </c>
      <c r="OTY7" s="9">
        <f t="shared" si="167"/>
        <v>1.019803902718557</v>
      </c>
      <c r="OTZ7" s="9">
        <f t="shared" si="167"/>
        <v>1.019803902718557</v>
      </c>
      <c r="OUA7" s="9">
        <f t="shared" si="167"/>
        <v>1.019803902718557</v>
      </c>
      <c r="OUB7" s="9">
        <f t="shared" si="167"/>
        <v>1.019803902718557</v>
      </c>
      <c r="OUC7" s="9">
        <f t="shared" si="167"/>
        <v>1.019803902718557</v>
      </c>
      <c r="OUD7" s="9">
        <f t="shared" si="167"/>
        <v>1.019803902718557</v>
      </c>
      <c r="OUE7" s="9">
        <f t="shared" si="167"/>
        <v>1.019803902718557</v>
      </c>
      <c r="OUF7" s="9">
        <f t="shared" si="167"/>
        <v>1.019803902718557</v>
      </c>
      <c r="OUG7" s="9">
        <f t="shared" si="167"/>
        <v>1.019803902718557</v>
      </c>
      <c r="OUH7" s="9">
        <f t="shared" si="167"/>
        <v>1.019803902718557</v>
      </c>
      <c r="OUI7" s="9">
        <f t="shared" si="167"/>
        <v>1.019803902718557</v>
      </c>
      <c r="OUJ7" s="9">
        <f t="shared" si="167"/>
        <v>1.019803902718557</v>
      </c>
      <c r="OUK7" s="9">
        <f t="shared" si="167"/>
        <v>1.019803902718557</v>
      </c>
      <c r="OUL7" s="9">
        <f t="shared" ref="OUL7:OWW7" si="168">1/((1+$F$6) ^(OUL3-$F$7))</f>
        <v>1.019803902718557</v>
      </c>
      <c r="OUM7" s="9">
        <f t="shared" si="168"/>
        <v>1.019803902718557</v>
      </c>
      <c r="OUN7" s="9">
        <f t="shared" si="168"/>
        <v>1.019803902718557</v>
      </c>
      <c r="OUO7" s="9">
        <f t="shared" si="168"/>
        <v>1.019803902718557</v>
      </c>
      <c r="OUP7" s="9">
        <f t="shared" si="168"/>
        <v>1.019803902718557</v>
      </c>
      <c r="OUQ7" s="9">
        <f t="shared" si="168"/>
        <v>1.019803902718557</v>
      </c>
      <c r="OUR7" s="9">
        <f t="shared" si="168"/>
        <v>1.019803902718557</v>
      </c>
      <c r="OUS7" s="9">
        <f t="shared" si="168"/>
        <v>1.019803902718557</v>
      </c>
      <c r="OUT7" s="9">
        <f t="shared" si="168"/>
        <v>1.019803902718557</v>
      </c>
      <c r="OUU7" s="9">
        <f t="shared" si="168"/>
        <v>1.019803902718557</v>
      </c>
      <c r="OUV7" s="9">
        <f t="shared" si="168"/>
        <v>1.019803902718557</v>
      </c>
      <c r="OUW7" s="9">
        <f t="shared" si="168"/>
        <v>1.019803902718557</v>
      </c>
      <c r="OUX7" s="9">
        <f t="shared" si="168"/>
        <v>1.019803902718557</v>
      </c>
      <c r="OUY7" s="9">
        <f t="shared" si="168"/>
        <v>1.019803902718557</v>
      </c>
      <c r="OUZ7" s="9">
        <f t="shared" si="168"/>
        <v>1.019803902718557</v>
      </c>
      <c r="OVA7" s="9">
        <f t="shared" si="168"/>
        <v>1.019803902718557</v>
      </c>
      <c r="OVB7" s="9">
        <f t="shared" si="168"/>
        <v>1.019803902718557</v>
      </c>
      <c r="OVC7" s="9">
        <f t="shared" si="168"/>
        <v>1.019803902718557</v>
      </c>
      <c r="OVD7" s="9">
        <f t="shared" si="168"/>
        <v>1.019803902718557</v>
      </c>
      <c r="OVE7" s="9">
        <f t="shared" si="168"/>
        <v>1.019803902718557</v>
      </c>
      <c r="OVF7" s="9">
        <f t="shared" si="168"/>
        <v>1.019803902718557</v>
      </c>
      <c r="OVG7" s="9">
        <f t="shared" si="168"/>
        <v>1.019803902718557</v>
      </c>
      <c r="OVH7" s="9">
        <f t="shared" si="168"/>
        <v>1.019803902718557</v>
      </c>
      <c r="OVI7" s="9">
        <f t="shared" si="168"/>
        <v>1.019803902718557</v>
      </c>
      <c r="OVJ7" s="9">
        <f t="shared" si="168"/>
        <v>1.019803902718557</v>
      </c>
      <c r="OVK7" s="9">
        <f t="shared" si="168"/>
        <v>1.019803902718557</v>
      </c>
      <c r="OVL7" s="9">
        <f t="shared" si="168"/>
        <v>1.019803902718557</v>
      </c>
      <c r="OVM7" s="9">
        <f t="shared" si="168"/>
        <v>1.019803902718557</v>
      </c>
      <c r="OVN7" s="9">
        <f t="shared" si="168"/>
        <v>1.019803902718557</v>
      </c>
      <c r="OVO7" s="9">
        <f t="shared" si="168"/>
        <v>1.019803902718557</v>
      </c>
      <c r="OVP7" s="9">
        <f t="shared" si="168"/>
        <v>1.019803902718557</v>
      </c>
      <c r="OVQ7" s="9">
        <f t="shared" si="168"/>
        <v>1.019803902718557</v>
      </c>
      <c r="OVR7" s="9">
        <f t="shared" si="168"/>
        <v>1.019803902718557</v>
      </c>
      <c r="OVS7" s="9">
        <f t="shared" si="168"/>
        <v>1.019803902718557</v>
      </c>
      <c r="OVT7" s="9">
        <f t="shared" si="168"/>
        <v>1.019803902718557</v>
      </c>
      <c r="OVU7" s="9">
        <f t="shared" si="168"/>
        <v>1.019803902718557</v>
      </c>
      <c r="OVV7" s="9">
        <f t="shared" si="168"/>
        <v>1.019803902718557</v>
      </c>
      <c r="OVW7" s="9">
        <f t="shared" si="168"/>
        <v>1.019803902718557</v>
      </c>
      <c r="OVX7" s="9">
        <f t="shared" si="168"/>
        <v>1.019803902718557</v>
      </c>
      <c r="OVY7" s="9">
        <f t="shared" si="168"/>
        <v>1.019803902718557</v>
      </c>
      <c r="OVZ7" s="9">
        <f t="shared" si="168"/>
        <v>1.019803902718557</v>
      </c>
      <c r="OWA7" s="9">
        <f t="shared" si="168"/>
        <v>1.019803902718557</v>
      </c>
      <c r="OWB7" s="9">
        <f t="shared" si="168"/>
        <v>1.019803902718557</v>
      </c>
      <c r="OWC7" s="9">
        <f t="shared" si="168"/>
        <v>1.019803902718557</v>
      </c>
      <c r="OWD7" s="9">
        <f t="shared" si="168"/>
        <v>1.019803902718557</v>
      </c>
      <c r="OWE7" s="9">
        <f t="shared" si="168"/>
        <v>1.019803902718557</v>
      </c>
      <c r="OWF7" s="9">
        <f t="shared" si="168"/>
        <v>1.019803902718557</v>
      </c>
      <c r="OWG7" s="9">
        <f t="shared" si="168"/>
        <v>1.019803902718557</v>
      </c>
      <c r="OWH7" s="9">
        <f t="shared" si="168"/>
        <v>1.019803902718557</v>
      </c>
      <c r="OWI7" s="9">
        <f t="shared" si="168"/>
        <v>1.019803902718557</v>
      </c>
      <c r="OWJ7" s="9">
        <f t="shared" si="168"/>
        <v>1.019803902718557</v>
      </c>
      <c r="OWK7" s="9">
        <f t="shared" si="168"/>
        <v>1.019803902718557</v>
      </c>
      <c r="OWL7" s="9">
        <f t="shared" si="168"/>
        <v>1.019803902718557</v>
      </c>
      <c r="OWM7" s="9">
        <f t="shared" si="168"/>
        <v>1.019803902718557</v>
      </c>
      <c r="OWN7" s="9">
        <f t="shared" si="168"/>
        <v>1.019803902718557</v>
      </c>
      <c r="OWO7" s="9">
        <f t="shared" si="168"/>
        <v>1.019803902718557</v>
      </c>
      <c r="OWP7" s="9">
        <f t="shared" si="168"/>
        <v>1.019803902718557</v>
      </c>
      <c r="OWQ7" s="9">
        <f t="shared" si="168"/>
        <v>1.019803902718557</v>
      </c>
      <c r="OWR7" s="9">
        <f t="shared" si="168"/>
        <v>1.019803902718557</v>
      </c>
      <c r="OWS7" s="9">
        <f t="shared" si="168"/>
        <v>1.019803902718557</v>
      </c>
      <c r="OWT7" s="9">
        <f t="shared" si="168"/>
        <v>1.019803902718557</v>
      </c>
      <c r="OWU7" s="9">
        <f t="shared" si="168"/>
        <v>1.019803902718557</v>
      </c>
      <c r="OWV7" s="9">
        <f t="shared" si="168"/>
        <v>1.019803902718557</v>
      </c>
      <c r="OWW7" s="9">
        <f t="shared" si="168"/>
        <v>1.019803902718557</v>
      </c>
      <c r="OWX7" s="9">
        <f t="shared" ref="OWX7:OZI7" si="169">1/((1+$F$6) ^(OWX3-$F$7))</f>
        <v>1.019803902718557</v>
      </c>
      <c r="OWY7" s="9">
        <f t="shared" si="169"/>
        <v>1.019803902718557</v>
      </c>
      <c r="OWZ7" s="9">
        <f t="shared" si="169"/>
        <v>1.019803902718557</v>
      </c>
      <c r="OXA7" s="9">
        <f t="shared" si="169"/>
        <v>1.019803902718557</v>
      </c>
      <c r="OXB7" s="9">
        <f t="shared" si="169"/>
        <v>1.019803902718557</v>
      </c>
      <c r="OXC7" s="9">
        <f t="shared" si="169"/>
        <v>1.019803902718557</v>
      </c>
      <c r="OXD7" s="9">
        <f t="shared" si="169"/>
        <v>1.019803902718557</v>
      </c>
      <c r="OXE7" s="9">
        <f t="shared" si="169"/>
        <v>1.019803902718557</v>
      </c>
      <c r="OXF7" s="9">
        <f t="shared" si="169"/>
        <v>1.019803902718557</v>
      </c>
      <c r="OXG7" s="9">
        <f t="shared" si="169"/>
        <v>1.019803902718557</v>
      </c>
      <c r="OXH7" s="9">
        <f t="shared" si="169"/>
        <v>1.019803902718557</v>
      </c>
      <c r="OXI7" s="9">
        <f t="shared" si="169"/>
        <v>1.019803902718557</v>
      </c>
      <c r="OXJ7" s="9">
        <f t="shared" si="169"/>
        <v>1.019803902718557</v>
      </c>
      <c r="OXK7" s="9">
        <f t="shared" si="169"/>
        <v>1.019803902718557</v>
      </c>
      <c r="OXL7" s="9">
        <f t="shared" si="169"/>
        <v>1.019803902718557</v>
      </c>
      <c r="OXM7" s="9">
        <f t="shared" si="169"/>
        <v>1.019803902718557</v>
      </c>
      <c r="OXN7" s="9">
        <f t="shared" si="169"/>
        <v>1.019803902718557</v>
      </c>
      <c r="OXO7" s="9">
        <f t="shared" si="169"/>
        <v>1.019803902718557</v>
      </c>
      <c r="OXP7" s="9">
        <f t="shared" si="169"/>
        <v>1.019803902718557</v>
      </c>
      <c r="OXQ7" s="9">
        <f t="shared" si="169"/>
        <v>1.019803902718557</v>
      </c>
      <c r="OXR7" s="9">
        <f t="shared" si="169"/>
        <v>1.019803902718557</v>
      </c>
      <c r="OXS7" s="9">
        <f t="shared" si="169"/>
        <v>1.019803902718557</v>
      </c>
      <c r="OXT7" s="9">
        <f t="shared" si="169"/>
        <v>1.019803902718557</v>
      </c>
      <c r="OXU7" s="9">
        <f t="shared" si="169"/>
        <v>1.019803902718557</v>
      </c>
      <c r="OXV7" s="9">
        <f t="shared" si="169"/>
        <v>1.019803902718557</v>
      </c>
      <c r="OXW7" s="9">
        <f t="shared" si="169"/>
        <v>1.019803902718557</v>
      </c>
      <c r="OXX7" s="9">
        <f t="shared" si="169"/>
        <v>1.019803902718557</v>
      </c>
      <c r="OXY7" s="9">
        <f t="shared" si="169"/>
        <v>1.019803902718557</v>
      </c>
      <c r="OXZ7" s="9">
        <f t="shared" si="169"/>
        <v>1.019803902718557</v>
      </c>
      <c r="OYA7" s="9">
        <f t="shared" si="169"/>
        <v>1.019803902718557</v>
      </c>
      <c r="OYB7" s="9">
        <f t="shared" si="169"/>
        <v>1.019803902718557</v>
      </c>
      <c r="OYC7" s="9">
        <f t="shared" si="169"/>
        <v>1.019803902718557</v>
      </c>
      <c r="OYD7" s="9">
        <f t="shared" si="169"/>
        <v>1.019803902718557</v>
      </c>
      <c r="OYE7" s="9">
        <f t="shared" si="169"/>
        <v>1.019803902718557</v>
      </c>
      <c r="OYF7" s="9">
        <f t="shared" si="169"/>
        <v>1.019803902718557</v>
      </c>
      <c r="OYG7" s="9">
        <f t="shared" si="169"/>
        <v>1.019803902718557</v>
      </c>
      <c r="OYH7" s="9">
        <f t="shared" si="169"/>
        <v>1.019803902718557</v>
      </c>
      <c r="OYI7" s="9">
        <f t="shared" si="169"/>
        <v>1.019803902718557</v>
      </c>
      <c r="OYJ7" s="9">
        <f t="shared" si="169"/>
        <v>1.019803902718557</v>
      </c>
      <c r="OYK7" s="9">
        <f t="shared" si="169"/>
        <v>1.019803902718557</v>
      </c>
      <c r="OYL7" s="9">
        <f t="shared" si="169"/>
        <v>1.019803902718557</v>
      </c>
      <c r="OYM7" s="9">
        <f t="shared" si="169"/>
        <v>1.019803902718557</v>
      </c>
      <c r="OYN7" s="9">
        <f t="shared" si="169"/>
        <v>1.019803902718557</v>
      </c>
      <c r="OYO7" s="9">
        <f t="shared" si="169"/>
        <v>1.019803902718557</v>
      </c>
      <c r="OYP7" s="9">
        <f t="shared" si="169"/>
        <v>1.019803902718557</v>
      </c>
      <c r="OYQ7" s="9">
        <f t="shared" si="169"/>
        <v>1.019803902718557</v>
      </c>
      <c r="OYR7" s="9">
        <f t="shared" si="169"/>
        <v>1.019803902718557</v>
      </c>
      <c r="OYS7" s="9">
        <f t="shared" si="169"/>
        <v>1.019803902718557</v>
      </c>
      <c r="OYT7" s="9">
        <f t="shared" si="169"/>
        <v>1.019803902718557</v>
      </c>
      <c r="OYU7" s="9">
        <f t="shared" si="169"/>
        <v>1.019803902718557</v>
      </c>
      <c r="OYV7" s="9">
        <f t="shared" si="169"/>
        <v>1.019803902718557</v>
      </c>
      <c r="OYW7" s="9">
        <f t="shared" si="169"/>
        <v>1.019803902718557</v>
      </c>
      <c r="OYX7" s="9">
        <f t="shared" si="169"/>
        <v>1.019803902718557</v>
      </c>
      <c r="OYY7" s="9">
        <f t="shared" si="169"/>
        <v>1.019803902718557</v>
      </c>
      <c r="OYZ7" s="9">
        <f t="shared" si="169"/>
        <v>1.019803902718557</v>
      </c>
      <c r="OZA7" s="9">
        <f t="shared" si="169"/>
        <v>1.019803902718557</v>
      </c>
      <c r="OZB7" s="9">
        <f t="shared" si="169"/>
        <v>1.019803902718557</v>
      </c>
      <c r="OZC7" s="9">
        <f t="shared" si="169"/>
        <v>1.019803902718557</v>
      </c>
      <c r="OZD7" s="9">
        <f t="shared" si="169"/>
        <v>1.019803902718557</v>
      </c>
      <c r="OZE7" s="9">
        <f t="shared" si="169"/>
        <v>1.019803902718557</v>
      </c>
      <c r="OZF7" s="9">
        <f t="shared" si="169"/>
        <v>1.019803902718557</v>
      </c>
      <c r="OZG7" s="9">
        <f t="shared" si="169"/>
        <v>1.019803902718557</v>
      </c>
      <c r="OZH7" s="9">
        <f t="shared" si="169"/>
        <v>1.019803902718557</v>
      </c>
      <c r="OZI7" s="9">
        <f t="shared" si="169"/>
        <v>1.019803902718557</v>
      </c>
      <c r="OZJ7" s="9">
        <f t="shared" ref="OZJ7:PBU7" si="170">1/((1+$F$6) ^(OZJ3-$F$7))</f>
        <v>1.019803902718557</v>
      </c>
      <c r="OZK7" s="9">
        <f t="shared" si="170"/>
        <v>1.019803902718557</v>
      </c>
      <c r="OZL7" s="9">
        <f t="shared" si="170"/>
        <v>1.019803902718557</v>
      </c>
      <c r="OZM7" s="9">
        <f t="shared" si="170"/>
        <v>1.019803902718557</v>
      </c>
      <c r="OZN7" s="9">
        <f t="shared" si="170"/>
        <v>1.019803902718557</v>
      </c>
      <c r="OZO7" s="9">
        <f t="shared" si="170"/>
        <v>1.019803902718557</v>
      </c>
      <c r="OZP7" s="9">
        <f t="shared" si="170"/>
        <v>1.019803902718557</v>
      </c>
      <c r="OZQ7" s="9">
        <f t="shared" si="170"/>
        <v>1.019803902718557</v>
      </c>
      <c r="OZR7" s="9">
        <f t="shared" si="170"/>
        <v>1.019803902718557</v>
      </c>
      <c r="OZS7" s="9">
        <f t="shared" si="170"/>
        <v>1.019803902718557</v>
      </c>
      <c r="OZT7" s="9">
        <f t="shared" si="170"/>
        <v>1.019803902718557</v>
      </c>
      <c r="OZU7" s="9">
        <f t="shared" si="170"/>
        <v>1.019803902718557</v>
      </c>
      <c r="OZV7" s="9">
        <f t="shared" si="170"/>
        <v>1.019803902718557</v>
      </c>
      <c r="OZW7" s="9">
        <f t="shared" si="170"/>
        <v>1.019803902718557</v>
      </c>
      <c r="OZX7" s="9">
        <f t="shared" si="170"/>
        <v>1.019803902718557</v>
      </c>
      <c r="OZY7" s="9">
        <f t="shared" si="170"/>
        <v>1.019803902718557</v>
      </c>
      <c r="OZZ7" s="9">
        <f t="shared" si="170"/>
        <v>1.019803902718557</v>
      </c>
      <c r="PAA7" s="9">
        <f t="shared" si="170"/>
        <v>1.019803902718557</v>
      </c>
      <c r="PAB7" s="9">
        <f t="shared" si="170"/>
        <v>1.019803902718557</v>
      </c>
      <c r="PAC7" s="9">
        <f t="shared" si="170"/>
        <v>1.019803902718557</v>
      </c>
      <c r="PAD7" s="9">
        <f t="shared" si="170"/>
        <v>1.019803902718557</v>
      </c>
      <c r="PAE7" s="9">
        <f t="shared" si="170"/>
        <v>1.019803902718557</v>
      </c>
      <c r="PAF7" s="9">
        <f t="shared" si="170"/>
        <v>1.019803902718557</v>
      </c>
      <c r="PAG7" s="9">
        <f t="shared" si="170"/>
        <v>1.019803902718557</v>
      </c>
      <c r="PAH7" s="9">
        <f t="shared" si="170"/>
        <v>1.019803902718557</v>
      </c>
      <c r="PAI7" s="9">
        <f t="shared" si="170"/>
        <v>1.019803902718557</v>
      </c>
      <c r="PAJ7" s="9">
        <f t="shared" si="170"/>
        <v>1.019803902718557</v>
      </c>
      <c r="PAK7" s="9">
        <f t="shared" si="170"/>
        <v>1.019803902718557</v>
      </c>
      <c r="PAL7" s="9">
        <f t="shared" si="170"/>
        <v>1.019803902718557</v>
      </c>
      <c r="PAM7" s="9">
        <f t="shared" si="170"/>
        <v>1.019803902718557</v>
      </c>
      <c r="PAN7" s="9">
        <f t="shared" si="170"/>
        <v>1.019803902718557</v>
      </c>
      <c r="PAO7" s="9">
        <f t="shared" si="170"/>
        <v>1.019803902718557</v>
      </c>
      <c r="PAP7" s="9">
        <f t="shared" si="170"/>
        <v>1.019803902718557</v>
      </c>
      <c r="PAQ7" s="9">
        <f t="shared" si="170"/>
        <v>1.019803902718557</v>
      </c>
      <c r="PAR7" s="9">
        <f t="shared" si="170"/>
        <v>1.019803902718557</v>
      </c>
      <c r="PAS7" s="9">
        <f t="shared" si="170"/>
        <v>1.019803902718557</v>
      </c>
      <c r="PAT7" s="9">
        <f t="shared" si="170"/>
        <v>1.019803902718557</v>
      </c>
      <c r="PAU7" s="9">
        <f t="shared" si="170"/>
        <v>1.019803902718557</v>
      </c>
      <c r="PAV7" s="9">
        <f t="shared" si="170"/>
        <v>1.019803902718557</v>
      </c>
      <c r="PAW7" s="9">
        <f t="shared" si="170"/>
        <v>1.019803902718557</v>
      </c>
      <c r="PAX7" s="9">
        <f t="shared" si="170"/>
        <v>1.019803902718557</v>
      </c>
      <c r="PAY7" s="9">
        <f t="shared" si="170"/>
        <v>1.019803902718557</v>
      </c>
      <c r="PAZ7" s="9">
        <f t="shared" si="170"/>
        <v>1.019803902718557</v>
      </c>
      <c r="PBA7" s="9">
        <f t="shared" si="170"/>
        <v>1.019803902718557</v>
      </c>
      <c r="PBB7" s="9">
        <f t="shared" si="170"/>
        <v>1.019803902718557</v>
      </c>
      <c r="PBC7" s="9">
        <f t="shared" si="170"/>
        <v>1.019803902718557</v>
      </c>
      <c r="PBD7" s="9">
        <f t="shared" si="170"/>
        <v>1.019803902718557</v>
      </c>
      <c r="PBE7" s="9">
        <f t="shared" si="170"/>
        <v>1.019803902718557</v>
      </c>
      <c r="PBF7" s="9">
        <f t="shared" si="170"/>
        <v>1.019803902718557</v>
      </c>
      <c r="PBG7" s="9">
        <f t="shared" si="170"/>
        <v>1.019803902718557</v>
      </c>
      <c r="PBH7" s="9">
        <f t="shared" si="170"/>
        <v>1.019803902718557</v>
      </c>
      <c r="PBI7" s="9">
        <f t="shared" si="170"/>
        <v>1.019803902718557</v>
      </c>
      <c r="PBJ7" s="9">
        <f t="shared" si="170"/>
        <v>1.019803902718557</v>
      </c>
      <c r="PBK7" s="9">
        <f t="shared" si="170"/>
        <v>1.019803902718557</v>
      </c>
      <c r="PBL7" s="9">
        <f t="shared" si="170"/>
        <v>1.019803902718557</v>
      </c>
      <c r="PBM7" s="9">
        <f t="shared" si="170"/>
        <v>1.019803902718557</v>
      </c>
      <c r="PBN7" s="9">
        <f t="shared" si="170"/>
        <v>1.019803902718557</v>
      </c>
      <c r="PBO7" s="9">
        <f t="shared" si="170"/>
        <v>1.019803902718557</v>
      </c>
      <c r="PBP7" s="9">
        <f t="shared" si="170"/>
        <v>1.019803902718557</v>
      </c>
      <c r="PBQ7" s="9">
        <f t="shared" si="170"/>
        <v>1.019803902718557</v>
      </c>
      <c r="PBR7" s="9">
        <f t="shared" si="170"/>
        <v>1.019803902718557</v>
      </c>
      <c r="PBS7" s="9">
        <f t="shared" si="170"/>
        <v>1.019803902718557</v>
      </c>
      <c r="PBT7" s="9">
        <f t="shared" si="170"/>
        <v>1.019803902718557</v>
      </c>
      <c r="PBU7" s="9">
        <f t="shared" si="170"/>
        <v>1.019803902718557</v>
      </c>
      <c r="PBV7" s="9">
        <f t="shared" ref="PBV7:PEG7" si="171">1/((1+$F$6) ^(PBV3-$F$7))</f>
        <v>1.019803902718557</v>
      </c>
      <c r="PBW7" s="9">
        <f t="shared" si="171"/>
        <v>1.019803902718557</v>
      </c>
      <c r="PBX7" s="9">
        <f t="shared" si="171"/>
        <v>1.019803902718557</v>
      </c>
      <c r="PBY7" s="9">
        <f t="shared" si="171"/>
        <v>1.019803902718557</v>
      </c>
      <c r="PBZ7" s="9">
        <f t="shared" si="171"/>
        <v>1.019803902718557</v>
      </c>
      <c r="PCA7" s="9">
        <f t="shared" si="171"/>
        <v>1.019803902718557</v>
      </c>
      <c r="PCB7" s="9">
        <f t="shared" si="171"/>
        <v>1.019803902718557</v>
      </c>
      <c r="PCC7" s="9">
        <f t="shared" si="171"/>
        <v>1.019803902718557</v>
      </c>
      <c r="PCD7" s="9">
        <f t="shared" si="171"/>
        <v>1.019803902718557</v>
      </c>
      <c r="PCE7" s="9">
        <f t="shared" si="171"/>
        <v>1.019803902718557</v>
      </c>
      <c r="PCF7" s="9">
        <f t="shared" si="171"/>
        <v>1.019803902718557</v>
      </c>
      <c r="PCG7" s="9">
        <f t="shared" si="171"/>
        <v>1.019803902718557</v>
      </c>
      <c r="PCH7" s="9">
        <f t="shared" si="171"/>
        <v>1.019803902718557</v>
      </c>
      <c r="PCI7" s="9">
        <f t="shared" si="171"/>
        <v>1.019803902718557</v>
      </c>
      <c r="PCJ7" s="9">
        <f t="shared" si="171"/>
        <v>1.019803902718557</v>
      </c>
      <c r="PCK7" s="9">
        <f t="shared" si="171"/>
        <v>1.019803902718557</v>
      </c>
      <c r="PCL7" s="9">
        <f t="shared" si="171"/>
        <v>1.019803902718557</v>
      </c>
      <c r="PCM7" s="9">
        <f t="shared" si="171"/>
        <v>1.019803902718557</v>
      </c>
      <c r="PCN7" s="9">
        <f t="shared" si="171"/>
        <v>1.019803902718557</v>
      </c>
      <c r="PCO7" s="9">
        <f t="shared" si="171"/>
        <v>1.019803902718557</v>
      </c>
      <c r="PCP7" s="9">
        <f t="shared" si="171"/>
        <v>1.019803902718557</v>
      </c>
      <c r="PCQ7" s="9">
        <f t="shared" si="171"/>
        <v>1.019803902718557</v>
      </c>
      <c r="PCR7" s="9">
        <f t="shared" si="171"/>
        <v>1.019803902718557</v>
      </c>
      <c r="PCS7" s="9">
        <f t="shared" si="171"/>
        <v>1.019803902718557</v>
      </c>
      <c r="PCT7" s="9">
        <f t="shared" si="171"/>
        <v>1.019803902718557</v>
      </c>
      <c r="PCU7" s="9">
        <f t="shared" si="171"/>
        <v>1.019803902718557</v>
      </c>
      <c r="PCV7" s="9">
        <f t="shared" si="171"/>
        <v>1.019803902718557</v>
      </c>
      <c r="PCW7" s="9">
        <f t="shared" si="171"/>
        <v>1.019803902718557</v>
      </c>
      <c r="PCX7" s="9">
        <f t="shared" si="171"/>
        <v>1.019803902718557</v>
      </c>
      <c r="PCY7" s="9">
        <f t="shared" si="171"/>
        <v>1.019803902718557</v>
      </c>
      <c r="PCZ7" s="9">
        <f t="shared" si="171"/>
        <v>1.019803902718557</v>
      </c>
      <c r="PDA7" s="9">
        <f t="shared" si="171"/>
        <v>1.019803902718557</v>
      </c>
      <c r="PDB7" s="9">
        <f t="shared" si="171"/>
        <v>1.019803902718557</v>
      </c>
      <c r="PDC7" s="9">
        <f t="shared" si="171"/>
        <v>1.019803902718557</v>
      </c>
      <c r="PDD7" s="9">
        <f t="shared" si="171"/>
        <v>1.019803902718557</v>
      </c>
      <c r="PDE7" s="9">
        <f t="shared" si="171"/>
        <v>1.019803902718557</v>
      </c>
      <c r="PDF7" s="9">
        <f t="shared" si="171"/>
        <v>1.019803902718557</v>
      </c>
      <c r="PDG7" s="9">
        <f t="shared" si="171"/>
        <v>1.019803902718557</v>
      </c>
      <c r="PDH7" s="9">
        <f t="shared" si="171"/>
        <v>1.019803902718557</v>
      </c>
      <c r="PDI7" s="9">
        <f t="shared" si="171"/>
        <v>1.019803902718557</v>
      </c>
      <c r="PDJ7" s="9">
        <f t="shared" si="171"/>
        <v>1.019803902718557</v>
      </c>
      <c r="PDK7" s="9">
        <f t="shared" si="171"/>
        <v>1.019803902718557</v>
      </c>
      <c r="PDL7" s="9">
        <f t="shared" si="171"/>
        <v>1.019803902718557</v>
      </c>
      <c r="PDM7" s="9">
        <f t="shared" si="171"/>
        <v>1.019803902718557</v>
      </c>
      <c r="PDN7" s="9">
        <f t="shared" si="171"/>
        <v>1.019803902718557</v>
      </c>
      <c r="PDO7" s="9">
        <f t="shared" si="171"/>
        <v>1.019803902718557</v>
      </c>
      <c r="PDP7" s="9">
        <f t="shared" si="171"/>
        <v>1.019803902718557</v>
      </c>
      <c r="PDQ7" s="9">
        <f t="shared" si="171"/>
        <v>1.019803902718557</v>
      </c>
      <c r="PDR7" s="9">
        <f t="shared" si="171"/>
        <v>1.019803902718557</v>
      </c>
      <c r="PDS7" s="9">
        <f t="shared" si="171"/>
        <v>1.019803902718557</v>
      </c>
      <c r="PDT7" s="9">
        <f t="shared" si="171"/>
        <v>1.019803902718557</v>
      </c>
      <c r="PDU7" s="9">
        <f t="shared" si="171"/>
        <v>1.019803902718557</v>
      </c>
      <c r="PDV7" s="9">
        <f t="shared" si="171"/>
        <v>1.019803902718557</v>
      </c>
      <c r="PDW7" s="9">
        <f t="shared" si="171"/>
        <v>1.019803902718557</v>
      </c>
      <c r="PDX7" s="9">
        <f t="shared" si="171"/>
        <v>1.019803902718557</v>
      </c>
      <c r="PDY7" s="9">
        <f t="shared" si="171"/>
        <v>1.019803902718557</v>
      </c>
      <c r="PDZ7" s="9">
        <f t="shared" si="171"/>
        <v>1.019803902718557</v>
      </c>
      <c r="PEA7" s="9">
        <f t="shared" si="171"/>
        <v>1.019803902718557</v>
      </c>
      <c r="PEB7" s="9">
        <f t="shared" si="171"/>
        <v>1.019803902718557</v>
      </c>
      <c r="PEC7" s="9">
        <f t="shared" si="171"/>
        <v>1.019803902718557</v>
      </c>
      <c r="PED7" s="9">
        <f t="shared" si="171"/>
        <v>1.019803902718557</v>
      </c>
      <c r="PEE7" s="9">
        <f t="shared" si="171"/>
        <v>1.019803902718557</v>
      </c>
      <c r="PEF7" s="9">
        <f t="shared" si="171"/>
        <v>1.019803902718557</v>
      </c>
      <c r="PEG7" s="9">
        <f t="shared" si="171"/>
        <v>1.019803902718557</v>
      </c>
      <c r="PEH7" s="9">
        <f t="shared" ref="PEH7:PGS7" si="172">1/((1+$F$6) ^(PEH3-$F$7))</f>
        <v>1.019803902718557</v>
      </c>
      <c r="PEI7" s="9">
        <f t="shared" si="172"/>
        <v>1.019803902718557</v>
      </c>
      <c r="PEJ7" s="9">
        <f t="shared" si="172"/>
        <v>1.019803902718557</v>
      </c>
      <c r="PEK7" s="9">
        <f t="shared" si="172"/>
        <v>1.019803902718557</v>
      </c>
      <c r="PEL7" s="9">
        <f t="shared" si="172"/>
        <v>1.019803902718557</v>
      </c>
      <c r="PEM7" s="9">
        <f t="shared" si="172"/>
        <v>1.019803902718557</v>
      </c>
      <c r="PEN7" s="9">
        <f t="shared" si="172"/>
        <v>1.019803902718557</v>
      </c>
      <c r="PEO7" s="9">
        <f t="shared" si="172"/>
        <v>1.019803902718557</v>
      </c>
      <c r="PEP7" s="9">
        <f t="shared" si="172"/>
        <v>1.019803902718557</v>
      </c>
      <c r="PEQ7" s="9">
        <f t="shared" si="172"/>
        <v>1.019803902718557</v>
      </c>
      <c r="PER7" s="9">
        <f t="shared" si="172"/>
        <v>1.019803902718557</v>
      </c>
      <c r="PES7" s="9">
        <f t="shared" si="172"/>
        <v>1.019803902718557</v>
      </c>
      <c r="PET7" s="9">
        <f t="shared" si="172"/>
        <v>1.019803902718557</v>
      </c>
      <c r="PEU7" s="9">
        <f t="shared" si="172"/>
        <v>1.019803902718557</v>
      </c>
      <c r="PEV7" s="9">
        <f t="shared" si="172"/>
        <v>1.019803902718557</v>
      </c>
      <c r="PEW7" s="9">
        <f t="shared" si="172"/>
        <v>1.019803902718557</v>
      </c>
      <c r="PEX7" s="9">
        <f t="shared" si="172"/>
        <v>1.019803902718557</v>
      </c>
      <c r="PEY7" s="9">
        <f t="shared" si="172"/>
        <v>1.019803902718557</v>
      </c>
      <c r="PEZ7" s="9">
        <f t="shared" si="172"/>
        <v>1.019803902718557</v>
      </c>
      <c r="PFA7" s="9">
        <f t="shared" si="172"/>
        <v>1.019803902718557</v>
      </c>
      <c r="PFB7" s="9">
        <f t="shared" si="172"/>
        <v>1.019803902718557</v>
      </c>
      <c r="PFC7" s="9">
        <f t="shared" si="172"/>
        <v>1.019803902718557</v>
      </c>
      <c r="PFD7" s="9">
        <f t="shared" si="172"/>
        <v>1.019803902718557</v>
      </c>
      <c r="PFE7" s="9">
        <f t="shared" si="172"/>
        <v>1.019803902718557</v>
      </c>
      <c r="PFF7" s="9">
        <f t="shared" si="172"/>
        <v>1.019803902718557</v>
      </c>
      <c r="PFG7" s="9">
        <f t="shared" si="172"/>
        <v>1.019803902718557</v>
      </c>
      <c r="PFH7" s="9">
        <f t="shared" si="172"/>
        <v>1.019803902718557</v>
      </c>
      <c r="PFI7" s="9">
        <f t="shared" si="172"/>
        <v>1.019803902718557</v>
      </c>
      <c r="PFJ7" s="9">
        <f t="shared" si="172"/>
        <v>1.019803902718557</v>
      </c>
      <c r="PFK7" s="9">
        <f t="shared" si="172"/>
        <v>1.019803902718557</v>
      </c>
      <c r="PFL7" s="9">
        <f t="shared" si="172"/>
        <v>1.019803902718557</v>
      </c>
      <c r="PFM7" s="9">
        <f t="shared" si="172"/>
        <v>1.019803902718557</v>
      </c>
      <c r="PFN7" s="9">
        <f t="shared" si="172"/>
        <v>1.019803902718557</v>
      </c>
      <c r="PFO7" s="9">
        <f t="shared" si="172"/>
        <v>1.019803902718557</v>
      </c>
      <c r="PFP7" s="9">
        <f t="shared" si="172"/>
        <v>1.019803902718557</v>
      </c>
      <c r="PFQ7" s="9">
        <f t="shared" si="172"/>
        <v>1.019803902718557</v>
      </c>
      <c r="PFR7" s="9">
        <f t="shared" si="172"/>
        <v>1.019803902718557</v>
      </c>
      <c r="PFS7" s="9">
        <f t="shared" si="172"/>
        <v>1.019803902718557</v>
      </c>
      <c r="PFT7" s="9">
        <f t="shared" si="172"/>
        <v>1.019803902718557</v>
      </c>
      <c r="PFU7" s="9">
        <f t="shared" si="172"/>
        <v>1.019803902718557</v>
      </c>
      <c r="PFV7" s="9">
        <f t="shared" si="172"/>
        <v>1.019803902718557</v>
      </c>
      <c r="PFW7" s="9">
        <f t="shared" si="172"/>
        <v>1.019803902718557</v>
      </c>
      <c r="PFX7" s="9">
        <f t="shared" si="172"/>
        <v>1.019803902718557</v>
      </c>
      <c r="PFY7" s="9">
        <f t="shared" si="172"/>
        <v>1.019803902718557</v>
      </c>
      <c r="PFZ7" s="9">
        <f t="shared" si="172"/>
        <v>1.019803902718557</v>
      </c>
      <c r="PGA7" s="9">
        <f t="shared" si="172"/>
        <v>1.019803902718557</v>
      </c>
      <c r="PGB7" s="9">
        <f t="shared" si="172"/>
        <v>1.019803902718557</v>
      </c>
      <c r="PGC7" s="9">
        <f t="shared" si="172"/>
        <v>1.019803902718557</v>
      </c>
      <c r="PGD7" s="9">
        <f t="shared" si="172"/>
        <v>1.019803902718557</v>
      </c>
      <c r="PGE7" s="9">
        <f t="shared" si="172"/>
        <v>1.019803902718557</v>
      </c>
      <c r="PGF7" s="9">
        <f t="shared" si="172"/>
        <v>1.019803902718557</v>
      </c>
      <c r="PGG7" s="9">
        <f t="shared" si="172"/>
        <v>1.019803902718557</v>
      </c>
      <c r="PGH7" s="9">
        <f t="shared" si="172"/>
        <v>1.019803902718557</v>
      </c>
      <c r="PGI7" s="9">
        <f t="shared" si="172"/>
        <v>1.019803902718557</v>
      </c>
      <c r="PGJ7" s="9">
        <f t="shared" si="172"/>
        <v>1.019803902718557</v>
      </c>
      <c r="PGK7" s="9">
        <f t="shared" si="172"/>
        <v>1.019803902718557</v>
      </c>
      <c r="PGL7" s="9">
        <f t="shared" si="172"/>
        <v>1.019803902718557</v>
      </c>
      <c r="PGM7" s="9">
        <f t="shared" si="172"/>
        <v>1.019803902718557</v>
      </c>
      <c r="PGN7" s="9">
        <f t="shared" si="172"/>
        <v>1.019803902718557</v>
      </c>
      <c r="PGO7" s="9">
        <f t="shared" si="172"/>
        <v>1.019803902718557</v>
      </c>
      <c r="PGP7" s="9">
        <f t="shared" si="172"/>
        <v>1.019803902718557</v>
      </c>
      <c r="PGQ7" s="9">
        <f t="shared" si="172"/>
        <v>1.019803902718557</v>
      </c>
      <c r="PGR7" s="9">
        <f t="shared" si="172"/>
        <v>1.019803902718557</v>
      </c>
      <c r="PGS7" s="9">
        <f t="shared" si="172"/>
        <v>1.019803902718557</v>
      </c>
      <c r="PGT7" s="9">
        <f t="shared" ref="PGT7:PJE7" si="173">1/((1+$F$6) ^(PGT3-$F$7))</f>
        <v>1.019803902718557</v>
      </c>
      <c r="PGU7" s="9">
        <f t="shared" si="173"/>
        <v>1.019803902718557</v>
      </c>
      <c r="PGV7" s="9">
        <f t="shared" si="173"/>
        <v>1.019803902718557</v>
      </c>
      <c r="PGW7" s="9">
        <f t="shared" si="173"/>
        <v>1.019803902718557</v>
      </c>
      <c r="PGX7" s="9">
        <f t="shared" si="173"/>
        <v>1.019803902718557</v>
      </c>
      <c r="PGY7" s="9">
        <f t="shared" si="173"/>
        <v>1.019803902718557</v>
      </c>
      <c r="PGZ7" s="9">
        <f t="shared" si="173"/>
        <v>1.019803902718557</v>
      </c>
      <c r="PHA7" s="9">
        <f t="shared" si="173"/>
        <v>1.019803902718557</v>
      </c>
      <c r="PHB7" s="9">
        <f t="shared" si="173"/>
        <v>1.019803902718557</v>
      </c>
      <c r="PHC7" s="9">
        <f t="shared" si="173"/>
        <v>1.019803902718557</v>
      </c>
      <c r="PHD7" s="9">
        <f t="shared" si="173"/>
        <v>1.019803902718557</v>
      </c>
      <c r="PHE7" s="9">
        <f t="shared" si="173"/>
        <v>1.019803902718557</v>
      </c>
      <c r="PHF7" s="9">
        <f t="shared" si="173"/>
        <v>1.019803902718557</v>
      </c>
      <c r="PHG7" s="9">
        <f t="shared" si="173"/>
        <v>1.019803902718557</v>
      </c>
      <c r="PHH7" s="9">
        <f t="shared" si="173"/>
        <v>1.019803902718557</v>
      </c>
      <c r="PHI7" s="9">
        <f t="shared" si="173"/>
        <v>1.019803902718557</v>
      </c>
      <c r="PHJ7" s="9">
        <f t="shared" si="173"/>
        <v>1.019803902718557</v>
      </c>
      <c r="PHK7" s="9">
        <f t="shared" si="173"/>
        <v>1.019803902718557</v>
      </c>
      <c r="PHL7" s="9">
        <f t="shared" si="173"/>
        <v>1.019803902718557</v>
      </c>
      <c r="PHM7" s="9">
        <f t="shared" si="173"/>
        <v>1.019803902718557</v>
      </c>
      <c r="PHN7" s="9">
        <f t="shared" si="173"/>
        <v>1.019803902718557</v>
      </c>
      <c r="PHO7" s="9">
        <f t="shared" si="173"/>
        <v>1.019803902718557</v>
      </c>
      <c r="PHP7" s="9">
        <f t="shared" si="173"/>
        <v>1.019803902718557</v>
      </c>
      <c r="PHQ7" s="9">
        <f t="shared" si="173"/>
        <v>1.019803902718557</v>
      </c>
      <c r="PHR7" s="9">
        <f t="shared" si="173"/>
        <v>1.019803902718557</v>
      </c>
      <c r="PHS7" s="9">
        <f t="shared" si="173"/>
        <v>1.019803902718557</v>
      </c>
      <c r="PHT7" s="9">
        <f t="shared" si="173"/>
        <v>1.019803902718557</v>
      </c>
      <c r="PHU7" s="9">
        <f t="shared" si="173"/>
        <v>1.019803902718557</v>
      </c>
      <c r="PHV7" s="9">
        <f t="shared" si="173"/>
        <v>1.019803902718557</v>
      </c>
      <c r="PHW7" s="9">
        <f t="shared" si="173"/>
        <v>1.019803902718557</v>
      </c>
      <c r="PHX7" s="9">
        <f t="shared" si="173"/>
        <v>1.019803902718557</v>
      </c>
      <c r="PHY7" s="9">
        <f t="shared" si="173"/>
        <v>1.019803902718557</v>
      </c>
      <c r="PHZ7" s="9">
        <f t="shared" si="173"/>
        <v>1.019803902718557</v>
      </c>
      <c r="PIA7" s="9">
        <f t="shared" si="173"/>
        <v>1.019803902718557</v>
      </c>
      <c r="PIB7" s="9">
        <f t="shared" si="173"/>
        <v>1.019803902718557</v>
      </c>
      <c r="PIC7" s="9">
        <f t="shared" si="173"/>
        <v>1.019803902718557</v>
      </c>
      <c r="PID7" s="9">
        <f t="shared" si="173"/>
        <v>1.019803902718557</v>
      </c>
      <c r="PIE7" s="9">
        <f t="shared" si="173"/>
        <v>1.019803902718557</v>
      </c>
      <c r="PIF7" s="9">
        <f t="shared" si="173"/>
        <v>1.019803902718557</v>
      </c>
      <c r="PIG7" s="9">
        <f t="shared" si="173"/>
        <v>1.019803902718557</v>
      </c>
      <c r="PIH7" s="9">
        <f t="shared" si="173"/>
        <v>1.019803902718557</v>
      </c>
      <c r="PII7" s="9">
        <f t="shared" si="173"/>
        <v>1.019803902718557</v>
      </c>
      <c r="PIJ7" s="9">
        <f t="shared" si="173"/>
        <v>1.019803902718557</v>
      </c>
      <c r="PIK7" s="9">
        <f t="shared" si="173"/>
        <v>1.019803902718557</v>
      </c>
      <c r="PIL7" s="9">
        <f t="shared" si="173"/>
        <v>1.019803902718557</v>
      </c>
      <c r="PIM7" s="9">
        <f t="shared" si="173"/>
        <v>1.019803902718557</v>
      </c>
      <c r="PIN7" s="9">
        <f t="shared" si="173"/>
        <v>1.019803902718557</v>
      </c>
      <c r="PIO7" s="9">
        <f t="shared" si="173"/>
        <v>1.019803902718557</v>
      </c>
      <c r="PIP7" s="9">
        <f t="shared" si="173"/>
        <v>1.019803902718557</v>
      </c>
      <c r="PIQ7" s="9">
        <f t="shared" si="173"/>
        <v>1.019803902718557</v>
      </c>
      <c r="PIR7" s="9">
        <f t="shared" si="173"/>
        <v>1.019803902718557</v>
      </c>
      <c r="PIS7" s="9">
        <f t="shared" si="173"/>
        <v>1.019803902718557</v>
      </c>
      <c r="PIT7" s="9">
        <f t="shared" si="173"/>
        <v>1.019803902718557</v>
      </c>
      <c r="PIU7" s="9">
        <f t="shared" si="173"/>
        <v>1.019803902718557</v>
      </c>
      <c r="PIV7" s="9">
        <f t="shared" si="173"/>
        <v>1.019803902718557</v>
      </c>
      <c r="PIW7" s="9">
        <f t="shared" si="173"/>
        <v>1.019803902718557</v>
      </c>
      <c r="PIX7" s="9">
        <f t="shared" si="173"/>
        <v>1.019803902718557</v>
      </c>
      <c r="PIY7" s="9">
        <f t="shared" si="173"/>
        <v>1.019803902718557</v>
      </c>
      <c r="PIZ7" s="9">
        <f t="shared" si="173"/>
        <v>1.019803902718557</v>
      </c>
      <c r="PJA7" s="9">
        <f t="shared" si="173"/>
        <v>1.019803902718557</v>
      </c>
      <c r="PJB7" s="9">
        <f t="shared" si="173"/>
        <v>1.019803902718557</v>
      </c>
      <c r="PJC7" s="9">
        <f t="shared" si="173"/>
        <v>1.019803902718557</v>
      </c>
      <c r="PJD7" s="9">
        <f t="shared" si="173"/>
        <v>1.019803902718557</v>
      </c>
      <c r="PJE7" s="9">
        <f t="shared" si="173"/>
        <v>1.019803902718557</v>
      </c>
      <c r="PJF7" s="9">
        <f t="shared" ref="PJF7:PLQ7" si="174">1/((1+$F$6) ^(PJF3-$F$7))</f>
        <v>1.019803902718557</v>
      </c>
      <c r="PJG7" s="9">
        <f t="shared" si="174"/>
        <v>1.019803902718557</v>
      </c>
      <c r="PJH7" s="9">
        <f t="shared" si="174"/>
        <v>1.019803902718557</v>
      </c>
      <c r="PJI7" s="9">
        <f t="shared" si="174"/>
        <v>1.019803902718557</v>
      </c>
      <c r="PJJ7" s="9">
        <f t="shared" si="174"/>
        <v>1.019803902718557</v>
      </c>
      <c r="PJK7" s="9">
        <f t="shared" si="174"/>
        <v>1.019803902718557</v>
      </c>
      <c r="PJL7" s="9">
        <f t="shared" si="174"/>
        <v>1.019803902718557</v>
      </c>
      <c r="PJM7" s="9">
        <f t="shared" si="174"/>
        <v>1.019803902718557</v>
      </c>
      <c r="PJN7" s="9">
        <f t="shared" si="174"/>
        <v>1.019803902718557</v>
      </c>
      <c r="PJO7" s="9">
        <f t="shared" si="174"/>
        <v>1.019803902718557</v>
      </c>
      <c r="PJP7" s="9">
        <f t="shared" si="174"/>
        <v>1.019803902718557</v>
      </c>
      <c r="PJQ7" s="9">
        <f t="shared" si="174"/>
        <v>1.019803902718557</v>
      </c>
      <c r="PJR7" s="9">
        <f t="shared" si="174"/>
        <v>1.019803902718557</v>
      </c>
      <c r="PJS7" s="9">
        <f t="shared" si="174"/>
        <v>1.019803902718557</v>
      </c>
      <c r="PJT7" s="9">
        <f t="shared" si="174"/>
        <v>1.019803902718557</v>
      </c>
      <c r="PJU7" s="9">
        <f t="shared" si="174"/>
        <v>1.019803902718557</v>
      </c>
      <c r="PJV7" s="9">
        <f t="shared" si="174"/>
        <v>1.019803902718557</v>
      </c>
      <c r="PJW7" s="9">
        <f t="shared" si="174"/>
        <v>1.019803902718557</v>
      </c>
      <c r="PJX7" s="9">
        <f t="shared" si="174"/>
        <v>1.019803902718557</v>
      </c>
      <c r="PJY7" s="9">
        <f t="shared" si="174"/>
        <v>1.019803902718557</v>
      </c>
      <c r="PJZ7" s="9">
        <f t="shared" si="174"/>
        <v>1.019803902718557</v>
      </c>
      <c r="PKA7" s="9">
        <f t="shared" si="174"/>
        <v>1.019803902718557</v>
      </c>
      <c r="PKB7" s="9">
        <f t="shared" si="174"/>
        <v>1.019803902718557</v>
      </c>
      <c r="PKC7" s="9">
        <f t="shared" si="174"/>
        <v>1.019803902718557</v>
      </c>
      <c r="PKD7" s="9">
        <f t="shared" si="174"/>
        <v>1.019803902718557</v>
      </c>
      <c r="PKE7" s="9">
        <f t="shared" si="174"/>
        <v>1.019803902718557</v>
      </c>
      <c r="PKF7" s="9">
        <f t="shared" si="174"/>
        <v>1.019803902718557</v>
      </c>
      <c r="PKG7" s="9">
        <f t="shared" si="174"/>
        <v>1.019803902718557</v>
      </c>
      <c r="PKH7" s="9">
        <f t="shared" si="174"/>
        <v>1.019803902718557</v>
      </c>
      <c r="PKI7" s="9">
        <f t="shared" si="174"/>
        <v>1.019803902718557</v>
      </c>
      <c r="PKJ7" s="9">
        <f t="shared" si="174"/>
        <v>1.019803902718557</v>
      </c>
      <c r="PKK7" s="9">
        <f t="shared" si="174"/>
        <v>1.019803902718557</v>
      </c>
      <c r="PKL7" s="9">
        <f t="shared" si="174"/>
        <v>1.019803902718557</v>
      </c>
      <c r="PKM7" s="9">
        <f t="shared" si="174"/>
        <v>1.019803902718557</v>
      </c>
      <c r="PKN7" s="9">
        <f t="shared" si="174"/>
        <v>1.019803902718557</v>
      </c>
      <c r="PKO7" s="9">
        <f t="shared" si="174"/>
        <v>1.019803902718557</v>
      </c>
      <c r="PKP7" s="9">
        <f t="shared" si="174"/>
        <v>1.019803902718557</v>
      </c>
      <c r="PKQ7" s="9">
        <f t="shared" si="174"/>
        <v>1.019803902718557</v>
      </c>
      <c r="PKR7" s="9">
        <f t="shared" si="174"/>
        <v>1.019803902718557</v>
      </c>
      <c r="PKS7" s="9">
        <f t="shared" si="174"/>
        <v>1.019803902718557</v>
      </c>
      <c r="PKT7" s="9">
        <f t="shared" si="174"/>
        <v>1.019803902718557</v>
      </c>
      <c r="PKU7" s="9">
        <f t="shared" si="174"/>
        <v>1.019803902718557</v>
      </c>
      <c r="PKV7" s="9">
        <f t="shared" si="174"/>
        <v>1.019803902718557</v>
      </c>
      <c r="PKW7" s="9">
        <f t="shared" si="174"/>
        <v>1.019803902718557</v>
      </c>
      <c r="PKX7" s="9">
        <f t="shared" si="174"/>
        <v>1.019803902718557</v>
      </c>
      <c r="PKY7" s="9">
        <f t="shared" si="174"/>
        <v>1.019803902718557</v>
      </c>
      <c r="PKZ7" s="9">
        <f t="shared" si="174"/>
        <v>1.019803902718557</v>
      </c>
      <c r="PLA7" s="9">
        <f t="shared" si="174"/>
        <v>1.019803902718557</v>
      </c>
      <c r="PLB7" s="9">
        <f t="shared" si="174"/>
        <v>1.019803902718557</v>
      </c>
      <c r="PLC7" s="9">
        <f t="shared" si="174"/>
        <v>1.019803902718557</v>
      </c>
      <c r="PLD7" s="9">
        <f t="shared" si="174"/>
        <v>1.019803902718557</v>
      </c>
      <c r="PLE7" s="9">
        <f t="shared" si="174"/>
        <v>1.019803902718557</v>
      </c>
      <c r="PLF7" s="9">
        <f t="shared" si="174"/>
        <v>1.019803902718557</v>
      </c>
      <c r="PLG7" s="9">
        <f t="shared" si="174"/>
        <v>1.019803902718557</v>
      </c>
      <c r="PLH7" s="9">
        <f t="shared" si="174"/>
        <v>1.019803902718557</v>
      </c>
      <c r="PLI7" s="9">
        <f t="shared" si="174"/>
        <v>1.019803902718557</v>
      </c>
      <c r="PLJ7" s="9">
        <f t="shared" si="174"/>
        <v>1.019803902718557</v>
      </c>
      <c r="PLK7" s="9">
        <f t="shared" si="174"/>
        <v>1.019803902718557</v>
      </c>
      <c r="PLL7" s="9">
        <f t="shared" si="174"/>
        <v>1.019803902718557</v>
      </c>
      <c r="PLM7" s="9">
        <f t="shared" si="174"/>
        <v>1.019803902718557</v>
      </c>
      <c r="PLN7" s="9">
        <f t="shared" si="174"/>
        <v>1.019803902718557</v>
      </c>
      <c r="PLO7" s="9">
        <f t="shared" si="174"/>
        <v>1.019803902718557</v>
      </c>
      <c r="PLP7" s="9">
        <f t="shared" si="174"/>
        <v>1.019803902718557</v>
      </c>
      <c r="PLQ7" s="9">
        <f t="shared" si="174"/>
        <v>1.019803902718557</v>
      </c>
      <c r="PLR7" s="9">
        <f t="shared" ref="PLR7:POC7" si="175">1/((1+$F$6) ^(PLR3-$F$7))</f>
        <v>1.019803902718557</v>
      </c>
      <c r="PLS7" s="9">
        <f t="shared" si="175"/>
        <v>1.019803902718557</v>
      </c>
      <c r="PLT7" s="9">
        <f t="shared" si="175"/>
        <v>1.019803902718557</v>
      </c>
      <c r="PLU7" s="9">
        <f t="shared" si="175"/>
        <v>1.019803902718557</v>
      </c>
      <c r="PLV7" s="9">
        <f t="shared" si="175"/>
        <v>1.019803902718557</v>
      </c>
      <c r="PLW7" s="9">
        <f t="shared" si="175"/>
        <v>1.019803902718557</v>
      </c>
      <c r="PLX7" s="9">
        <f t="shared" si="175"/>
        <v>1.019803902718557</v>
      </c>
      <c r="PLY7" s="9">
        <f t="shared" si="175"/>
        <v>1.019803902718557</v>
      </c>
      <c r="PLZ7" s="9">
        <f t="shared" si="175"/>
        <v>1.019803902718557</v>
      </c>
      <c r="PMA7" s="9">
        <f t="shared" si="175"/>
        <v>1.019803902718557</v>
      </c>
      <c r="PMB7" s="9">
        <f t="shared" si="175"/>
        <v>1.019803902718557</v>
      </c>
      <c r="PMC7" s="9">
        <f t="shared" si="175"/>
        <v>1.019803902718557</v>
      </c>
      <c r="PMD7" s="9">
        <f t="shared" si="175"/>
        <v>1.019803902718557</v>
      </c>
      <c r="PME7" s="9">
        <f t="shared" si="175"/>
        <v>1.019803902718557</v>
      </c>
      <c r="PMF7" s="9">
        <f t="shared" si="175"/>
        <v>1.019803902718557</v>
      </c>
      <c r="PMG7" s="9">
        <f t="shared" si="175"/>
        <v>1.019803902718557</v>
      </c>
      <c r="PMH7" s="9">
        <f t="shared" si="175"/>
        <v>1.019803902718557</v>
      </c>
      <c r="PMI7" s="9">
        <f t="shared" si="175"/>
        <v>1.019803902718557</v>
      </c>
      <c r="PMJ7" s="9">
        <f t="shared" si="175"/>
        <v>1.019803902718557</v>
      </c>
      <c r="PMK7" s="9">
        <f t="shared" si="175"/>
        <v>1.019803902718557</v>
      </c>
      <c r="PML7" s="9">
        <f t="shared" si="175"/>
        <v>1.019803902718557</v>
      </c>
      <c r="PMM7" s="9">
        <f t="shared" si="175"/>
        <v>1.019803902718557</v>
      </c>
      <c r="PMN7" s="9">
        <f t="shared" si="175"/>
        <v>1.019803902718557</v>
      </c>
      <c r="PMO7" s="9">
        <f t="shared" si="175"/>
        <v>1.019803902718557</v>
      </c>
      <c r="PMP7" s="9">
        <f t="shared" si="175"/>
        <v>1.019803902718557</v>
      </c>
      <c r="PMQ7" s="9">
        <f t="shared" si="175"/>
        <v>1.019803902718557</v>
      </c>
      <c r="PMR7" s="9">
        <f t="shared" si="175"/>
        <v>1.019803902718557</v>
      </c>
      <c r="PMS7" s="9">
        <f t="shared" si="175"/>
        <v>1.019803902718557</v>
      </c>
      <c r="PMT7" s="9">
        <f t="shared" si="175"/>
        <v>1.019803902718557</v>
      </c>
      <c r="PMU7" s="9">
        <f t="shared" si="175"/>
        <v>1.019803902718557</v>
      </c>
      <c r="PMV7" s="9">
        <f t="shared" si="175"/>
        <v>1.019803902718557</v>
      </c>
      <c r="PMW7" s="9">
        <f t="shared" si="175"/>
        <v>1.019803902718557</v>
      </c>
      <c r="PMX7" s="9">
        <f t="shared" si="175"/>
        <v>1.019803902718557</v>
      </c>
      <c r="PMY7" s="9">
        <f t="shared" si="175"/>
        <v>1.019803902718557</v>
      </c>
      <c r="PMZ7" s="9">
        <f t="shared" si="175"/>
        <v>1.019803902718557</v>
      </c>
      <c r="PNA7" s="9">
        <f t="shared" si="175"/>
        <v>1.019803902718557</v>
      </c>
      <c r="PNB7" s="9">
        <f t="shared" si="175"/>
        <v>1.019803902718557</v>
      </c>
      <c r="PNC7" s="9">
        <f t="shared" si="175"/>
        <v>1.019803902718557</v>
      </c>
      <c r="PND7" s="9">
        <f t="shared" si="175"/>
        <v>1.019803902718557</v>
      </c>
      <c r="PNE7" s="9">
        <f t="shared" si="175"/>
        <v>1.019803902718557</v>
      </c>
      <c r="PNF7" s="9">
        <f t="shared" si="175"/>
        <v>1.019803902718557</v>
      </c>
      <c r="PNG7" s="9">
        <f t="shared" si="175"/>
        <v>1.019803902718557</v>
      </c>
      <c r="PNH7" s="9">
        <f t="shared" si="175"/>
        <v>1.019803902718557</v>
      </c>
      <c r="PNI7" s="9">
        <f t="shared" si="175"/>
        <v>1.019803902718557</v>
      </c>
      <c r="PNJ7" s="9">
        <f t="shared" si="175"/>
        <v>1.019803902718557</v>
      </c>
      <c r="PNK7" s="9">
        <f t="shared" si="175"/>
        <v>1.019803902718557</v>
      </c>
      <c r="PNL7" s="9">
        <f t="shared" si="175"/>
        <v>1.019803902718557</v>
      </c>
      <c r="PNM7" s="9">
        <f t="shared" si="175"/>
        <v>1.019803902718557</v>
      </c>
      <c r="PNN7" s="9">
        <f t="shared" si="175"/>
        <v>1.019803902718557</v>
      </c>
      <c r="PNO7" s="9">
        <f t="shared" si="175"/>
        <v>1.019803902718557</v>
      </c>
      <c r="PNP7" s="9">
        <f t="shared" si="175"/>
        <v>1.019803902718557</v>
      </c>
      <c r="PNQ7" s="9">
        <f t="shared" si="175"/>
        <v>1.019803902718557</v>
      </c>
      <c r="PNR7" s="9">
        <f t="shared" si="175"/>
        <v>1.019803902718557</v>
      </c>
      <c r="PNS7" s="9">
        <f t="shared" si="175"/>
        <v>1.019803902718557</v>
      </c>
      <c r="PNT7" s="9">
        <f t="shared" si="175"/>
        <v>1.019803902718557</v>
      </c>
      <c r="PNU7" s="9">
        <f t="shared" si="175"/>
        <v>1.019803902718557</v>
      </c>
      <c r="PNV7" s="9">
        <f t="shared" si="175"/>
        <v>1.019803902718557</v>
      </c>
      <c r="PNW7" s="9">
        <f t="shared" si="175"/>
        <v>1.019803902718557</v>
      </c>
      <c r="PNX7" s="9">
        <f t="shared" si="175"/>
        <v>1.019803902718557</v>
      </c>
      <c r="PNY7" s="9">
        <f t="shared" si="175"/>
        <v>1.019803902718557</v>
      </c>
      <c r="PNZ7" s="9">
        <f t="shared" si="175"/>
        <v>1.019803902718557</v>
      </c>
      <c r="POA7" s="9">
        <f t="shared" si="175"/>
        <v>1.019803902718557</v>
      </c>
      <c r="POB7" s="9">
        <f t="shared" si="175"/>
        <v>1.019803902718557</v>
      </c>
      <c r="POC7" s="9">
        <f t="shared" si="175"/>
        <v>1.019803902718557</v>
      </c>
      <c r="POD7" s="9">
        <f t="shared" ref="POD7:PQO7" si="176">1/((1+$F$6) ^(POD3-$F$7))</f>
        <v>1.019803902718557</v>
      </c>
      <c r="POE7" s="9">
        <f t="shared" si="176"/>
        <v>1.019803902718557</v>
      </c>
      <c r="POF7" s="9">
        <f t="shared" si="176"/>
        <v>1.019803902718557</v>
      </c>
      <c r="POG7" s="9">
        <f t="shared" si="176"/>
        <v>1.019803902718557</v>
      </c>
      <c r="POH7" s="9">
        <f t="shared" si="176"/>
        <v>1.019803902718557</v>
      </c>
      <c r="POI7" s="9">
        <f t="shared" si="176"/>
        <v>1.019803902718557</v>
      </c>
      <c r="POJ7" s="9">
        <f t="shared" si="176"/>
        <v>1.019803902718557</v>
      </c>
      <c r="POK7" s="9">
        <f t="shared" si="176"/>
        <v>1.019803902718557</v>
      </c>
      <c r="POL7" s="9">
        <f t="shared" si="176"/>
        <v>1.019803902718557</v>
      </c>
      <c r="POM7" s="9">
        <f t="shared" si="176"/>
        <v>1.019803902718557</v>
      </c>
      <c r="PON7" s="9">
        <f t="shared" si="176"/>
        <v>1.019803902718557</v>
      </c>
      <c r="POO7" s="9">
        <f t="shared" si="176"/>
        <v>1.019803902718557</v>
      </c>
      <c r="POP7" s="9">
        <f t="shared" si="176"/>
        <v>1.019803902718557</v>
      </c>
      <c r="POQ7" s="9">
        <f t="shared" si="176"/>
        <v>1.019803902718557</v>
      </c>
      <c r="POR7" s="9">
        <f t="shared" si="176"/>
        <v>1.019803902718557</v>
      </c>
      <c r="POS7" s="9">
        <f t="shared" si="176"/>
        <v>1.019803902718557</v>
      </c>
      <c r="POT7" s="9">
        <f t="shared" si="176"/>
        <v>1.019803902718557</v>
      </c>
      <c r="POU7" s="9">
        <f t="shared" si="176"/>
        <v>1.019803902718557</v>
      </c>
      <c r="POV7" s="9">
        <f t="shared" si="176"/>
        <v>1.019803902718557</v>
      </c>
      <c r="POW7" s="9">
        <f t="shared" si="176"/>
        <v>1.019803902718557</v>
      </c>
      <c r="POX7" s="9">
        <f t="shared" si="176"/>
        <v>1.019803902718557</v>
      </c>
      <c r="POY7" s="9">
        <f t="shared" si="176"/>
        <v>1.019803902718557</v>
      </c>
      <c r="POZ7" s="9">
        <f t="shared" si="176"/>
        <v>1.019803902718557</v>
      </c>
      <c r="PPA7" s="9">
        <f t="shared" si="176"/>
        <v>1.019803902718557</v>
      </c>
      <c r="PPB7" s="9">
        <f t="shared" si="176"/>
        <v>1.019803902718557</v>
      </c>
      <c r="PPC7" s="9">
        <f t="shared" si="176"/>
        <v>1.019803902718557</v>
      </c>
      <c r="PPD7" s="9">
        <f t="shared" si="176"/>
        <v>1.019803902718557</v>
      </c>
      <c r="PPE7" s="9">
        <f t="shared" si="176"/>
        <v>1.019803902718557</v>
      </c>
      <c r="PPF7" s="9">
        <f t="shared" si="176"/>
        <v>1.019803902718557</v>
      </c>
      <c r="PPG7" s="9">
        <f t="shared" si="176"/>
        <v>1.019803902718557</v>
      </c>
      <c r="PPH7" s="9">
        <f t="shared" si="176"/>
        <v>1.019803902718557</v>
      </c>
      <c r="PPI7" s="9">
        <f t="shared" si="176"/>
        <v>1.019803902718557</v>
      </c>
      <c r="PPJ7" s="9">
        <f t="shared" si="176"/>
        <v>1.019803902718557</v>
      </c>
      <c r="PPK7" s="9">
        <f t="shared" si="176"/>
        <v>1.019803902718557</v>
      </c>
      <c r="PPL7" s="9">
        <f t="shared" si="176"/>
        <v>1.019803902718557</v>
      </c>
      <c r="PPM7" s="9">
        <f t="shared" si="176"/>
        <v>1.019803902718557</v>
      </c>
      <c r="PPN7" s="9">
        <f t="shared" si="176"/>
        <v>1.019803902718557</v>
      </c>
      <c r="PPO7" s="9">
        <f t="shared" si="176"/>
        <v>1.019803902718557</v>
      </c>
      <c r="PPP7" s="9">
        <f t="shared" si="176"/>
        <v>1.019803902718557</v>
      </c>
      <c r="PPQ7" s="9">
        <f t="shared" si="176"/>
        <v>1.019803902718557</v>
      </c>
      <c r="PPR7" s="9">
        <f t="shared" si="176"/>
        <v>1.019803902718557</v>
      </c>
      <c r="PPS7" s="9">
        <f t="shared" si="176"/>
        <v>1.019803902718557</v>
      </c>
      <c r="PPT7" s="9">
        <f t="shared" si="176"/>
        <v>1.019803902718557</v>
      </c>
      <c r="PPU7" s="9">
        <f t="shared" si="176"/>
        <v>1.019803902718557</v>
      </c>
      <c r="PPV7" s="9">
        <f t="shared" si="176"/>
        <v>1.019803902718557</v>
      </c>
      <c r="PPW7" s="9">
        <f t="shared" si="176"/>
        <v>1.019803902718557</v>
      </c>
      <c r="PPX7" s="9">
        <f t="shared" si="176"/>
        <v>1.019803902718557</v>
      </c>
      <c r="PPY7" s="9">
        <f t="shared" si="176"/>
        <v>1.019803902718557</v>
      </c>
      <c r="PPZ7" s="9">
        <f t="shared" si="176"/>
        <v>1.019803902718557</v>
      </c>
      <c r="PQA7" s="9">
        <f t="shared" si="176"/>
        <v>1.019803902718557</v>
      </c>
      <c r="PQB7" s="9">
        <f t="shared" si="176"/>
        <v>1.019803902718557</v>
      </c>
      <c r="PQC7" s="9">
        <f t="shared" si="176"/>
        <v>1.019803902718557</v>
      </c>
      <c r="PQD7" s="9">
        <f t="shared" si="176"/>
        <v>1.019803902718557</v>
      </c>
      <c r="PQE7" s="9">
        <f t="shared" si="176"/>
        <v>1.019803902718557</v>
      </c>
      <c r="PQF7" s="9">
        <f t="shared" si="176"/>
        <v>1.019803902718557</v>
      </c>
      <c r="PQG7" s="9">
        <f t="shared" si="176"/>
        <v>1.019803902718557</v>
      </c>
      <c r="PQH7" s="9">
        <f t="shared" si="176"/>
        <v>1.019803902718557</v>
      </c>
      <c r="PQI7" s="9">
        <f t="shared" si="176"/>
        <v>1.019803902718557</v>
      </c>
      <c r="PQJ7" s="9">
        <f t="shared" si="176"/>
        <v>1.019803902718557</v>
      </c>
      <c r="PQK7" s="9">
        <f t="shared" si="176"/>
        <v>1.019803902718557</v>
      </c>
      <c r="PQL7" s="9">
        <f t="shared" si="176"/>
        <v>1.019803902718557</v>
      </c>
      <c r="PQM7" s="9">
        <f t="shared" si="176"/>
        <v>1.019803902718557</v>
      </c>
      <c r="PQN7" s="9">
        <f t="shared" si="176"/>
        <v>1.019803902718557</v>
      </c>
      <c r="PQO7" s="9">
        <f t="shared" si="176"/>
        <v>1.019803902718557</v>
      </c>
      <c r="PQP7" s="9">
        <f t="shared" ref="PQP7:PTA7" si="177">1/((1+$F$6) ^(PQP3-$F$7))</f>
        <v>1.019803902718557</v>
      </c>
      <c r="PQQ7" s="9">
        <f t="shared" si="177"/>
        <v>1.019803902718557</v>
      </c>
      <c r="PQR7" s="9">
        <f t="shared" si="177"/>
        <v>1.019803902718557</v>
      </c>
      <c r="PQS7" s="9">
        <f t="shared" si="177"/>
        <v>1.019803902718557</v>
      </c>
      <c r="PQT7" s="9">
        <f t="shared" si="177"/>
        <v>1.019803902718557</v>
      </c>
      <c r="PQU7" s="9">
        <f t="shared" si="177"/>
        <v>1.019803902718557</v>
      </c>
      <c r="PQV7" s="9">
        <f t="shared" si="177"/>
        <v>1.019803902718557</v>
      </c>
      <c r="PQW7" s="9">
        <f t="shared" si="177"/>
        <v>1.019803902718557</v>
      </c>
      <c r="PQX7" s="9">
        <f t="shared" si="177"/>
        <v>1.019803902718557</v>
      </c>
      <c r="PQY7" s="9">
        <f t="shared" si="177"/>
        <v>1.019803902718557</v>
      </c>
      <c r="PQZ7" s="9">
        <f t="shared" si="177"/>
        <v>1.019803902718557</v>
      </c>
      <c r="PRA7" s="9">
        <f t="shared" si="177"/>
        <v>1.019803902718557</v>
      </c>
      <c r="PRB7" s="9">
        <f t="shared" si="177"/>
        <v>1.019803902718557</v>
      </c>
      <c r="PRC7" s="9">
        <f t="shared" si="177"/>
        <v>1.019803902718557</v>
      </c>
      <c r="PRD7" s="9">
        <f t="shared" si="177"/>
        <v>1.019803902718557</v>
      </c>
      <c r="PRE7" s="9">
        <f t="shared" si="177"/>
        <v>1.019803902718557</v>
      </c>
      <c r="PRF7" s="9">
        <f t="shared" si="177"/>
        <v>1.019803902718557</v>
      </c>
      <c r="PRG7" s="9">
        <f t="shared" si="177"/>
        <v>1.019803902718557</v>
      </c>
      <c r="PRH7" s="9">
        <f t="shared" si="177"/>
        <v>1.019803902718557</v>
      </c>
      <c r="PRI7" s="9">
        <f t="shared" si="177"/>
        <v>1.019803902718557</v>
      </c>
      <c r="PRJ7" s="9">
        <f t="shared" si="177"/>
        <v>1.019803902718557</v>
      </c>
      <c r="PRK7" s="9">
        <f t="shared" si="177"/>
        <v>1.019803902718557</v>
      </c>
      <c r="PRL7" s="9">
        <f t="shared" si="177"/>
        <v>1.019803902718557</v>
      </c>
      <c r="PRM7" s="9">
        <f t="shared" si="177"/>
        <v>1.019803902718557</v>
      </c>
      <c r="PRN7" s="9">
        <f t="shared" si="177"/>
        <v>1.019803902718557</v>
      </c>
      <c r="PRO7" s="9">
        <f t="shared" si="177"/>
        <v>1.019803902718557</v>
      </c>
      <c r="PRP7" s="9">
        <f t="shared" si="177"/>
        <v>1.019803902718557</v>
      </c>
      <c r="PRQ7" s="9">
        <f t="shared" si="177"/>
        <v>1.019803902718557</v>
      </c>
      <c r="PRR7" s="9">
        <f t="shared" si="177"/>
        <v>1.019803902718557</v>
      </c>
      <c r="PRS7" s="9">
        <f t="shared" si="177"/>
        <v>1.019803902718557</v>
      </c>
      <c r="PRT7" s="9">
        <f t="shared" si="177"/>
        <v>1.019803902718557</v>
      </c>
      <c r="PRU7" s="9">
        <f t="shared" si="177"/>
        <v>1.019803902718557</v>
      </c>
      <c r="PRV7" s="9">
        <f t="shared" si="177"/>
        <v>1.019803902718557</v>
      </c>
      <c r="PRW7" s="9">
        <f t="shared" si="177"/>
        <v>1.019803902718557</v>
      </c>
      <c r="PRX7" s="9">
        <f t="shared" si="177"/>
        <v>1.019803902718557</v>
      </c>
      <c r="PRY7" s="9">
        <f t="shared" si="177"/>
        <v>1.019803902718557</v>
      </c>
      <c r="PRZ7" s="9">
        <f t="shared" si="177"/>
        <v>1.019803902718557</v>
      </c>
      <c r="PSA7" s="9">
        <f t="shared" si="177"/>
        <v>1.019803902718557</v>
      </c>
      <c r="PSB7" s="9">
        <f t="shared" si="177"/>
        <v>1.019803902718557</v>
      </c>
      <c r="PSC7" s="9">
        <f t="shared" si="177"/>
        <v>1.019803902718557</v>
      </c>
      <c r="PSD7" s="9">
        <f t="shared" si="177"/>
        <v>1.019803902718557</v>
      </c>
      <c r="PSE7" s="9">
        <f t="shared" si="177"/>
        <v>1.019803902718557</v>
      </c>
      <c r="PSF7" s="9">
        <f t="shared" si="177"/>
        <v>1.019803902718557</v>
      </c>
      <c r="PSG7" s="9">
        <f t="shared" si="177"/>
        <v>1.019803902718557</v>
      </c>
      <c r="PSH7" s="9">
        <f t="shared" si="177"/>
        <v>1.019803902718557</v>
      </c>
      <c r="PSI7" s="9">
        <f t="shared" si="177"/>
        <v>1.019803902718557</v>
      </c>
      <c r="PSJ7" s="9">
        <f t="shared" si="177"/>
        <v>1.019803902718557</v>
      </c>
      <c r="PSK7" s="9">
        <f t="shared" si="177"/>
        <v>1.019803902718557</v>
      </c>
      <c r="PSL7" s="9">
        <f t="shared" si="177"/>
        <v>1.019803902718557</v>
      </c>
      <c r="PSM7" s="9">
        <f t="shared" si="177"/>
        <v>1.019803902718557</v>
      </c>
      <c r="PSN7" s="9">
        <f t="shared" si="177"/>
        <v>1.019803902718557</v>
      </c>
      <c r="PSO7" s="9">
        <f t="shared" si="177"/>
        <v>1.019803902718557</v>
      </c>
      <c r="PSP7" s="9">
        <f t="shared" si="177"/>
        <v>1.019803902718557</v>
      </c>
      <c r="PSQ7" s="9">
        <f t="shared" si="177"/>
        <v>1.019803902718557</v>
      </c>
      <c r="PSR7" s="9">
        <f t="shared" si="177"/>
        <v>1.019803902718557</v>
      </c>
      <c r="PSS7" s="9">
        <f t="shared" si="177"/>
        <v>1.019803902718557</v>
      </c>
      <c r="PST7" s="9">
        <f t="shared" si="177"/>
        <v>1.019803902718557</v>
      </c>
      <c r="PSU7" s="9">
        <f t="shared" si="177"/>
        <v>1.019803902718557</v>
      </c>
      <c r="PSV7" s="9">
        <f t="shared" si="177"/>
        <v>1.019803902718557</v>
      </c>
      <c r="PSW7" s="9">
        <f t="shared" si="177"/>
        <v>1.019803902718557</v>
      </c>
      <c r="PSX7" s="9">
        <f t="shared" si="177"/>
        <v>1.019803902718557</v>
      </c>
      <c r="PSY7" s="9">
        <f t="shared" si="177"/>
        <v>1.019803902718557</v>
      </c>
      <c r="PSZ7" s="9">
        <f t="shared" si="177"/>
        <v>1.019803902718557</v>
      </c>
      <c r="PTA7" s="9">
        <f t="shared" si="177"/>
        <v>1.019803902718557</v>
      </c>
      <c r="PTB7" s="9">
        <f t="shared" ref="PTB7:PVM7" si="178">1/((1+$F$6) ^(PTB3-$F$7))</f>
        <v>1.019803902718557</v>
      </c>
      <c r="PTC7" s="9">
        <f t="shared" si="178"/>
        <v>1.019803902718557</v>
      </c>
      <c r="PTD7" s="9">
        <f t="shared" si="178"/>
        <v>1.019803902718557</v>
      </c>
      <c r="PTE7" s="9">
        <f t="shared" si="178"/>
        <v>1.019803902718557</v>
      </c>
      <c r="PTF7" s="9">
        <f t="shared" si="178"/>
        <v>1.019803902718557</v>
      </c>
      <c r="PTG7" s="9">
        <f t="shared" si="178"/>
        <v>1.019803902718557</v>
      </c>
      <c r="PTH7" s="9">
        <f t="shared" si="178"/>
        <v>1.019803902718557</v>
      </c>
      <c r="PTI7" s="9">
        <f t="shared" si="178"/>
        <v>1.019803902718557</v>
      </c>
      <c r="PTJ7" s="9">
        <f t="shared" si="178"/>
        <v>1.019803902718557</v>
      </c>
      <c r="PTK7" s="9">
        <f t="shared" si="178"/>
        <v>1.019803902718557</v>
      </c>
      <c r="PTL7" s="9">
        <f t="shared" si="178"/>
        <v>1.019803902718557</v>
      </c>
      <c r="PTM7" s="9">
        <f t="shared" si="178"/>
        <v>1.019803902718557</v>
      </c>
      <c r="PTN7" s="9">
        <f t="shared" si="178"/>
        <v>1.019803902718557</v>
      </c>
      <c r="PTO7" s="9">
        <f t="shared" si="178"/>
        <v>1.019803902718557</v>
      </c>
      <c r="PTP7" s="9">
        <f t="shared" si="178"/>
        <v>1.019803902718557</v>
      </c>
      <c r="PTQ7" s="9">
        <f t="shared" si="178"/>
        <v>1.019803902718557</v>
      </c>
      <c r="PTR7" s="9">
        <f t="shared" si="178"/>
        <v>1.019803902718557</v>
      </c>
      <c r="PTS7" s="9">
        <f t="shared" si="178"/>
        <v>1.019803902718557</v>
      </c>
      <c r="PTT7" s="9">
        <f t="shared" si="178"/>
        <v>1.019803902718557</v>
      </c>
      <c r="PTU7" s="9">
        <f t="shared" si="178"/>
        <v>1.019803902718557</v>
      </c>
      <c r="PTV7" s="9">
        <f t="shared" si="178"/>
        <v>1.019803902718557</v>
      </c>
      <c r="PTW7" s="9">
        <f t="shared" si="178"/>
        <v>1.019803902718557</v>
      </c>
      <c r="PTX7" s="9">
        <f t="shared" si="178"/>
        <v>1.019803902718557</v>
      </c>
      <c r="PTY7" s="9">
        <f t="shared" si="178"/>
        <v>1.019803902718557</v>
      </c>
      <c r="PTZ7" s="9">
        <f t="shared" si="178"/>
        <v>1.019803902718557</v>
      </c>
      <c r="PUA7" s="9">
        <f t="shared" si="178"/>
        <v>1.019803902718557</v>
      </c>
      <c r="PUB7" s="9">
        <f t="shared" si="178"/>
        <v>1.019803902718557</v>
      </c>
      <c r="PUC7" s="9">
        <f t="shared" si="178"/>
        <v>1.019803902718557</v>
      </c>
      <c r="PUD7" s="9">
        <f t="shared" si="178"/>
        <v>1.019803902718557</v>
      </c>
      <c r="PUE7" s="9">
        <f t="shared" si="178"/>
        <v>1.019803902718557</v>
      </c>
      <c r="PUF7" s="9">
        <f t="shared" si="178"/>
        <v>1.019803902718557</v>
      </c>
      <c r="PUG7" s="9">
        <f t="shared" si="178"/>
        <v>1.019803902718557</v>
      </c>
      <c r="PUH7" s="9">
        <f t="shared" si="178"/>
        <v>1.019803902718557</v>
      </c>
      <c r="PUI7" s="9">
        <f t="shared" si="178"/>
        <v>1.019803902718557</v>
      </c>
      <c r="PUJ7" s="9">
        <f t="shared" si="178"/>
        <v>1.019803902718557</v>
      </c>
      <c r="PUK7" s="9">
        <f t="shared" si="178"/>
        <v>1.019803902718557</v>
      </c>
      <c r="PUL7" s="9">
        <f t="shared" si="178"/>
        <v>1.019803902718557</v>
      </c>
      <c r="PUM7" s="9">
        <f t="shared" si="178"/>
        <v>1.019803902718557</v>
      </c>
      <c r="PUN7" s="9">
        <f t="shared" si="178"/>
        <v>1.019803902718557</v>
      </c>
      <c r="PUO7" s="9">
        <f t="shared" si="178"/>
        <v>1.019803902718557</v>
      </c>
      <c r="PUP7" s="9">
        <f t="shared" si="178"/>
        <v>1.019803902718557</v>
      </c>
      <c r="PUQ7" s="9">
        <f t="shared" si="178"/>
        <v>1.019803902718557</v>
      </c>
      <c r="PUR7" s="9">
        <f t="shared" si="178"/>
        <v>1.019803902718557</v>
      </c>
      <c r="PUS7" s="9">
        <f t="shared" si="178"/>
        <v>1.019803902718557</v>
      </c>
      <c r="PUT7" s="9">
        <f t="shared" si="178"/>
        <v>1.019803902718557</v>
      </c>
      <c r="PUU7" s="9">
        <f t="shared" si="178"/>
        <v>1.019803902718557</v>
      </c>
      <c r="PUV7" s="9">
        <f t="shared" si="178"/>
        <v>1.019803902718557</v>
      </c>
      <c r="PUW7" s="9">
        <f t="shared" si="178"/>
        <v>1.019803902718557</v>
      </c>
      <c r="PUX7" s="9">
        <f t="shared" si="178"/>
        <v>1.019803902718557</v>
      </c>
      <c r="PUY7" s="9">
        <f t="shared" si="178"/>
        <v>1.019803902718557</v>
      </c>
      <c r="PUZ7" s="9">
        <f t="shared" si="178"/>
        <v>1.019803902718557</v>
      </c>
      <c r="PVA7" s="9">
        <f t="shared" si="178"/>
        <v>1.019803902718557</v>
      </c>
      <c r="PVB7" s="9">
        <f t="shared" si="178"/>
        <v>1.019803902718557</v>
      </c>
      <c r="PVC7" s="9">
        <f t="shared" si="178"/>
        <v>1.019803902718557</v>
      </c>
      <c r="PVD7" s="9">
        <f t="shared" si="178"/>
        <v>1.019803902718557</v>
      </c>
      <c r="PVE7" s="9">
        <f t="shared" si="178"/>
        <v>1.019803902718557</v>
      </c>
      <c r="PVF7" s="9">
        <f t="shared" si="178"/>
        <v>1.019803902718557</v>
      </c>
      <c r="PVG7" s="9">
        <f t="shared" si="178"/>
        <v>1.019803902718557</v>
      </c>
      <c r="PVH7" s="9">
        <f t="shared" si="178"/>
        <v>1.019803902718557</v>
      </c>
      <c r="PVI7" s="9">
        <f t="shared" si="178"/>
        <v>1.019803902718557</v>
      </c>
      <c r="PVJ7" s="9">
        <f t="shared" si="178"/>
        <v>1.019803902718557</v>
      </c>
      <c r="PVK7" s="9">
        <f t="shared" si="178"/>
        <v>1.019803902718557</v>
      </c>
      <c r="PVL7" s="9">
        <f t="shared" si="178"/>
        <v>1.019803902718557</v>
      </c>
      <c r="PVM7" s="9">
        <f t="shared" si="178"/>
        <v>1.019803902718557</v>
      </c>
      <c r="PVN7" s="9">
        <f t="shared" ref="PVN7:PXY7" si="179">1/((1+$F$6) ^(PVN3-$F$7))</f>
        <v>1.019803902718557</v>
      </c>
      <c r="PVO7" s="9">
        <f t="shared" si="179"/>
        <v>1.019803902718557</v>
      </c>
      <c r="PVP7" s="9">
        <f t="shared" si="179"/>
        <v>1.019803902718557</v>
      </c>
      <c r="PVQ7" s="9">
        <f t="shared" si="179"/>
        <v>1.019803902718557</v>
      </c>
      <c r="PVR7" s="9">
        <f t="shared" si="179"/>
        <v>1.019803902718557</v>
      </c>
      <c r="PVS7" s="9">
        <f t="shared" si="179"/>
        <v>1.019803902718557</v>
      </c>
      <c r="PVT7" s="9">
        <f t="shared" si="179"/>
        <v>1.019803902718557</v>
      </c>
      <c r="PVU7" s="9">
        <f t="shared" si="179"/>
        <v>1.019803902718557</v>
      </c>
      <c r="PVV7" s="9">
        <f t="shared" si="179"/>
        <v>1.019803902718557</v>
      </c>
      <c r="PVW7" s="9">
        <f t="shared" si="179"/>
        <v>1.019803902718557</v>
      </c>
      <c r="PVX7" s="9">
        <f t="shared" si="179"/>
        <v>1.019803902718557</v>
      </c>
      <c r="PVY7" s="9">
        <f t="shared" si="179"/>
        <v>1.019803902718557</v>
      </c>
      <c r="PVZ7" s="9">
        <f t="shared" si="179"/>
        <v>1.019803902718557</v>
      </c>
      <c r="PWA7" s="9">
        <f t="shared" si="179"/>
        <v>1.019803902718557</v>
      </c>
      <c r="PWB7" s="9">
        <f t="shared" si="179"/>
        <v>1.019803902718557</v>
      </c>
      <c r="PWC7" s="9">
        <f t="shared" si="179"/>
        <v>1.019803902718557</v>
      </c>
      <c r="PWD7" s="9">
        <f t="shared" si="179"/>
        <v>1.019803902718557</v>
      </c>
      <c r="PWE7" s="9">
        <f t="shared" si="179"/>
        <v>1.019803902718557</v>
      </c>
      <c r="PWF7" s="9">
        <f t="shared" si="179"/>
        <v>1.019803902718557</v>
      </c>
      <c r="PWG7" s="9">
        <f t="shared" si="179"/>
        <v>1.019803902718557</v>
      </c>
      <c r="PWH7" s="9">
        <f t="shared" si="179"/>
        <v>1.019803902718557</v>
      </c>
      <c r="PWI7" s="9">
        <f t="shared" si="179"/>
        <v>1.019803902718557</v>
      </c>
      <c r="PWJ7" s="9">
        <f t="shared" si="179"/>
        <v>1.019803902718557</v>
      </c>
      <c r="PWK7" s="9">
        <f t="shared" si="179"/>
        <v>1.019803902718557</v>
      </c>
      <c r="PWL7" s="9">
        <f t="shared" si="179"/>
        <v>1.019803902718557</v>
      </c>
      <c r="PWM7" s="9">
        <f t="shared" si="179"/>
        <v>1.019803902718557</v>
      </c>
      <c r="PWN7" s="9">
        <f t="shared" si="179"/>
        <v>1.019803902718557</v>
      </c>
      <c r="PWO7" s="9">
        <f t="shared" si="179"/>
        <v>1.019803902718557</v>
      </c>
      <c r="PWP7" s="9">
        <f t="shared" si="179"/>
        <v>1.019803902718557</v>
      </c>
      <c r="PWQ7" s="9">
        <f t="shared" si="179"/>
        <v>1.019803902718557</v>
      </c>
      <c r="PWR7" s="9">
        <f t="shared" si="179"/>
        <v>1.019803902718557</v>
      </c>
      <c r="PWS7" s="9">
        <f t="shared" si="179"/>
        <v>1.019803902718557</v>
      </c>
      <c r="PWT7" s="9">
        <f t="shared" si="179"/>
        <v>1.019803902718557</v>
      </c>
      <c r="PWU7" s="9">
        <f t="shared" si="179"/>
        <v>1.019803902718557</v>
      </c>
      <c r="PWV7" s="9">
        <f t="shared" si="179"/>
        <v>1.019803902718557</v>
      </c>
      <c r="PWW7" s="9">
        <f t="shared" si="179"/>
        <v>1.019803902718557</v>
      </c>
      <c r="PWX7" s="9">
        <f t="shared" si="179"/>
        <v>1.019803902718557</v>
      </c>
      <c r="PWY7" s="9">
        <f t="shared" si="179"/>
        <v>1.019803902718557</v>
      </c>
      <c r="PWZ7" s="9">
        <f t="shared" si="179"/>
        <v>1.019803902718557</v>
      </c>
      <c r="PXA7" s="9">
        <f t="shared" si="179"/>
        <v>1.019803902718557</v>
      </c>
      <c r="PXB7" s="9">
        <f t="shared" si="179"/>
        <v>1.019803902718557</v>
      </c>
      <c r="PXC7" s="9">
        <f t="shared" si="179"/>
        <v>1.019803902718557</v>
      </c>
      <c r="PXD7" s="9">
        <f t="shared" si="179"/>
        <v>1.019803902718557</v>
      </c>
      <c r="PXE7" s="9">
        <f t="shared" si="179"/>
        <v>1.019803902718557</v>
      </c>
      <c r="PXF7" s="9">
        <f t="shared" si="179"/>
        <v>1.019803902718557</v>
      </c>
      <c r="PXG7" s="9">
        <f t="shared" si="179"/>
        <v>1.019803902718557</v>
      </c>
      <c r="PXH7" s="9">
        <f t="shared" si="179"/>
        <v>1.019803902718557</v>
      </c>
      <c r="PXI7" s="9">
        <f t="shared" si="179"/>
        <v>1.019803902718557</v>
      </c>
      <c r="PXJ7" s="9">
        <f t="shared" si="179"/>
        <v>1.019803902718557</v>
      </c>
      <c r="PXK7" s="9">
        <f t="shared" si="179"/>
        <v>1.019803902718557</v>
      </c>
      <c r="PXL7" s="9">
        <f t="shared" si="179"/>
        <v>1.019803902718557</v>
      </c>
      <c r="PXM7" s="9">
        <f t="shared" si="179"/>
        <v>1.019803902718557</v>
      </c>
      <c r="PXN7" s="9">
        <f t="shared" si="179"/>
        <v>1.019803902718557</v>
      </c>
      <c r="PXO7" s="9">
        <f t="shared" si="179"/>
        <v>1.019803902718557</v>
      </c>
      <c r="PXP7" s="9">
        <f t="shared" si="179"/>
        <v>1.019803902718557</v>
      </c>
      <c r="PXQ7" s="9">
        <f t="shared" si="179"/>
        <v>1.019803902718557</v>
      </c>
      <c r="PXR7" s="9">
        <f t="shared" si="179"/>
        <v>1.019803902718557</v>
      </c>
      <c r="PXS7" s="9">
        <f t="shared" si="179"/>
        <v>1.019803902718557</v>
      </c>
      <c r="PXT7" s="9">
        <f t="shared" si="179"/>
        <v>1.019803902718557</v>
      </c>
      <c r="PXU7" s="9">
        <f t="shared" si="179"/>
        <v>1.019803902718557</v>
      </c>
      <c r="PXV7" s="9">
        <f t="shared" si="179"/>
        <v>1.019803902718557</v>
      </c>
      <c r="PXW7" s="9">
        <f t="shared" si="179"/>
        <v>1.019803902718557</v>
      </c>
      <c r="PXX7" s="9">
        <f t="shared" si="179"/>
        <v>1.019803902718557</v>
      </c>
      <c r="PXY7" s="9">
        <f t="shared" si="179"/>
        <v>1.019803902718557</v>
      </c>
      <c r="PXZ7" s="9">
        <f t="shared" ref="PXZ7:QAK7" si="180">1/((1+$F$6) ^(PXZ3-$F$7))</f>
        <v>1.019803902718557</v>
      </c>
      <c r="PYA7" s="9">
        <f t="shared" si="180"/>
        <v>1.019803902718557</v>
      </c>
      <c r="PYB7" s="9">
        <f t="shared" si="180"/>
        <v>1.019803902718557</v>
      </c>
      <c r="PYC7" s="9">
        <f t="shared" si="180"/>
        <v>1.019803902718557</v>
      </c>
      <c r="PYD7" s="9">
        <f t="shared" si="180"/>
        <v>1.019803902718557</v>
      </c>
      <c r="PYE7" s="9">
        <f t="shared" si="180"/>
        <v>1.019803902718557</v>
      </c>
      <c r="PYF7" s="9">
        <f t="shared" si="180"/>
        <v>1.019803902718557</v>
      </c>
      <c r="PYG7" s="9">
        <f t="shared" si="180"/>
        <v>1.019803902718557</v>
      </c>
      <c r="PYH7" s="9">
        <f t="shared" si="180"/>
        <v>1.019803902718557</v>
      </c>
      <c r="PYI7" s="9">
        <f t="shared" si="180"/>
        <v>1.019803902718557</v>
      </c>
      <c r="PYJ7" s="9">
        <f t="shared" si="180"/>
        <v>1.019803902718557</v>
      </c>
      <c r="PYK7" s="9">
        <f t="shared" si="180"/>
        <v>1.019803902718557</v>
      </c>
      <c r="PYL7" s="9">
        <f t="shared" si="180"/>
        <v>1.019803902718557</v>
      </c>
      <c r="PYM7" s="9">
        <f t="shared" si="180"/>
        <v>1.019803902718557</v>
      </c>
      <c r="PYN7" s="9">
        <f t="shared" si="180"/>
        <v>1.019803902718557</v>
      </c>
      <c r="PYO7" s="9">
        <f t="shared" si="180"/>
        <v>1.019803902718557</v>
      </c>
      <c r="PYP7" s="9">
        <f t="shared" si="180"/>
        <v>1.019803902718557</v>
      </c>
      <c r="PYQ7" s="9">
        <f t="shared" si="180"/>
        <v>1.019803902718557</v>
      </c>
      <c r="PYR7" s="9">
        <f t="shared" si="180"/>
        <v>1.019803902718557</v>
      </c>
      <c r="PYS7" s="9">
        <f t="shared" si="180"/>
        <v>1.019803902718557</v>
      </c>
      <c r="PYT7" s="9">
        <f t="shared" si="180"/>
        <v>1.019803902718557</v>
      </c>
      <c r="PYU7" s="9">
        <f t="shared" si="180"/>
        <v>1.019803902718557</v>
      </c>
      <c r="PYV7" s="9">
        <f t="shared" si="180"/>
        <v>1.019803902718557</v>
      </c>
      <c r="PYW7" s="9">
        <f t="shared" si="180"/>
        <v>1.019803902718557</v>
      </c>
      <c r="PYX7" s="9">
        <f t="shared" si="180"/>
        <v>1.019803902718557</v>
      </c>
      <c r="PYY7" s="9">
        <f t="shared" si="180"/>
        <v>1.019803902718557</v>
      </c>
      <c r="PYZ7" s="9">
        <f t="shared" si="180"/>
        <v>1.019803902718557</v>
      </c>
      <c r="PZA7" s="9">
        <f t="shared" si="180"/>
        <v>1.019803902718557</v>
      </c>
      <c r="PZB7" s="9">
        <f t="shared" si="180"/>
        <v>1.019803902718557</v>
      </c>
      <c r="PZC7" s="9">
        <f t="shared" si="180"/>
        <v>1.019803902718557</v>
      </c>
      <c r="PZD7" s="9">
        <f t="shared" si="180"/>
        <v>1.019803902718557</v>
      </c>
      <c r="PZE7" s="9">
        <f t="shared" si="180"/>
        <v>1.019803902718557</v>
      </c>
      <c r="PZF7" s="9">
        <f t="shared" si="180"/>
        <v>1.019803902718557</v>
      </c>
      <c r="PZG7" s="9">
        <f t="shared" si="180"/>
        <v>1.019803902718557</v>
      </c>
      <c r="PZH7" s="9">
        <f t="shared" si="180"/>
        <v>1.019803902718557</v>
      </c>
      <c r="PZI7" s="9">
        <f t="shared" si="180"/>
        <v>1.019803902718557</v>
      </c>
      <c r="PZJ7" s="9">
        <f t="shared" si="180"/>
        <v>1.019803902718557</v>
      </c>
      <c r="PZK7" s="9">
        <f t="shared" si="180"/>
        <v>1.019803902718557</v>
      </c>
      <c r="PZL7" s="9">
        <f t="shared" si="180"/>
        <v>1.019803902718557</v>
      </c>
      <c r="PZM7" s="9">
        <f t="shared" si="180"/>
        <v>1.019803902718557</v>
      </c>
      <c r="PZN7" s="9">
        <f t="shared" si="180"/>
        <v>1.019803902718557</v>
      </c>
      <c r="PZO7" s="9">
        <f t="shared" si="180"/>
        <v>1.019803902718557</v>
      </c>
      <c r="PZP7" s="9">
        <f t="shared" si="180"/>
        <v>1.019803902718557</v>
      </c>
      <c r="PZQ7" s="9">
        <f t="shared" si="180"/>
        <v>1.019803902718557</v>
      </c>
      <c r="PZR7" s="9">
        <f t="shared" si="180"/>
        <v>1.019803902718557</v>
      </c>
      <c r="PZS7" s="9">
        <f t="shared" si="180"/>
        <v>1.019803902718557</v>
      </c>
      <c r="PZT7" s="9">
        <f t="shared" si="180"/>
        <v>1.019803902718557</v>
      </c>
      <c r="PZU7" s="9">
        <f t="shared" si="180"/>
        <v>1.019803902718557</v>
      </c>
      <c r="PZV7" s="9">
        <f t="shared" si="180"/>
        <v>1.019803902718557</v>
      </c>
      <c r="PZW7" s="9">
        <f t="shared" si="180"/>
        <v>1.019803902718557</v>
      </c>
      <c r="PZX7" s="9">
        <f t="shared" si="180"/>
        <v>1.019803902718557</v>
      </c>
      <c r="PZY7" s="9">
        <f t="shared" si="180"/>
        <v>1.019803902718557</v>
      </c>
      <c r="PZZ7" s="9">
        <f t="shared" si="180"/>
        <v>1.019803902718557</v>
      </c>
      <c r="QAA7" s="9">
        <f t="shared" si="180"/>
        <v>1.019803902718557</v>
      </c>
      <c r="QAB7" s="9">
        <f t="shared" si="180"/>
        <v>1.019803902718557</v>
      </c>
      <c r="QAC7" s="9">
        <f t="shared" si="180"/>
        <v>1.019803902718557</v>
      </c>
      <c r="QAD7" s="9">
        <f t="shared" si="180"/>
        <v>1.019803902718557</v>
      </c>
      <c r="QAE7" s="9">
        <f t="shared" si="180"/>
        <v>1.019803902718557</v>
      </c>
      <c r="QAF7" s="9">
        <f t="shared" si="180"/>
        <v>1.019803902718557</v>
      </c>
      <c r="QAG7" s="9">
        <f t="shared" si="180"/>
        <v>1.019803902718557</v>
      </c>
      <c r="QAH7" s="9">
        <f t="shared" si="180"/>
        <v>1.019803902718557</v>
      </c>
      <c r="QAI7" s="9">
        <f t="shared" si="180"/>
        <v>1.019803902718557</v>
      </c>
      <c r="QAJ7" s="9">
        <f t="shared" si="180"/>
        <v>1.019803902718557</v>
      </c>
      <c r="QAK7" s="9">
        <f t="shared" si="180"/>
        <v>1.019803902718557</v>
      </c>
      <c r="QAL7" s="9">
        <f t="shared" ref="QAL7:QCW7" si="181">1/((1+$F$6) ^(QAL3-$F$7))</f>
        <v>1.019803902718557</v>
      </c>
      <c r="QAM7" s="9">
        <f t="shared" si="181"/>
        <v>1.019803902718557</v>
      </c>
      <c r="QAN7" s="9">
        <f t="shared" si="181"/>
        <v>1.019803902718557</v>
      </c>
      <c r="QAO7" s="9">
        <f t="shared" si="181"/>
        <v>1.019803902718557</v>
      </c>
      <c r="QAP7" s="9">
        <f t="shared" si="181"/>
        <v>1.019803902718557</v>
      </c>
      <c r="QAQ7" s="9">
        <f t="shared" si="181"/>
        <v>1.019803902718557</v>
      </c>
      <c r="QAR7" s="9">
        <f t="shared" si="181"/>
        <v>1.019803902718557</v>
      </c>
      <c r="QAS7" s="9">
        <f t="shared" si="181"/>
        <v>1.019803902718557</v>
      </c>
      <c r="QAT7" s="9">
        <f t="shared" si="181"/>
        <v>1.019803902718557</v>
      </c>
      <c r="QAU7" s="9">
        <f t="shared" si="181"/>
        <v>1.019803902718557</v>
      </c>
      <c r="QAV7" s="9">
        <f t="shared" si="181"/>
        <v>1.019803902718557</v>
      </c>
      <c r="QAW7" s="9">
        <f t="shared" si="181"/>
        <v>1.019803902718557</v>
      </c>
      <c r="QAX7" s="9">
        <f t="shared" si="181"/>
        <v>1.019803902718557</v>
      </c>
      <c r="QAY7" s="9">
        <f t="shared" si="181"/>
        <v>1.019803902718557</v>
      </c>
      <c r="QAZ7" s="9">
        <f t="shared" si="181"/>
        <v>1.019803902718557</v>
      </c>
      <c r="QBA7" s="9">
        <f t="shared" si="181"/>
        <v>1.019803902718557</v>
      </c>
      <c r="QBB7" s="9">
        <f t="shared" si="181"/>
        <v>1.019803902718557</v>
      </c>
      <c r="QBC7" s="9">
        <f t="shared" si="181"/>
        <v>1.019803902718557</v>
      </c>
      <c r="QBD7" s="9">
        <f t="shared" si="181"/>
        <v>1.019803902718557</v>
      </c>
      <c r="QBE7" s="9">
        <f t="shared" si="181"/>
        <v>1.019803902718557</v>
      </c>
      <c r="QBF7" s="9">
        <f t="shared" si="181"/>
        <v>1.019803902718557</v>
      </c>
      <c r="QBG7" s="9">
        <f t="shared" si="181"/>
        <v>1.019803902718557</v>
      </c>
      <c r="QBH7" s="9">
        <f t="shared" si="181"/>
        <v>1.019803902718557</v>
      </c>
      <c r="QBI7" s="9">
        <f t="shared" si="181"/>
        <v>1.019803902718557</v>
      </c>
      <c r="QBJ7" s="9">
        <f t="shared" si="181"/>
        <v>1.019803902718557</v>
      </c>
      <c r="QBK7" s="9">
        <f t="shared" si="181"/>
        <v>1.019803902718557</v>
      </c>
      <c r="QBL7" s="9">
        <f t="shared" si="181"/>
        <v>1.019803902718557</v>
      </c>
      <c r="QBM7" s="9">
        <f t="shared" si="181"/>
        <v>1.019803902718557</v>
      </c>
      <c r="QBN7" s="9">
        <f t="shared" si="181"/>
        <v>1.019803902718557</v>
      </c>
      <c r="QBO7" s="9">
        <f t="shared" si="181"/>
        <v>1.019803902718557</v>
      </c>
      <c r="QBP7" s="9">
        <f t="shared" si="181"/>
        <v>1.019803902718557</v>
      </c>
      <c r="QBQ7" s="9">
        <f t="shared" si="181"/>
        <v>1.019803902718557</v>
      </c>
      <c r="QBR7" s="9">
        <f t="shared" si="181"/>
        <v>1.019803902718557</v>
      </c>
      <c r="QBS7" s="9">
        <f t="shared" si="181"/>
        <v>1.019803902718557</v>
      </c>
      <c r="QBT7" s="9">
        <f t="shared" si="181"/>
        <v>1.019803902718557</v>
      </c>
      <c r="QBU7" s="9">
        <f t="shared" si="181"/>
        <v>1.019803902718557</v>
      </c>
      <c r="QBV7" s="9">
        <f t="shared" si="181"/>
        <v>1.019803902718557</v>
      </c>
      <c r="QBW7" s="9">
        <f t="shared" si="181"/>
        <v>1.019803902718557</v>
      </c>
      <c r="QBX7" s="9">
        <f t="shared" si="181"/>
        <v>1.019803902718557</v>
      </c>
      <c r="QBY7" s="9">
        <f t="shared" si="181"/>
        <v>1.019803902718557</v>
      </c>
      <c r="QBZ7" s="9">
        <f t="shared" si="181"/>
        <v>1.019803902718557</v>
      </c>
      <c r="QCA7" s="9">
        <f t="shared" si="181"/>
        <v>1.019803902718557</v>
      </c>
      <c r="QCB7" s="9">
        <f t="shared" si="181"/>
        <v>1.019803902718557</v>
      </c>
      <c r="QCC7" s="9">
        <f t="shared" si="181"/>
        <v>1.019803902718557</v>
      </c>
      <c r="QCD7" s="9">
        <f t="shared" si="181"/>
        <v>1.019803902718557</v>
      </c>
      <c r="QCE7" s="9">
        <f t="shared" si="181"/>
        <v>1.019803902718557</v>
      </c>
      <c r="QCF7" s="9">
        <f t="shared" si="181"/>
        <v>1.019803902718557</v>
      </c>
      <c r="QCG7" s="9">
        <f t="shared" si="181"/>
        <v>1.019803902718557</v>
      </c>
      <c r="QCH7" s="9">
        <f t="shared" si="181"/>
        <v>1.019803902718557</v>
      </c>
      <c r="QCI7" s="9">
        <f t="shared" si="181"/>
        <v>1.019803902718557</v>
      </c>
      <c r="QCJ7" s="9">
        <f t="shared" si="181"/>
        <v>1.019803902718557</v>
      </c>
      <c r="QCK7" s="9">
        <f t="shared" si="181"/>
        <v>1.019803902718557</v>
      </c>
      <c r="QCL7" s="9">
        <f t="shared" si="181"/>
        <v>1.019803902718557</v>
      </c>
      <c r="QCM7" s="9">
        <f t="shared" si="181"/>
        <v>1.019803902718557</v>
      </c>
      <c r="QCN7" s="9">
        <f t="shared" si="181"/>
        <v>1.019803902718557</v>
      </c>
      <c r="QCO7" s="9">
        <f t="shared" si="181"/>
        <v>1.019803902718557</v>
      </c>
      <c r="QCP7" s="9">
        <f t="shared" si="181"/>
        <v>1.019803902718557</v>
      </c>
      <c r="QCQ7" s="9">
        <f t="shared" si="181"/>
        <v>1.019803902718557</v>
      </c>
      <c r="QCR7" s="9">
        <f t="shared" si="181"/>
        <v>1.019803902718557</v>
      </c>
      <c r="QCS7" s="9">
        <f t="shared" si="181"/>
        <v>1.019803902718557</v>
      </c>
      <c r="QCT7" s="9">
        <f t="shared" si="181"/>
        <v>1.019803902718557</v>
      </c>
      <c r="QCU7" s="9">
        <f t="shared" si="181"/>
        <v>1.019803902718557</v>
      </c>
      <c r="QCV7" s="9">
        <f t="shared" si="181"/>
        <v>1.019803902718557</v>
      </c>
      <c r="QCW7" s="9">
        <f t="shared" si="181"/>
        <v>1.019803902718557</v>
      </c>
      <c r="QCX7" s="9">
        <f t="shared" ref="QCX7:QFI7" si="182">1/((1+$F$6) ^(QCX3-$F$7))</f>
        <v>1.019803902718557</v>
      </c>
      <c r="QCY7" s="9">
        <f t="shared" si="182"/>
        <v>1.019803902718557</v>
      </c>
      <c r="QCZ7" s="9">
        <f t="shared" si="182"/>
        <v>1.019803902718557</v>
      </c>
      <c r="QDA7" s="9">
        <f t="shared" si="182"/>
        <v>1.019803902718557</v>
      </c>
      <c r="QDB7" s="9">
        <f t="shared" si="182"/>
        <v>1.019803902718557</v>
      </c>
      <c r="QDC7" s="9">
        <f t="shared" si="182"/>
        <v>1.019803902718557</v>
      </c>
      <c r="QDD7" s="9">
        <f t="shared" si="182"/>
        <v>1.019803902718557</v>
      </c>
      <c r="QDE7" s="9">
        <f t="shared" si="182"/>
        <v>1.019803902718557</v>
      </c>
      <c r="QDF7" s="9">
        <f t="shared" si="182"/>
        <v>1.019803902718557</v>
      </c>
      <c r="QDG7" s="9">
        <f t="shared" si="182"/>
        <v>1.019803902718557</v>
      </c>
      <c r="QDH7" s="9">
        <f t="shared" si="182"/>
        <v>1.019803902718557</v>
      </c>
      <c r="QDI7" s="9">
        <f t="shared" si="182"/>
        <v>1.019803902718557</v>
      </c>
      <c r="QDJ7" s="9">
        <f t="shared" si="182"/>
        <v>1.019803902718557</v>
      </c>
      <c r="QDK7" s="9">
        <f t="shared" si="182"/>
        <v>1.019803902718557</v>
      </c>
      <c r="QDL7" s="9">
        <f t="shared" si="182"/>
        <v>1.019803902718557</v>
      </c>
      <c r="QDM7" s="9">
        <f t="shared" si="182"/>
        <v>1.019803902718557</v>
      </c>
      <c r="QDN7" s="9">
        <f t="shared" si="182"/>
        <v>1.019803902718557</v>
      </c>
      <c r="QDO7" s="9">
        <f t="shared" si="182"/>
        <v>1.019803902718557</v>
      </c>
      <c r="QDP7" s="9">
        <f t="shared" si="182"/>
        <v>1.019803902718557</v>
      </c>
      <c r="QDQ7" s="9">
        <f t="shared" si="182"/>
        <v>1.019803902718557</v>
      </c>
      <c r="QDR7" s="9">
        <f t="shared" si="182"/>
        <v>1.019803902718557</v>
      </c>
      <c r="QDS7" s="9">
        <f t="shared" si="182"/>
        <v>1.019803902718557</v>
      </c>
      <c r="QDT7" s="9">
        <f t="shared" si="182"/>
        <v>1.019803902718557</v>
      </c>
      <c r="QDU7" s="9">
        <f t="shared" si="182"/>
        <v>1.019803902718557</v>
      </c>
      <c r="QDV7" s="9">
        <f t="shared" si="182"/>
        <v>1.019803902718557</v>
      </c>
      <c r="QDW7" s="9">
        <f t="shared" si="182"/>
        <v>1.019803902718557</v>
      </c>
      <c r="QDX7" s="9">
        <f t="shared" si="182"/>
        <v>1.019803902718557</v>
      </c>
      <c r="QDY7" s="9">
        <f t="shared" si="182"/>
        <v>1.019803902718557</v>
      </c>
      <c r="QDZ7" s="9">
        <f t="shared" si="182"/>
        <v>1.019803902718557</v>
      </c>
      <c r="QEA7" s="9">
        <f t="shared" si="182"/>
        <v>1.019803902718557</v>
      </c>
      <c r="QEB7" s="9">
        <f t="shared" si="182"/>
        <v>1.019803902718557</v>
      </c>
      <c r="QEC7" s="9">
        <f t="shared" si="182"/>
        <v>1.019803902718557</v>
      </c>
      <c r="QED7" s="9">
        <f t="shared" si="182"/>
        <v>1.019803902718557</v>
      </c>
      <c r="QEE7" s="9">
        <f t="shared" si="182"/>
        <v>1.019803902718557</v>
      </c>
      <c r="QEF7" s="9">
        <f t="shared" si="182"/>
        <v>1.019803902718557</v>
      </c>
      <c r="QEG7" s="9">
        <f t="shared" si="182"/>
        <v>1.019803902718557</v>
      </c>
      <c r="QEH7" s="9">
        <f t="shared" si="182"/>
        <v>1.019803902718557</v>
      </c>
      <c r="QEI7" s="9">
        <f t="shared" si="182"/>
        <v>1.019803902718557</v>
      </c>
      <c r="QEJ7" s="9">
        <f t="shared" si="182"/>
        <v>1.019803902718557</v>
      </c>
      <c r="QEK7" s="9">
        <f t="shared" si="182"/>
        <v>1.019803902718557</v>
      </c>
      <c r="QEL7" s="9">
        <f t="shared" si="182"/>
        <v>1.019803902718557</v>
      </c>
      <c r="QEM7" s="9">
        <f t="shared" si="182"/>
        <v>1.019803902718557</v>
      </c>
      <c r="QEN7" s="9">
        <f t="shared" si="182"/>
        <v>1.019803902718557</v>
      </c>
      <c r="QEO7" s="9">
        <f t="shared" si="182"/>
        <v>1.019803902718557</v>
      </c>
      <c r="QEP7" s="9">
        <f t="shared" si="182"/>
        <v>1.019803902718557</v>
      </c>
      <c r="QEQ7" s="9">
        <f t="shared" si="182"/>
        <v>1.019803902718557</v>
      </c>
      <c r="QER7" s="9">
        <f t="shared" si="182"/>
        <v>1.019803902718557</v>
      </c>
      <c r="QES7" s="9">
        <f t="shared" si="182"/>
        <v>1.019803902718557</v>
      </c>
      <c r="QET7" s="9">
        <f t="shared" si="182"/>
        <v>1.019803902718557</v>
      </c>
      <c r="QEU7" s="9">
        <f t="shared" si="182"/>
        <v>1.019803902718557</v>
      </c>
      <c r="QEV7" s="9">
        <f t="shared" si="182"/>
        <v>1.019803902718557</v>
      </c>
      <c r="QEW7" s="9">
        <f t="shared" si="182"/>
        <v>1.019803902718557</v>
      </c>
      <c r="QEX7" s="9">
        <f t="shared" si="182"/>
        <v>1.019803902718557</v>
      </c>
      <c r="QEY7" s="9">
        <f t="shared" si="182"/>
        <v>1.019803902718557</v>
      </c>
      <c r="QEZ7" s="9">
        <f t="shared" si="182"/>
        <v>1.019803902718557</v>
      </c>
      <c r="QFA7" s="9">
        <f t="shared" si="182"/>
        <v>1.019803902718557</v>
      </c>
      <c r="QFB7" s="9">
        <f t="shared" si="182"/>
        <v>1.019803902718557</v>
      </c>
      <c r="QFC7" s="9">
        <f t="shared" si="182"/>
        <v>1.019803902718557</v>
      </c>
      <c r="QFD7" s="9">
        <f t="shared" si="182"/>
        <v>1.019803902718557</v>
      </c>
      <c r="QFE7" s="9">
        <f t="shared" si="182"/>
        <v>1.019803902718557</v>
      </c>
      <c r="QFF7" s="9">
        <f t="shared" si="182"/>
        <v>1.019803902718557</v>
      </c>
      <c r="QFG7" s="9">
        <f t="shared" si="182"/>
        <v>1.019803902718557</v>
      </c>
      <c r="QFH7" s="9">
        <f t="shared" si="182"/>
        <v>1.019803902718557</v>
      </c>
      <c r="QFI7" s="9">
        <f t="shared" si="182"/>
        <v>1.019803902718557</v>
      </c>
      <c r="QFJ7" s="9">
        <f t="shared" ref="QFJ7:QHU7" si="183">1/((1+$F$6) ^(QFJ3-$F$7))</f>
        <v>1.019803902718557</v>
      </c>
      <c r="QFK7" s="9">
        <f t="shared" si="183"/>
        <v>1.019803902718557</v>
      </c>
      <c r="QFL7" s="9">
        <f t="shared" si="183"/>
        <v>1.019803902718557</v>
      </c>
      <c r="QFM7" s="9">
        <f t="shared" si="183"/>
        <v>1.019803902718557</v>
      </c>
      <c r="QFN7" s="9">
        <f t="shared" si="183"/>
        <v>1.019803902718557</v>
      </c>
      <c r="QFO7" s="9">
        <f t="shared" si="183"/>
        <v>1.019803902718557</v>
      </c>
      <c r="QFP7" s="9">
        <f t="shared" si="183"/>
        <v>1.019803902718557</v>
      </c>
      <c r="QFQ7" s="9">
        <f t="shared" si="183"/>
        <v>1.019803902718557</v>
      </c>
      <c r="QFR7" s="9">
        <f t="shared" si="183"/>
        <v>1.019803902718557</v>
      </c>
      <c r="QFS7" s="9">
        <f t="shared" si="183"/>
        <v>1.019803902718557</v>
      </c>
      <c r="QFT7" s="9">
        <f t="shared" si="183"/>
        <v>1.019803902718557</v>
      </c>
      <c r="QFU7" s="9">
        <f t="shared" si="183"/>
        <v>1.019803902718557</v>
      </c>
      <c r="QFV7" s="9">
        <f t="shared" si="183"/>
        <v>1.019803902718557</v>
      </c>
      <c r="QFW7" s="9">
        <f t="shared" si="183"/>
        <v>1.019803902718557</v>
      </c>
      <c r="QFX7" s="9">
        <f t="shared" si="183"/>
        <v>1.019803902718557</v>
      </c>
      <c r="QFY7" s="9">
        <f t="shared" si="183"/>
        <v>1.019803902718557</v>
      </c>
      <c r="QFZ7" s="9">
        <f t="shared" si="183"/>
        <v>1.019803902718557</v>
      </c>
      <c r="QGA7" s="9">
        <f t="shared" si="183"/>
        <v>1.019803902718557</v>
      </c>
      <c r="QGB7" s="9">
        <f t="shared" si="183"/>
        <v>1.019803902718557</v>
      </c>
      <c r="QGC7" s="9">
        <f t="shared" si="183"/>
        <v>1.019803902718557</v>
      </c>
      <c r="QGD7" s="9">
        <f t="shared" si="183"/>
        <v>1.019803902718557</v>
      </c>
      <c r="QGE7" s="9">
        <f t="shared" si="183"/>
        <v>1.019803902718557</v>
      </c>
      <c r="QGF7" s="9">
        <f t="shared" si="183"/>
        <v>1.019803902718557</v>
      </c>
      <c r="QGG7" s="9">
        <f t="shared" si="183"/>
        <v>1.019803902718557</v>
      </c>
      <c r="QGH7" s="9">
        <f t="shared" si="183"/>
        <v>1.019803902718557</v>
      </c>
      <c r="QGI7" s="9">
        <f t="shared" si="183"/>
        <v>1.019803902718557</v>
      </c>
      <c r="QGJ7" s="9">
        <f t="shared" si="183"/>
        <v>1.019803902718557</v>
      </c>
      <c r="QGK7" s="9">
        <f t="shared" si="183"/>
        <v>1.019803902718557</v>
      </c>
      <c r="QGL7" s="9">
        <f t="shared" si="183"/>
        <v>1.019803902718557</v>
      </c>
      <c r="QGM7" s="9">
        <f t="shared" si="183"/>
        <v>1.019803902718557</v>
      </c>
      <c r="QGN7" s="9">
        <f t="shared" si="183"/>
        <v>1.019803902718557</v>
      </c>
      <c r="QGO7" s="9">
        <f t="shared" si="183"/>
        <v>1.019803902718557</v>
      </c>
      <c r="QGP7" s="9">
        <f t="shared" si="183"/>
        <v>1.019803902718557</v>
      </c>
      <c r="QGQ7" s="9">
        <f t="shared" si="183"/>
        <v>1.019803902718557</v>
      </c>
      <c r="QGR7" s="9">
        <f t="shared" si="183"/>
        <v>1.019803902718557</v>
      </c>
      <c r="QGS7" s="9">
        <f t="shared" si="183"/>
        <v>1.019803902718557</v>
      </c>
      <c r="QGT7" s="9">
        <f t="shared" si="183"/>
        <v>1.019803902718557</v>
      </c>
      <c r="QGU7" s="9">
        <f t="shared" si="183"/>
        <v>1.019803902718557</v>
      </c>
      <c r="QGV7" s="9">
        <f t="shared" si="183"/>
        <v>1.019803902718557</v>
      </c>
      <c r="QGW7" s="9">
        <f t="shared" si="183"/>
        <v>1.019803902718557</v>
      </c>
      <c r="QGX7" s="9">
        <f t="shared" si="183"/>
        <v>1.019803902718557</v>
      </c>
      <c r="QGY7" s="9">
        <f t="shared" si="183"/>
        <v>1.019803902718557</v>
      </c>
      <c r="QGZ7" s="9">
        <f t="shared" si="183"/>
        <v>1.019803902718557</v>
      </c>
      <c r="QHA7" s="9">
        <f t="shared" si="183"/>
        <v>1.019803902718557</v>
      </c>
      <c r="QHB7" s="9">
        <f t="shared" si="183"/>
        <v>1.019803902718557</v>
      </c>
      <c r="QHC7" s="9">
        <f t="shared" si="183"/>
        <v>1.019803902718557</v>
      </c>
      <c r="QHD7" s="9">
        <f t="shared" si="183"/>
        <v>1.019803902718557</v>
      </c>
      <c r="QHE7" s="9">
        <f t="shared" si="183"/>
        <v>1.019803902718557</v>
      </c>
      <c r="QHF7" s="9">
        <f t="shared" si="183"/>
        <v>1.019803902718557</v>
      </c>
      <c r="QHG7" s="9">
        <f t="shared" si="183"/>
        <v>1.019803902718557</v>
      </c>
      <c r="QHH7" s="9">
        <f t="shared" si="183"/>
        <v>1.019803902718557</v>
      </c>
      <c r="QHI7" s="9">
        <f t="shared" si="183"/>
        <v>1.019803902718557</v>
      </c>
      <c r="QHJ7" s="9">
        <f t="shared" si="183"/>
        <v>1.019803902718557</v>
      </c>
      <c r="QHK7" s="9">
        <f t="shared" si="183"/>
        <v>1.019803902718557</v>
      </c>
      <c r="QHL7" s="9">
        <f t="shared" si="183"/>
        <v>1.019803902718557</v>
      </c>
      <c r="QHM7" s="9">
        <f t="shared" si="183"/>
        <v>1.019803902718557</v>
      </c>
      <c r="QHN7" s="9">
        <f t="shared" si="183"/>
        <v>1.019803902718557</v>
      </c>
      <c r="QHO7" s="9">
        <f t="shared" si="183"/>
        <v>1.019803902718557</v>
      </c>
      <c r="QHP7" s="9">
        <f t="shared" si="183"/>
        <v>1.019803902718557</v>
      </c>
      <c r="QHQ7" s="9">
        <f t="shared" si="183"/>
        <v>1.019803902718557</v>
      </c>
      <c r="QHR7" s="9">
        <f t="shared" si="183"/>
        <v>1.019803902718557</v>
      </c>
      <c r="QHS7" s="9">
        <f t="shared" si="183"/>
        <v>1.019803902718557</v>
      </c>
      <c r="QHT7" s="9">
        <f t="shared" si="183"/>
        <v>1.019803902718557</v>
      </c>
      <c r="QHU7" s="9">
        <f t="shared" si="183"/>
        <v>1.019803902718557</v>
      </c>
      <c r="QHV7" s="9">
        <f t="shared" ref="QHV7:QKG7" si="184">1/((1+$F$6) ^(QHV3-$F$7))</f>
        <v>1.019803902718557</v>
      </c>
      <c r="QHW7" s="9">
        <f t="shared" si="184"/>
        <v>1.019803902718557</v>
      </c>
      <c r="QHX7" s="9">
        <f t="shared" si="184"/>
        <v>1.019803902718557</v>
      </c>
      <c r="QHY7" s="9">
        <f t="shared" si="184"/>
        <v>1.019803902718557</v>
      </c>
      <c r="QHZ7" s="9">
        <f t="shared" si="184"/>
        <v>1.019803902718557</v>
      </c>
      <c r="QIA7" s="9">
        <f t="shared" si="184"/>
        <v>1.019803902718557</v>
      </c>
      <c r="QIB7" s="9">
        <f t="shared" si="184"/>
        <v>1.019803902718557</v>
      </c>
      <c r="QIC7" s="9">
        <f t="shared" si="184"/>
        <v>1.019803902718557</v>
      </c>
      <c r="QID7" s="9">
        <f t="shared" si="184"/>
        <v>1.019803902718557</v>
      </c>
      <c r="QIE7" s="9">
        <f t="shared" si="184"/>
        <v>1.019803902718557</v>
      </c>
      <c r="QIF7" s="9">
        <f t="shared" si="184"/>
        <v>1.019803902718557</v>
      </c>
      <c r="QIG7" s="9">
        <f t="shared" si="184"/>
        <v>1.019803902718557</v>
      </c>
      <c r="QIH7" s="9">
        <f t="shared" si="184"/>
        <v>1.019803902718557</v>
      </c>
      <c r="QII7" s="9">
        <f t="shared" si="184"/>
        <v>1.019803902718557</v>
      </c>
      <c r="QIJ7" s="9">
        <f t="shared" si="184"/>
        <v>1.019803902718557</v>
      </c>
      <c r="QIK7" s="9">
        <f t="shared" si="184"/>
        <v>1.019803902718557</v>
      </c>
      <c r="QIL7" s="9">
        <f t="shared" si="184"/>
        <v>1.019803902718557</v>
      </c>
      <c r="QIM7" s="9">
        <f t="shared" si="184"/>
        <v>1.019803902718557</v>
      </c>
      <c r="QIN7" s="9">
        <f t="shared" si="184"/>
        <v>1.019803902718557</v>
      </c>
      <c r="QIO7" s="9">
        <f t="shared" si="184"/>
        <v>1.019803902718557</v>
      </c>
      <c r="QIP7" s="9">
        <f t="shared" si="184"/>
        <v>1.019803902718557</v>
      </c>
      <c r="QIQ7" s="9">
        <f t="shared" si="184"/>
        <v>1.019803902718557</v>
      </c>
      <c r="QIR7" s="9">
        <f t="shared" si="184"/>
        <v>1.019803902718557</v>
      </c>
      <c r="QIS7" s="9">
        <f t="shared" si="184"/>
        <v>1.019803902718557</v>
      </c>
      <c r="QIT7" s="9">
        <f t="shared" si="184"/>
        <v>1.019803902718557</v>
      </c>
      <c r="QIU7" s="9">
        <f t="shared" si="184"/>
        <v>1.019803902718557</v>
      </c>
      <c r="QIV7" s="9">
        <f t="shared" si="184"/>
        <v>1.019803902718557</v>
      </c>
      <c r="QIW7" s="9">
        <f t="shared" si="184"/>
        <v>1.019803902718557</v>
      </c>
      <c r="QIX7" s="9">
        <f t="shared" si="184"/>
        <v>1.019803902718557</v>
      </c>
      <c r="QIY7" s="9">
        <f t="shared" si="184"/>
        <v>1.019803902718557</v>
      </c>
      <c r="QIZ7" s="9">
        <f t="shared" si="184"/>
        <v>1.019803902718557</v>
      </c>
      <c r="QJA7" s="9">
        <f t="shared" si="184"/>
        <v>1.019803902718557</v>
      </c>
      <c r="QJB7" s="9">
        <f t="shared" si="184"/>
        <v>1.019803902718557</v>
      </c>
      <c r="QJC7" s="9">
        <f t="shared" si="184"/>
        <v>1.019803902718557</v>
      </c>
      <c r="QJD7" s="9">
        <f t="shared" si="184"/>
        <v>1.019803902718557</v>
      </c>
      <c r="QJE7" s="9">
        <f t="shared" si="184"/>
        <v>1.019803902718557</v>
      </c>
      <c r="QJF7" s="9">
        <f t="shared" si="184"/>
        <v>1.019803902718557</v>
      </c>
      <c r="QJG7" s="9">
        <f t="shared" si="184"/>
        <v>1.019803902718557</v>
      </c>
      <c r="QJH7" s="9">
        <f t="shared" si="184"/>
        <v>1.019803902718557</v>
      </c>
      <c r="QJI7" s="9">
        <f t="shared" si="184"/>
        <v>1.019803902718557</v>
      </c>
      <c r="QJJ7" s="9">
        <f t="shared" si="184"/>
        <v>1.019803902718557</v>
      </c>
      <c r="QJK7" s="9">
        <f t="shared" si="184"/>
        <v>1.019803902718557</v>
      </c>
      <c r="QJL7" s="9">
        <f t="shared" si="184"/>
        <v>1.019803902718557</v>
      </c>
      <c r="QJM7" s="9">
        <f t="shared" si="184"/>
        <v>1.019803902718557</v>
      </c>
      <c r="QJN7" s="9">
        <f t="shared" si="184"/>
        <v>1.019803902718557</v>
      </c>
      <c r="QJO7" s="9">
        <f t="shared" si="184"/>
        <v>1.019803902718557</v>
      </c>
      <c r="QJP7" s="9">
        <f t="shared" si="184"/>
        <v>1.019803902718557</v>
      </c>
      <c r="QJQ7" s="9">
        <f t="shared" si="184"/>
        <v>1.019803902718557</v>
      </c>
      <c r="QJR7" s="9">
        <f t="shared" si="184"/>
        <v>1.019803902718557</v>
      </c>
      <c r="QJS7" s="9">
        <f t="shared" si="184"/>
        <v>1.019803902718557</v>
      </c>
      <c r="QJT7" s="9">
        <f t="shared" si="184"/>
        <v>1.019803902718557</v>
      </c>
      <c r="QJU7" s="9">
        <f t="shared" si="184"/>
        <v>1.019803902718557</v>
      </c>
      <c r="QJV7" s="9">
        <f t="shared" si="184"/>
        <v>1.019803902718557</v>
      </c>
      <c r="QJW7" s="9">
        <f t="shared" si="184"/>
        <v>1.019803902718557</v>
      </c>
      <c r="QJX7" s="9">
        <f t="shared" si="184"/>
        <v>1.019803902718557</v>
      </c>
      <c r="QJY7" s="9">
        <f t="shared" si="184"/>
        <v>1.019803902718557</v>
      </c>
      <c r="QJZ7" s="9">
        <f t="shared" si="184"/>
        <v>1.019803902718557</v>
      </c>
      <c r="QKA7" s="9">
        <f t="shared" si="184"/>
        <v>1.019803902718557</v>
      </c>
      <c r="QKB7" s="9">
        <f t="shared" si="184"/>
        <v>1.019803902718557</v>
      </c>
      <c r="QKC7" s="9">
        <f t="shared" si="184"/>
        <v>1.019803902718557</v>
      </c>
      <c r="QKD7" s="9">
        <f t="shared" si="184"/>
        <v>1.019803902718557</v>
      </c>
      <c r="QKE7" s="9">
        <f t="shared" si="184"/>
        <v>1.019803902718557</v>
      </c>
      <c r="QKF7" s="9">
        <f t="shared" si="184"/>
        <v>1.019803902718557</v>
      </c>
      <c r="QKG7" s="9">
        <f t="shared" si="184"/>
        <v>1.019803902718557</v>
      </c>
      <c r="QKH7" s="9">
        <f t="shared" ref="QKH7:QMS7" si="185">1/((1+$F$6) ^(QKH3-$F$7))</f>
        <v>1.019803902718557</v>
      </c>
      <c r="QKI7" s="9">
        <f t="shared" si="185"/>
        <v>1.019803902718557</v>
      </c>
      <c r="QKJ7" s="9">
        <f t="shared" si="185"/>
        <v>1.019803902718557</v>
      </c>
      <c r="QKK7" s="9">
        <f t="shared" si="185"/>
        <v>1.019803902718557</v>
      </c>
      <c r="QKL7" s="9">
        <f t="shared" si="185"/>
        <v>1.019803902718557</v>
      </c>
      <c r="QKM7" s="9">
        <f t="shared" si="185"/>
        <v>1.019803902718557</v>
      </c>
      <c r="QKN7" s="9">
        <f t="shared" si="185"/>
        <v>1.019803902718557</v>
      </c>
      <c r="QKO7" s="9">
        <f t="shared" si="185"/>
        <v>1.019803902718557</v>
      </c>
      <c r="QKP7" s="9">
        <f t="shared" si="185"/>
        <v>1.019803902718557</v>
      </c>
      <c r="QKQ7" s="9">
        <f t="shared" si="185"/>
        <v>1.019803902718557</v>
      </c>
      <c r="QKR7" s="9">
        <f t="shared" si="185"/>
        <v>1.019803902718557</v>
      </c>
      <c r="QKS7" s="9">
        <f t="shared" si="185"/>
        <v>1.019803902718557</v>
      </c>
      <c r="QKT7" s="9">
        <f t="shared" si="185"/>
        <v>1.019803902718557</v>
      </c>
      <c r="QKU7" s="9">
        <f t="shared" si="185"/>
        <v>1.019803902718557</v>
      </c>
      <c r="QKV7" s="9">
        <f t="shared" si="185"/>
        <v>1.019803902718557</v>
      </c>
      <c r="QKW7" s="9">
        <f t="shared" si="185"/>
        <v>1.019803902718557</v>
      </c>
      <c r="QKX7" s="9">
        <f t="shared" si="185"/>
        <v>1.019803902718557</v>
      </c>
      <c r="QKY7" s="9">
        <f t="shared" si="185"/>
        <v>1.019803902718557</v>
      </c>
      <c r="QKZ7" s="9">
        <f t="shared" si="185"/>
        <v>1.019803902718557</v>
      </c>
      <c r="QLA7" s="9">
        <f t="shared" si="185"/>
        <v>1.019803902718557</v>
      </c>
      <c r="QLB7" s="9">
        <f t="shared" si="185"/>
        <v>1.019803902718557</v>
      </c>
      <c r="QLC7" s="9">
        <f t="shared" si="185"/>
        <v>1.019803902718557</v>
      </c>
      <c r="QLD7" s="9">
        <f t="shared" si="185"/>
        <v>1.019803902718557</v>
      </c>
      <c r="QLE7" s="9">
        <f t="shared" si="185"/>
        <v>1.019803902718557</v>
      </c>
      <c r="QLF7" s="9">
        <f t="shared" si="185"/>
        <v>1.019803902718557</v>
      </c>
      <c r="QLG7" s="9">
        <f t="shared" si="185"/>
        <v>1.019803902718557</v>
      </c>
      <c r="QLH7" s="9">
        <f t="shared" si="185"/>
        <v>1.019803902718557</v>
      </c>
      <c r="QLI7" s="9">
        <f t="shared" si="185"/>
        <v>1.019803902718557</v>
      </c>
      <c r="QLJ7" s="9">
        <f t="shared" si="185"/>
        <v>1.019803902718557</v>
      </c>
      <c r="QLK7" s="9">
        <f t="shared" si="185"/>
        <v>1.019803902718557</v>
      </c>
      <c r="QLL7" s="9">
        <f t="shared" si="185"/>
        <v>1.019803902718557</v>
      </c>
      <c r="QLM7" s="9">
        <f t="shared" si="185"/>
        <v>1.019803902718557</v>
      </c>
      <c r="QLN7" s="9">
        <f t="shared" si="185"/>
        <v>1.019803902718557</v>
      </c>
      <c r="QLO7" s="9">
        <f t="shared" si="185"/>
        <v>1.019803902718557</v>
      </c>
      <c r="QLP7" s="9">
        <f t="shared" si="185"/>
        <v>1.019803902718557</v>
      </c>
      <c r="QLQ7" s="9">
        <f t="shared" si="185"/>
        <v>1.019803902718557</v>
      </c>
      <c r="QLR7" s="9">
        <f t="shared" si="185"/>
        <v>1.019803902718557</v>
      </c>
      <c r="QLS7" s="9">
        <f t="shared" si="185"/>
        <v>1.019803902718557</v>
      </c>
      <c r="QLT7" s="9">
        <f t="shared" si="185"/>
        <v>1.019803902718557</v>
      </c>
      <c r="QLU7" s="9">
        <f t="shared" si="185"/>
        <v>1.019803902718557</v>
      </c>
      <c r="QLV7" s="9">
        <f t="shared" si="185"/>
        <v>1.019803902718557</v>
      </c>
      <c r="QLW7" s="9">
        <f t="shared" si="185"/>
        <v>1.019803902718557</v>
      </c>
      <c r="QLX7" s="9">
        <f t="shared" si="185"/>
        <v>1.019803902718557</v>
      </c>
      <c r="QLY7" s="9">
        <f t="shared" si="185"/>
        <v>1.019803902718557</v>
      </c>
      <c r="QLZ7" s="9">
        <f t="shared" si="185"/>
        <v>1.019803902718557</v>
      </c>
      <c r="QMA7" s="9">
        <f t="shared" si="185"/>
        <v>1.019803902718557</v>
      </c>
      <c r="QMB7" s="9">
        <f t="shared" si="185"/>
        <v>1.019803902718557</v>
      </c>
      <c r="QMC7" s="9">
        <f t="shared" si="185"/>
        <v>1.019803902718557</v>
      </c>
      <c r="QMD7" s="9">
        <f t="shared" si="185"/>
        <v>1.019803902718557</v>
      </c>
      <c r="QME7" s="9">
        <f t="shared" si="185"/>
        <v>1.019803902718557</v>
      </c>
      <c r="QMF7" s="9">
        <f t="shared" si="185"/>
        <v>1.019803902718557</v>
      </c>
      <c r="QMG7" s="9">
        <f t="shared" si="185"/>
        <v>1.019803902718557</v>
      </c>
      <c r="QMH7" s="9">
        <f t="shared" si="185"/>
        <v>1.019803902718557</v>
      </c>
      <c r="QMI7" s="9">
        <f t="shared" si="185"/>
        <v>1.019803902718557</v>
      </c>
      <c r="QMJ7" s="9">
        <f t="shared" si="185"/>
        <v>1.019803902718557</v>
      </c>
      <c r="QMK7" s="9">
        <f t="shared" si="185"/>
        <v>1.019803902718557</v>
      </c>
      <c r="QML7" s="9">
        <f t="shared" si="185"/>
        <v>1.019803902718557</v>
      </c>
      <c r="QMM7" s="9">
        <f t="shared" si="185"/>
        <v>1.019803902718557</v>
      </c>
      <c r="QMN7" s="9">
        <f t="shared" si="185"/>
        <v>1.019803902718557</v>
      </c>
      <c r="QMO7" s="9">
        <f t="shared" si="185"/>
        <v>1.019803902718557</v>
      </c>
      <c r="QMP7" s="9">
        <f t="shared" si="185"/>
        <v>1.019803902718557</v>
      </c>
      <c r="QMQ7" s="9">
        <f t="shared" si="185"/>
        <v>1.019803902718557</v>
      </c>
      <c r="QMR7" s="9">
        <f t="shared" si="185"/>
        <v>1.019803902718557</v>
      </c>
      <c r="QMS7" s="9">
        <f t="shared" si="185"/>
        <v>1.019803902718557</v>
      </c>
      <c r="QMT7" s="9">
        <f t="shared" ref="QMT7:QPE7" si="186">1/((1+$F$6) ^(QMT3-$F$7))</f>
        <v>1.019803902718557</v>
      </c>
      <c r="QMU7" s="9">
        <f t="shared" si="186"/>
        <v>1.019803902718557</v>
      </c>
      <c r="QMV7" s="9">
        <f t="shared" si="186"/>
        <v>1.019803902718557</v>
      </c>
      <c r="QMW7" s="9">
        <f t="shared" si="186"/>
        <v>1.019803902718557</v>
      </c>
      <c r="QMX7" s="9">
        <f t="shared" si="186"/>
        <v>1.019803902718557</v>
      </c>
      <c r="QMY7" s="9">
        <f t="shared" si="186"/>
        <v>1.019803902718557</v>
      </c>
      <c r="QMZ7" s="9">
        <f t="shared" si="186"/>
        <v>1.019803902718557</v>
      </c>
      <c r="QNA7" s="9">
        <f t="shared" si="186"/>
        <v>1.019803902718557</v>
      </c>
      <c r="QNB7" s="9">
        <f t="shared" si="186"/>
        <v>1.019803902718557</v>
      </c>
      <c r="QNC7" s="9">
        <f t="shared" si="186"/>
        <v>1.019803902718557</v>
      </c>
      <c r="QND7" s="9">
        <f t="shared" si="186"/>
        <v>1.019803902718557</v>
      </c>
      <c r="QNE7" s="9">
        <f t="shared" si="186"/>
        <v>1.019803902718557</v>
      </c>
      <c r="QNF7" s="9">
        <f t="shared" si="186"/>
        <v>1.019803902718557</v>
      </c>
      <c r="QNG7" s="9">
        <f t="shared" si="186"/>
        <v>1.019803902718557</v>
      </c>
      <c r="QNH7" s="9">
        <f t="shared" si="186"/>
        <v>1.019803902718557</v>
      </c>
      <c r="QNI7" s="9">
        <f t="shared" si="186"/>
        <v>1.019803902718557</v>
      </c>
      <c r="QNJ7" s="9">
        <f t="shared" si="186"/>
        <v>1.019803902718557</v>
      </c>
      <c r="QNK7" s="9">
        <f t="shared" si="186"/>
        <v>1.019803902718557</v>
      </c>
      <c r="QNL7" s="9">
        <f t="shared" si="186"/>
        <v>1.019803902718557</v>
      </c>
      <c r="QNM7" s="9">
        <f t="shared" si="186"/>
        <v>1.019803902718557</v>
      </c>
      <c r="QNN7" s="9">
        <f t="shared" si="186"/>
        <v>1.019803902718557</v>
      </c>
      <c r="QNO7" s="9">
        <f t="shared" si="186"/>
        <v>1.019803902718557</v>
      </c>
      <c r="QNP7" s="9">
        <f t="shared" si="186"/>
        <v>1.019803902718557</v>
      </c>
      <c r="QNQ7" s="9">
        <f t="shared" si="186"/>
        <v>1.019803902718557</v>
      </c>
      <c r="QNR7" s="9">
        <f t="shared" si="186"/>
        <v>1.019803902718557</v>
      </c>
      <c r="QNS7" s="9">
        <f t="shared" si="186"/>
        <v>1.019803902718557</v>
      </c>
      <c r="QNT7" s="9">
        <f t="shared" si="186"/>
        <v>1.019803902718557</v>
      </c>
      <c r="QNU7" s="9">
        <f t="shared" si="186"/>
        <v>1.019803902718557</v>
      </c>
      <c r="QNV7" s="9">
        <f t="shared" si="186"/>
        <v>1.019803902718557</v>
      </c>
      <c r="QNW7" s="9">
        <f t="shared" si="186"/>
        <v>1.019803902718557</v>
      </c>
      <c r="QNX7" s="9">
        <f t="shared" si="186"/>
        <v>1.019803902718557</v>
      </c>
      <c r="QNY7" s="9">
        <f t="shared" si="186"/>
        <v>1.019803902718557</v>
      </c>
      <c r="QNZ7" s="9">
        <f t="shared" si="186"/>
        <v>1.019803902718557</v>
      </c>
      <c r="QOA7" s="9">
        <f t="shared" si="186"/>
        <v>1.019803902718557</v>
      </c>
      <c r="QOB7" s="9">
        <f t="shared" si="186"/>
        <v>1.019803902718557</v>
      </c>
      <c r="QOC7" s="9">
        <f t="shared" si="186"/>
        <v>1.019803902718557</v>
      </c>
      <c r="QOD7" s="9">
        <f t="shared" si="186"/>
        <v>1.019803902718557</v>
      </c>
      <c r="QOE7" s="9">
        <f t="shared" si="186"/>
        <v>1.019803902718557</v>
      </c>
      <c r="QOF7" s="9">
        <f t="shared" si="186"/>
        <v>1.019803902718557</v>
      </c>
      <c r="QOG7" s="9">
        <f t="shared" si="186"/>
        <v>1.019803902718557</v>
      </c>
      <c r="QOH7" s="9">
        <f t="shared" si="186"/>
        <v>1.019803902718557</v>
      </c>
      <c r="QOI7" s="9">
        <f t="shared" si="186"/>
        <v>1.019803902718557</v>
      </c>
      <c r="QOJ7" s="9">
        <f t="shared" si="186"/>
        <v>1.019803902718557</v>
      </c>
      <c r="QOK7" s="9">
        <f t="shared" si="186"/>
        <v>1.019803902718557</v>
      </c>
      <c r="QOL7" s="9">
        <f t="shared" si="186"/>
        <v>1.019803902718557</v>
      </c>
      <c r="QOM7" s="9">
        <f t="shared" si="186"/>
        <v>1.019803902718557</v>
      </c>
      <c r="QON7" s="9">
        <f t="shared" si="186"/>
        <v>1.019803902718557</v>
      </c>
      <c r="QOO7" s="9">
        <f t="shared" si="186"/>
        <v>1.019803902718557</v>
      </c>
      <c r="QOP7" s="9">
        <f t="shared" si="186"/>
        <v>1.019803902718557</v>
      </c>
      <c r="QOQ7" s="9">
        <f t="shared" si="186"/>
        <v>1.019803902718557</v>
      </c>
      <c r="QOR7" s="9">
        <f t="shared" si="186"/>
        <v>1.019803902718557</v>
      </c>
      <c r="QOS7" s="9">
        <f t="shared" si="186"/>
        <v>1.019803902718557</v>
      </c>
      <c r="QOT7" s="9">
        <f t="shared" si="186"/>
        <v>1.019803902718557</v>
      </c>
      <c r="QOU7" s="9">
        <f t="shared" si="186"/>
        <v>1.019803902718557</v>
      </c>
      <c r="QOV7" s="9">
        <f t="shared" si="186"/>
        <v>1.019803902718557</v>
      </c>
      <c r="QOW7" s="9">
        <f t="shared" si="186"/>
        <v>1.019803902718557</v>
      </c>
      <c r="QOX7" s="9">
        <f t="shared" si="186"/>
        <v>1.019803902718557</v>
      </c>
      <c r="QOY7" s="9">
        <f t="shared" si="186"/>
        <v>1.019803902718557</v>
      </c>
      <c r="QOZ7" s="9">
        <f t="shared" si="186"/>
        <v>1.019803902718557</v>
      </c>
      <c r="QPA7" s="9">
        <f t="shared" si="186"/>
        <v>1.019803902718557</v>
      </c>
      <c r="QPB7" s="9">
        <f t="shared" si="186"/>
        <v>1.019803902718557</v>
      </c>
      <c r="QPC7" s="9">
        <f t="shared" si="186"/>
        <v>1.019803902718557</v>
      </c>
      <c r="QPD7" s="9">
        <f t="shared" si="186"/>
        <v>1.019803902718557</v>
      </c>
      <c r="QPE7" s="9">
        <f t="shared" si="186"/>
        <v>1.019803902718557</v>
      </c>
      <c r="QPF7" s="9">
        <f t="shared" ref="QPF7:QRQ7" si="187">1/((1+$F$6) ^(QPF3-$F$7))</f>
        <v>1.019803902718557</v>
      </c>
      <c r="QPG7" s="9">
        <f t="shared" si="187"/>
        <v>1.019803902718557</v>
      </c>
      <c r="QPH7" s="9">
        <f t="shared" si="187"/>
        <v>1.019803902718557</v>
      </c>
      <c r="QPI7" s="9">
        <f t="shared" si="187"/>
        <v>1.019803902718557</v>
      </c>
      <c r="QPJ7" s="9">
        <f t="shared" si="187"/>
        <v>1.019803902718557</v>
      </c>
      <c r="QPK7" s="9">
        <f t="shared" si="187"/>
        <v>1.019803902718557</v>
      </c>
      <c r="QPL7" s="9">
        <f t="shared" si="187"/>
        <v>1.019803902718557</v>
      </c>
      <c r="QPM7" s="9">
        <f t="shared" si="187"/>
        <v>1.019803902718557</v>
      </c>
      <c r="QPN7" s="9">
        <f t="shared" si="187"/>
        <v>1.019803902718557</v>
      </c>
      <c r="QPO7" s="9">
        <f t="shared" si="187"/>
        <v>1.019803902718557</v>
      </c>
      <c r="QPP7" s="9">
        <f t="shared" si="187"/>
        <v>1.019803902718557</v>
      </c>
      <c r="QPQ7" s="9">
        <f t="shared" si="187"/>
        <v>1.019803902718557</v>
      </c>
      <c r="QPR7" s="9">
        <f t="shared" si="187"/>
        <v>1.019803902718557</v>
      </c>
      <c r="QPS7" s="9">
        <f t="shared" si="187"/>
        <v>1.019803902718557</v>
      </c>
      <c r="QPT7" s="9">
        <f t="shared" si="187"/>
        <v>1.019803902718557</v>
      </c>
      <c r="QPU7" s="9">
        <f t="shared" si="187"/>
        <v>1.019803902718557</v>
      </c>
      <c r="QPV7" s="9">
        <f t="shared" si="187"/>
        <v>1.019803902718557</v>
      </c>
      <c r="QPW7" s="9">
        <f t="shared" si="187"/>
        <v>1.019803902718557</v>
      </c>
      <c r="QPX7" s="9">
        <f t="shared" si="187"/>
        <v>1.019803902718557</v>
      </c>
      <c r="QPY7" s="9">
        <f t="shared" si="187"/>
        <v>1.019803902718557</v>
      </c>
      <c r="QPZ7" s="9">
        <f t="shared" si="187"/>
        <v>1.019803902718557</v>
      </c>
      <c r="QQA7" s="9">
        <f t="shared" si="187"/>
        <v>1.019803902718557</v>
      </c>
      <c r="QQB7" s="9">
        <f t="shared" si="187"/>
        <v>1.019803902718557</v>
      </c>
      <c r="QQC7" s="9">
        <f t="shared" si="187"/>
        <v>1.019803902718557</v>
      </c>
      <c r="QQD7" s="9">
        <f t="shared" si="187"/>
        <v>1.019803902718557</v>
      </c>
      <c r="QQE7" s="9">
        <f t="shared" si="187"/>
        <v>1.019803902718557</v>
      </c>
      <c r="QQF7" s="9">
        <f t="shared" si="187"/>
        <v>1.019803902718557</v>
      </c>
      <c r="QQG7" s="9">
        <f t="shared" si="187"/>
        <v>1.019803902718557</v>
      </c>
      <c r="QQH7" s="9">
        <f t="shared" si="187"/>
        <v>1.019803902718557</v>
      </c>
      <c r="QQI7" s="9">
        <f t="shared" si="187"/>
        <v>1.019803902718557</v>
      </c>
      <c r="QQJ7" s="9">
        <f t="shared" si="187"/>
        <v>1.019803902718557</v>
      </c>
      <c r="QQK7" s="9">
        <f t="shared" si="187"/>
        <v>1.019803902718557</v>
      </c>
      <c r="QQL7" s="9">
        <f t="shared" si="187"/>
        <v>1.019803902718557</v>
      </c>
      <c r="QQM7" s="9">
        <f t="shared" si="187"/>
        <v>1.019803902718557</v>
      </c>
      <c r="QQN7" s="9">
        <f t="shared" si="187"/>
        <v>1.019803902718557</v>
      </c>
      <c r="QQO7" s="9">
        <f t="shared" si="187"/>
        <v>1.019803902718557</v>
      </c>
      <c r="QQP7" s="9">
        <f t="shared" si="187"/>
        <v>1.019803902718557</v>
      </c>
      <c r="QQQ7" s="9">
        <f t="shared" si="187"/>
        <v>1.019803902718557</v>
      </c>
      <c r="QQR7" s="9">
        <f t="shared" si="187"/>
        <v>1.019803902718557</v>
      </c>
      <c r="QQS7" s="9">
        <f t="shared" si="187"/>
        <v>1.019803902718557</v>
      </c>
      <c r="QQT7" s="9">
        <f t="shared" si="187"/>
        <v>1.019803902718557</v>
      </c>
      <c r="QQU7" s="9">
        <f t="shared" si="187"/>
        <v>1.019803902718557</v>
      </c>
      <c r="QQV7" s="9">
        <f t="shared" si="187"/>
        <v>1.019803902718557</v>
      </c>
      <c r="QQW7" s="9">
        <f t="shared" si="187"/>
        <v>1.019803902718557</v>
      </c>
      <c r="QQX7" s="9">
        <f t="shared" si="187"/>
        <v>1.019803902718557</v>
      </c>
      <c r="QQY7" s="9">
        <f t="shared" si="187"/>
        <v>1.019803902718557</v>
      </c>
      <c r="QQZ7" s="9">
        <f t="shared" si="187"/>
        <v>1.019803902718557</v>
      </c>
      <c r="QRA7" s="9">
        <f t="shared" si="187"/>
        <v>1.019803902718557</v>
      </c>
      <c r="QRB7" s="9">
        <f t="shared" si="187"/>
        <v>1.019803902718557</v>
      </c>
      <c r="QRC7" s="9">
        <f t="shared" si="187"/>
        <v>1.019803902718557</v>
      </c>
      <c r="QRD7" s="9">
        <f t="shared" si="187"/>
        <v>1.019803902718557</v>
      </c>
      <c r="QRE7" s="9">
        <f t="shared" si="187"/>
        <v>1.019803902718557</v>
      </c>
      <c r="QRF7" s="9">
        <f t="shared" si="187"/>
        <v>1.019803902718557</v>
      </c>
      <c r="QRG7" s="9">
        <f t="shared" si="187"/>
        <v>1.019803902718557</v>
      </c>
      <c r="QRH7" s="9">
        <f t="shared" si="187"/>
        <v>1.019803902718557</v>
      </c>
      <c r="QRI7" s="9">
        <f t="shared" si="187"/>
        <v>1.019803902718557</v>
      </c>
      <c r="QRJ7" s="9">
        <f t="shared" si="187"/>
        <v>1.019803902718557</v>
      </c>
      <c r="QRK7" s="9">
        <f t="shared" si="187"/>
        <v>1.019803902718557</v>
      </c>
      <c r="QRL7" s="9">
        <f t="shared" si="187"/>
        <v>1.019803902718557</v>
      </c>
      <c r="QRM7" s="9">
        <f t="shared" si="187"/>
        <v>1.019803902718557</v>
      </c>
      <c r="QRN7" s="9">
        <f t="shared" si="187"/>
        <v>1.019803902718557</v>
      </c>
      <c r="QRO7" s="9">
        <f t="shared" si="187"/>
        <v>1.019803902718557</v>
      </c>
      <c r="QRP7" s="9">
        <f t="shared" si="187"/>
        <v>1.019803902718557</v>
      </c>
      <c r="QRQ7" s="9">
        <f t="shared" si="187"/>
        <v>1.019803902718557</v>
      </c>
      <c r="QRR7" s="9">
        <f t="shared" ref="QRR7:QUC7" si="188">1/((1+$F$6) ^(QRR3-$F$7))</f>
        <v>1.019803902718557</v>
      </c>
      <c r="QRS7" s="9">
        <f t="shared" si="188"/>
        <v>1.019803902718557</v>
      </c>
      <c r="QRT7" s="9">
        <f t="shared" si="188"/>
        <v>1.019803902718557</v>
      </c>
      <c r="QRU7" s="9">
        <f t="shared" si="188"/>
        <v>1.019803902718557</v>
      </c>
      <c r="QRV7" s="9">
        <f t="shared" si="188"/>
        <v>1.019803902718557</v>
      </c>
      <c r="QRW7" s="9">
        <f t="shared" si="188"/>
        <v>1.019803902718557</v>
      </c>
      <c r="QRX7" s="9">
        <f t="shared" si="188"/>
        <v>1.019803902718557</v>
      </c>
      <c r="QRY7" s="9">
        <f t="shared" si="188"/>
        <v>1.019803902718557</v>
      </c>
      <c r="QRZ7" s="9">
        <f t="shared" si="188"/>
        <v>1.019803902718557</v>
      </c>
      <c r="QSA7" s="9">
        <f t="shared" si="188"/>
        <v>1.019803902718557</v>
      </c>
      <c r="QSB7" s="9">
        <f t="shared" si="188"/>
        <v>1.019803902718557</v>
      </c>
      <c r="QSC7" s="9">
        <f t="shared" si="188"/>
        <v>1.019803902718557</v>
      </c>
      <c r="QSD7" s="9">
        <f t="shared" si="188"/>
        <v>1.019803902718557</v>
      </c>
      <c r="QSE7" s="9">
        <f t="shared" si="188"/>
        <v>1.019803902718557</v>
      </c>
      <c r="QSF7" s="9">
        <f t="shared" si="188"/>
        <v>1.019803902718557</v>
      </c>
      <c r="QSG7" s="9">
        <f t="shared" si="188"/>
        <v>1.019803902718557</v>
      </c>
      <c r="QSH7" s="9">
        <f t="shared" si="188"/>
        <v>1.019803902718557</v>
      </c>
      <c r="QSI7" s="9">
        <f t="shared" si="188"/>
        <v>1.019803902718557</v>
      </c>
      <c r="QSJ7" s="9">
        <f t="shared" si="188"/>
        <v>1.019803902718557</v>
      </c>
      <c r="QSK7" s="9">
        <f t="shared" si="188"/>
        <v>1.019803902718557</v>
      </c>
      <c r="QSL7" s="9">
        <f t="shared" si="188"/>
        <v>1.019803902718557</v>
      </c>
      <c r="QSM7" s="9">
        <f t="shared" si="188"/>
        <v>1.019803902718557</v>
      </c>
      <c r="QSN7" s="9">
        <f t="shared" si="188"/>
        <v>1.019803902718557</v>
      </c>
      <c r="QSO7" s="9">
        <f t="shared" si="188"/>
        <v>1.019803902718557</v>
      </c>
      <c r="QSP7" s="9">
        <f t="shared" si="188"/>
        <v>1.019803902718557</v>
      </c>
      <c r="QSQ7" s="9">
        <f t="shared" si="188"/>
        <v>1.019803902718557</v>
      </c>
      <c r="QSR7" s="9">
        <f t="shared" si="188"/>
        <v>1.019803902718557</v>
      </c>
      <c r="QSS7" s="9">
        <f t="shared" si="188"/>
        <v>1.019803902718557</v>
      </c>
      <c r="QST7" s="9">
        <f t="shared" si="188"/>
        <v>1.019803902718557</v>
      </c>
      <c r="QSU7" s="9">
        <f t="shared" si="188"/>
        <v>1.019803902718557</v>
      </c>
      <c r="QSV7" s="9">
        <f t="shared" si="188"/>
        <v>1.019803902718557</v>
      </c>
      <c r="QSW7" s="9">
        <f t="shared" si="188"/>
        <v>1.019803902718557</v>
      </c>
      <c r="QSX7" s="9">
        <f t="shared" si="188"/>
        <v>1.019803902718557</v>
      </c>
      <c r="QSY7" s="9">
        <f t="shared" si="188"/>
        <v>1.019803902718557</v>
      </c>
      <c r="QSZ7" s="9">
        <f t="shared" si="188"/>
        <v>1.019803902718557</v>
      </c>
      <c r="QTA7" s="9">
        <f t="shared" si="188"/>
        <v>1.019803902718557</v>
      </c>
      <c r="QTB7" s="9">
        <f t="shared" si="188"/>
        <v>1.019803902718557</v>
      </c>
      <c r="QTC7" s="9">
        <f t="shared" si="188"/>
        <v>1.019803902718557</v>
      </c>
      <c r="QTD7" s="9">
        <f t="shared" si="188"/>
        <v>1.019803902718557</v>
      </c>
      <c r="QTE7" s="9">
        <f t="shared" si="188"/>
        <v>1.019803902718557</v>
      </c>
      <c r="QTF7" s="9">
        <f t="shared" si="188"/>
        <v>1.019803902718557</v>
      </c>
      <c r="QTG7" s="9">
        <f t="shared" si="188"/>
        <v>1.019803902718557</v>
      </c>
      <c r="QTH7" s="9">
        <f t="shared" si="188"/>
        <v>1.019803902718557</v>
      </c>
      <c r="QTI7" s="9">
        <f t="shared" si="188"/>
        <v>1.019803902718557</v>
      </c>
      <c r="QTJ7" s="9">
        <f t="shared" si="188"/>
        <v>1.019803902718557</v>
      </c>
      <c r="QTK7" s="9">
        <f t="shared" si="188"/>
        <v>1.019803902718557</v>
      </c>
      <c r="QTL7" s="9">
        <f t="shared" si="188"/>
        <v>1.019803902718557</v>
      </c>
      <c r="QTM7" s="9">
        <f t="shared" si="188"/>
        <v>1.019803902718557</v>
      </c>
      <c r="QTN7" s="9">
        <f t="shared" si="188"/>
        <v>1.019803902718557</v>
      </c>
      <c r="QTO7" s="9">
        <f t="shared" si="188"/>
        <v>1.019803902718557</v>
      </c>
      <c r="QTP7" s="9">
        <f t="shared" si="188"/>
        <v>1.019803902718557</v>
      </c>
      <c r="QTQ7" s="9">
        <f t="shared" si="188"/>
        <v>1.019803902718557</v>
      </c>
      <c r="QTR7" s="9">
        <f t="shared" si="188"/>
        <v>1.019803902718557</v>
      </c>
      <c r="QTS7" s="9">
        <f t="shared" si="188"/>
        <v>1.019803902718557</v>
      </c>
      <c r="QTT7" s="9">
        <f t="shared" si="188"/>
        <v>1.019803902718557</v>
      </c>
      <c r="QTU7" s="9">
        <f t="shared" si="188"/>
        <v>1.019803902718557</v>
      </c>
      <c r="QTV7" s="9">
        <f t="shared" si="188"/>
        <v>1.019803902718557</v>
      </c>
      <c r="QTW7" s="9">
        <f t="shared" si="188"/>
        <v>1.019803902718557</v>
      </c>
      <c r="QTX7" s="9">
        <f t="shared" si="188"/>
        <v>1.019803902718557</v>
      </c>
      <c r="QTY7" s="9">
        <f t="shared" si="188"/>
        <v>1.019803902718557</v>
      </c>
      <c r="QTZ7" s="9">
        <f t="shared" si="188"/>
        <v>1.019803902718557</v>
      </c>
      <c r="QUA7" s="9">
        <f t="shared" si="188"/>
        <v>1.019803902718557</v>
      </c>
      <c r="QUB7" s="9">
        <f t="shared" si="188"/>
        <v>1.019803902718557</v>
      </c>
      <c r="QUC7" s="9">
        <f t="shared" si="188"/>
        <v>1.019803902718557</v>
      </c>
      <c r="QUD7" s="9">
        <f t="shared" ref="QUD7:QWO7" si="189">1/((1+$F$6) ^(QUD3-$F$7))</f>
        <v>1.019803902718557</v>
      </c>
      <c r="QUE7" s="9">
        <f t="shared" si="189"/>
        <v>1.019803902718557</v>
      </c>
      <c r="QUF7" s="9">
        <f t="shared" si="189"/>
        <v>1.019803902718557</v>
      </c>
      <c r="QUG7" s="9">
        <f t="shared" si="189"/>
        <v>1.019803902718557</v>
      </c>
      <c r="QUH7" s="9">
        <f t="shared" si="189"/>
        <v>1.019803902718557</v>
      </c>
      <c r="QUI7" s="9">
        <f t="shared" si="189"/>
        <v>1.019803902718557</v>
      </c>
      <c r="QUJ7" s="9">
        <f t="shared" si="189"/>
        <v>1.019803902718557</v>
      </c>
      <c r="QUK7" s="9">
        <f t="shared" si="189"/>
        <v>1.019803902718557</v>
      </c>
      <c r="QUL7" s="9">
        <f t="shared" si="189"/>
        <v>1.019803902718557</v>
      </c>
      <c r="QUM7" s="9">
        <f t="shared" si="189"/>
        <v>1.019803902718557</v>
      </c>
      <c r="QUN7" s="9">
        <f t="shared" si="189"/>
        <v>1.019803902718557</v>
      </c>
      <c r="QUO7" s="9">
        <f t="shared" si="189"/>
        <v>1.019803902718557</v>
      </c>
      <c r="QUP7" s="9">
        <f t="shared" si="189"/>
        <v>1.019803902718557</v>
      </c>
      <c r="QUQ7" s="9">
        <f t="shared" si="189"/>
        <v>1.019803902718557</v>
      </c>
      <c r="QUR7" s="9">
        <f t="shared" si="189"/>
        <v>1.019803902718557</v>
      </c>
      <c r="QUS7" s="9">
        <f t="shared" si="189"/>
        <v>1.019803902718557</v>
      </c>
      <c r="QUT7" s="9">
        <f t="shared" si="189"/>
        <v>1.019803902718557</v>
      </c>
      <c r="QUU7" s="9">
        <f t="shared" si="189"/>
        <v>1.019803902718557</v>
      </c>
      <c r="QUV7" s="9">
        <f t="shared" si="189"/>
        <v>1.019803902718557</v>
      </c>
      <c r="QUW7" s="9">
        <f t="shared" si="189"/>
        <v>1.019803902718557</v>
      </c>
      <c r="QUX7" s="9">
        <f t="shared" si="189"/>
        <v>1.019803902718557</v>
      </c>
      <c r="QUY7" s="9">
        <f t="shared" si="189"/>
        <v>1.019803902718557</v>
      </c>
      <c r="QUZ7" s="9">
        <f t="shared" si="189"/>
        <v>1.019803902718557</v>
      </c>
      <c r="QVA7" s="9">
        <f t="shared" si="189"/>
        <v>1.019803902718557</v>
      </c>
      <c r="QVB7" s="9">
        <f t="shared" si="189"/>
        <v>1.019803902718557</v>
      </c>
      <c r="QVC7" s="9">
        <f t="shared" si="189"/>
        <v>1.019803902718557</v>
      </c>
      <c r="QVD7" s="9">
        <f t="shared" si="189"/>
        <v>1.019803902718557</v>
      </c>
      <c r="QVE7" s="9">
        <f t="shared" si="189"/>
        <v>1.019803902718557</v>
      </c>
      <c r="QVF7" s="9">
        <f t="shared" si="189"/>
        <v>1.019803902718557</v>
      </c>
      <c r="QVG7" s="9">
        <f t="shared" si="189"/>
        <v>1.019803902718557</v>
      </c>
      <c r="QVH7" s="9">
        <f t="shared" si="189"/>
        <v>1.019803902718557</v>
      </c>
      <c r="QVI7" s="9">
        <f t="shared" si="189"/>
        <v>1.019803902718557</v>
      </c>
      <c r="QVJ7" s="9">
        <f t="shared" si="189"/>
        <v>1.019803902718557</v>
      </c>
      <c r="QVK7" s="9">
        <f t="shared" si="189"/>
        <v>1.019803902718557</v>
      </c>
      <c r="QVL7" s="9">
        <f t="shared" si="189"/>
        <v>1.019803902718557</v>
      </c>
      <c r="QVM7" s="9">
        <f t="shared" si="189"/>
        <v>1.019803902718557</v>
      </c>
      <c r="QVN7" s="9">
        <f t="shared" si="189"/>
        <v>1.019803902718557</v>
      </c>
      <c r="QVO7" s="9">
        <f t="shared" si="189"/>
        <v>1.019803902718557</v>
      </c>
      <c r="QVP7" s="9">
        <f t="shared" si="189"/>
        <v>1.019803902718557</v>
      </c>
      <c r="QVQ7" s="9">
        <f t="shared" si="189"/>
        <v>1.019803902718557</v>
      </c>
      <c r="QVR7" s="9">
        <f t="shared" si="189"/>
        <v>1.019803902718557</v>
      </c>
      <c r="QVS7" s="9">
        <f t="shared" si="189"/>
        <v>1.019803902718557</v>
      </c>
      <c r="QVT7" s="9">
        <f t="shared" si="189"/>
        <v>1.019803902718557</v>
      </c>
      <c r="QVU7" s="9">
        <f t="shared" si="189"/>
        <v>1.019803902718557</v>
      </c>
      <c r="QVV7" s="9">
        <f t="shared" si="189"/>
        <v>1.019803902718557</v>
      </c>
      <c r="QVW7" s="9">
        <f t="shared" si="189"/>
        <v>1.019803902718557</v>
      </c>
      <c r="QVX7" s="9">
        <f t="shared" si="189"/>
        <v>1.019803902718557</v>
      </c>
      <c r="QVY7" s="9">
        <f t="shared" si="189"/>
        <v>1.019803902718557</v>
      </c>
      <c r="QVZ7" s="9">
        <f t="shared" si="189"/>
        <v>1.019803902718557</v>
      </c>
      <c r="QWA7" s="9">
        <f t="shared" si="189"/>
        <v>1.019803902718557</v>
      </c>
      <c r="QWB7" s="9">
        <f t="shared" si="189"/>
        <v>1.019803902718557</v>
      </c>
      <c r="QWC7" s="9">
        <f t="shared" si="189"/>
        <v>1.019803902718557</v>
      </c>
      <c r="QWD7" s="9">
        <f t="shared" si="189"/>
        <v>1.019803902718557</v>
      </c>
      <c r="QWE7" s="9">
        <f t="shared" si="189"/>
        <v>1.019803902718557</v>
      </c>
      <c r="QWF7" s="9">
        <f t="shared" si="189"/>
        <v>1.019803902718557</v>
      </c>
      <c r="QWG7" s="9">
        <f t="shared" si="189"/>
        <v>1.019803902718557</v>
      </c>
      <c r="QWH7" s="9">
        <f t="shared" si="189"/>
        <v>1.019803902718557</v>
      </c>
      <c r="QWI7" s="9">
        <f t="shared" si="189"/>
        <v>1.019803902718557</v>
      </c>
      <c r="QWJ7" s="9">
        <f t="shared" si="189"/>
        <v>1.019803902718557</v>
      </c>
      <c r="QWK7" s="9">
        <f t="shared" si="189"/>
        <v>1.019803902718557</v>
      </c>
      <c r="QWL7" s="9">
        <f t="shared" si="189"/>
        <v>1.019803902718557</v>
      </c>
      <c r="QWM7" s="9">
        <f t="shared" si="189"/>
        <v>1.019803902718557</v>
      </c>
      <c r="QWN7" s="9">
        <f t="shared" si="189"/>
        <v>1.019803902718557</v>
      </c>
      <c r="QWO7" s="9">
        <f t="shared" si="189"/>
        <v>1.019803902718557</v>
      </c>
      <c r="QWP7" s="9">
        <f t="shared" ref="QWP7:QZA7" si="190">1/((1+$F$6) ^(QWP3-$F$7))</f>
        <v>1.019803902718557</v>
      </c>
      <c r="QWQ7" s="9">
        <f t="shared" si="190"/>
        <v>1.019803902718557</v>
      </c>
      <c r="QWR7" s="9">
        <f t="shared" si="190"/>
        <v>1.019803902718557</v>
      </c>
      <c r="QWS7" s="9">
        <f t="shared" si="190"/>
        <v>1.019803902718557</v>
      </c>
      <c r="QWT7" s="9">
        <f t="shared" si="190"/>
        <v>1.019803902718557</v>
      </c>
      <c r="QWU7" s="9">
        <f t="shared" si="190"/>
        <v>1.019803902718557</v>
      </c>
      <c r="QWV7" s="9">
        <f t="shared" si="190"/>
        <v>1.019803902718557</v>
      </c>
      <c r="QWW7" s="9">
        <f t="shared" si="190"/>
        <v>1.019803902718557</v>
      </c>
      <c r="QWX7" s="9">
        <f t="shared" si="190"/>
        <v>1.019803902718557</v>
      </c>
      <c r="QWY7" s="9">
        <f t="shared" si="190"/>
        <v>1.019803902718557</v>
      </c>
      <c r="QWZ7" s="9">
        <f t="shared" si="190"/>
        <v>1.019803902718557</v>
      </c>
      <c r="QXA7" s="9">
        <f t="shared" si="190"/>
        <v>1.019803902718557</v>
      </c>
      <c r="QXB7" s="9">
        <f t="shared" si="190"/>
        <v>1.019803902718557</v>
      </c>
      <c r="QXC7" s="9">
        <f t="shared" si="190"/>
        <v>1.019803902718557</v>
      </c>
      <c r="QXD7" s="9">
        <f t="shared" si="190"/>
        <v>1.019803902718557</v>
      </c>
      <c r="QXE7" s="9">
        <f t="shared" si="190"/>
        <v>1.019803902718557</v>
      </c>
      <c r="QXF7" s="9">
        <f t="shared" si="190"/>
        <v>1.019803902718557</v>
      </c>
      <c r="QXG7" s="9">
        <f t="shared" si="190"/>
        <v>1.019803902718557</v>
      </c>
      <c r="QXH7" s="9">
        <f t="shared" si="190"/>
        <v>1.019803902718557</v>
      </c>
      <c r="QXI7" s="9">
        <f t="shared" si="190"/>
        <v>1.019803902718557</v>
      </c>
      <c r="QXJ7" s="9">
        <f t="shared" si="190"/>
        <v>1.019803902718557</v>
      </c>
      <c r="QXK7" s="9">
        <f t="shared" si="190"/>
        <v>1.019803902718557</v>
      </c>
      <c r="QXL7" s="9">
        <f t="shared" si="190"/>
        <v>1.019803902718557</v>
      </c>
      <c r="QXM7" s="9">
        <f t="shared" si="190"/>
        <v>1.019803902718557</v>
      </c>
      <c r="QXN7" s="9">
        <f t="shared" si="190"/>
        <v>1.019803902718557</v>
      </c>
      <c r="QXO7" s="9">
        <f t="shared" si="190"/>
        <v>1.019803902718557</v>
      </c>
      <c r="QXP7" s="9">
        <f t="shared" si="190"/>
        <v>1.019803902718557</v>
      </c>
      <c r="QXQ7" s="9">
        <f t="shared" si="190"/>
        <v>1.019803902718557</v>
      </c>
      <c r="QXR7" s="9">
        <f t="shared" si="190"/>
        <v>1.019803902718557</v>
      </c>
      <c r="QXS7" s="9">
        <f t="shared" si="190"/>
        <v>1.019803902718557</v>
      </c>
      <c r="QXT7" s="9">
        <f t="shared" si="190"/>
        <v>1.019803902718557</v>
      </c>
      <c r="QXU7" s="9">
        <f t="shared" si="190"/>
        <v>1.019803902718557</v>
      </c>
      <c r="QXV7" s="9">
        <f t="shared" si="190"/>
        <v>1.019803902718557</v>
      </c>
      <c r="QXW7" s="9">
        <f t="shared" si="190"/>
        <v>1.019803902718557</v>
      </c>
      <c r="QXX7" s="9">
        <f t="shared" si="190"/>
        <v>1.019803902718557</v>
      </c>
      <c r="QXY7" s="9">
        <f t="shared" si="190"/>
        <v>1.019803902718557</v>
      </c>
      <c r="QXZ7" s="9">
        <f t="shared" si="190"/>
        <v>1.019803902718557</v>
      </c>
      <c r="QYA7" s="9">
        <f t="shared" si="190"/>
        <v>1.019803902718557</v>
      </c>
      <c r="QYB7" s="9">
        <f t="shared" si="190"/>
        <v>1.019803902718557</v>
      </c>
      <c r="QYC7" s="9">
        <f t="shared" si="190"/>
        <v>1.019803902718557</v>
      </c>
      <c r="QYD7" s="9">
        <f t="shared" si="190"/>
        <v>1.019803902718557</v>
      </c>
      <c r="QYE7" s="9">
        <f t="shared" si="190"/>
        <v>1.019803902718557</v>
      </c>
      <c r="QYF7" s="9">
        <f t="shared" si="190"/>
        <v>1.019803902718557</v>
      </c>
      <c r="QYG7" s="9">
        <f t="shared" si="190"/>
        <v>1.019803902718557</v>
      </c>
      <c r="QYH7" s="9">
        <f t="shared" si="190"/>
        <v>1.019803902718557</v>
      </c>
      <c r="QYI7" s="9">
        <f t="shared" si="190"/>
        <v>1.019803902718557</v>
      </c>
      <c r="QYJ7" s="9">
        <f t="shared" si="190"/>
        <v>1.019803902718557</v>
      </c>
      <c r="QYK7" s="9">
        <f t="shared" si="190"/>
        <v>1.019803902718557</v>
      </c>
      <c r="QYL7" s="9">
        <f t="shared" si="190"/>
        <v>1.019803902718557</v>
      </c>
      <c r="QYM7" s="9">
        <f t="shared" si="190"/>
        <v>1.019803902718557</v>
      </c>
      <c r="QYN7" s="9">
        <f t="shared" si="190"/>
        <v>1.019803902718557</v>
      </c>
      <c r="QYO7" s="9">
        <f t="shared" si="190"/>
        <v>1.019803902718557</v>
      </c>
      <c r="QYP7" s="9">
        <f t="shared" si="190"/>
        <v>1.019803902718557</v>
      </c>
      <c r="QYQ7" s="9">
        <f t="shared" si="190"/>
        <v>1.019803902718557</v>
      </c>
      <c r="QYR7" s="9">
        <f t="shared" si="190"/>
        <v>1.019803902718557</v>
      </c>
      <c r="QYS7" s="9">
        <f t="shared" si="190"/>
        <v>1.019803902718557</v>
      </c>
      <c r="QYT7" s="9">
        <f t="shared" si="190"/>
        <v>1.019803902718557</v>
      </c>
      <c r="QYU7" s="9">
        <f t="shared" si="190"/>
        <v>1.019803902718557</v>
      </c>
      <c r="QYV7" s="9">
        <f t="shared" si="190"/>
        <v>1.019803902718557</v>
      </c>
      <c r="QYW7" s="9">
        <f t="shared" si="190"/>
        <v>1.019803902718557</v>
      </c>
      <c r="QYX7" s="9">
        <f t="shared" si="190"/>
        <v>1.019803902718557</v>
      </c>
      <c r="QYY7" s="9">
        <f t="shared" si="190"/>
        <v>1.019803902718557</v>
      </c>
      <c r="QYZ7" s="9">
        <f t="shared" si="190"/>
        <v>1.019803902718557</v>
      </c>
      <c r="QZA7" s="9">
        <f t="shared" si="190"/>
        <v>1.019803902718557</v>
      </c>
      <c r="QZB7" s="9">
        <f t="shared" ref="QZB7:RBM7" si="191">1/((1+$F$6) ^(QZB3-$F$7))</f>
        <v>1.019803902718557</v>
      </c>
      <c r="QZC7" s="9">
        <f t="shared" si="191"/>
        <v>1.019803902718557</v>
      </c>
      <c r="QZD7" s="9">
        <f t="shared" si="191"/>
        <v>1.019803902718557</v>
      </c>
      <c r="QZE7" s="9">
        <f t="shared" si="191"/>
        <v>1.019803902718557</v>
      </c>
      <c r="QZF7" s="9">
        <f t="shared" si="191"/>
        <v>1.019803902718557</v>
      </c>
      <c r="QZG7" s="9">
        <f t="shared" si="191"/>
        <v>1.019803902718557</v>
      </c>
      <c r="QZH7" s="9">
        <f t="shared" si="191"/>
        <v>1.019803902718557</v>
      </c>
      <c r="QZI7" s="9">
        <f t="shared" si="191"/>
        <v>1.019803902718557</v>
      </c>
      <c r="QZJ7" s="9">
        <f t="shared" si="191"/>
        <v>1.019803902718557</v>
      </c>
      <c r="QZK7" s="9">
        <f t="shared" si="191"/>
        <v>1.019803902718557</v>
      </c>
      <c r="QZL7" s="9">
        <f t="shared" si="191"/>
        <v>1.019803902718557</v>
      </c>
      <c r="QZM7" s="9">
        <f t="shared" si="191"/>
        <v>1.019803902718557</v>
      </c>
      <c r="QZN7" s="9">
        <f t="shared" si="191"/>
        <v>1.019803902718557</v>
      </c>
      <c r="QZO7" s="9">
        <f t="shared" si="191"/>
        <v>1.019803902718557</v>
      </c>
      <c r="QZP7" s="9">
        <f t="shared" si="191"/>
        <v>1.019803902718557</v>
      </c>
      <c r="QZQ7" s="9">
        <f t="shared" si="191"/>
        <v>1.019803902718557</v>
      </c>
      <c r="QZR7" s="9">
        <f t="shared" si="191"/>
        <v>1.019803902718557</v>
      </c>
      <c r="QZS7" s="9">
        <f t="shared" si="191"/>
        <v>1.019803902718557</v>
      </c>
      <c r="QZT7" s="9">
        <f t="shared" si="191"/>
        <v>1.019803902718557</v>
      </c>
      <c r="QZU7" s="9">
        <f t="shared" si="191"/>
        <v>1.019803902718557</v>
      </c>
      <c r="QZV7" s="9">
        <f t="shared" si="191"/>
        <v>1.019803902718557</v>
      </c>
      <c r="QZW7" s="9">
        <f t="shared" si="191"/>
        <v>1.019803902718557</v>
      </c>
      <c r="QZX7" s="9">
        <f t="shared" si="191"/>
        <v>1.019803902718557</v>
      </c>
      <c r="QZY7" s="9">
        <f t="shared" si="191"/>
        <v>1.019803902718557</v>
      </c>
      <c r="QZZ7" s="9">
        <f t="shared" si="191"/>
        <v>1.019803902718557</v>
      </c>
      <c r="RAA7" s="9">
        <f t="shared" si="191"/>
        <v>1.019803902718557</v>
      </c>
      <c r="RAB7" s="9">
        <f t="shared" si="191"/>
        <v>1.019803902718557</v>
      </c>
      <c r="RAC7" s="9">
        <f t="shared" si="191"/>
        <v>1.019803902718557</v>
      </c>
      <c r="RAD7" s="9">
        <f t="shared" si="191"/>
        <v>1.019803902718557</v>
      </c>
      <c r="RAE7" s="9">
        <f t="shared" si="191"/>
        <v>1.019803902718557</v>
      </c>
      <c r="RAF7" s="9">
        <f t="shared" si="191"/>
        <v>1.019803902718557</v>
      </c>
      <c r="RAG7" s="9">
        <f t="shared" si="191"/>
        <v>1.019803902718557</v>
      </c>
      <c r="RAH7" s="9">
        <f t="shared" si="191"/>
        <v>1.019803902718557</v>
      </c>
      <c r="RAI7" s="9">
        <f t="shared" si="191"/>
        <v>1.019803902718557</v>
      </c>
      <c r="RAJ7" s="9">
        <f t="shared" si="191"/>
        <v>1.019803902718557</v>
      </c>
      <c r="RAK7" s="9">
        <f t="shared" si="191"/>
        <v>1.019803902718557</v>
      </c>
      <c r="RAL7" s="9">
        <f t="shared" si="191"/>
        <v>1.019803902718557</v>
      </c>
      <c r="RAM7" s="9">
        <f t="shared" si="191"/>
        <v>1.019803902718557</v>
      </c>
      <c r="RAN7" s="9">
        <f t="shared" si="191"/>
        <v>1.019803902718557</v>
      </c>
      <c r="RAO7" s="9">
        <f t="shared" si="191"/>
        <v>1.019803902718557</v>
      </c>
      <c r="RAP7" s="9">
        <f t="shared" si="191"/>
        <v>1.019803902718557</v>
      </c>
      <c r="RAQ7" s="9">
        <f t="shared" si="191"/>
        <v>1.019803902718557</v>
      </c>
      <c r="RAR7" s="9">
        <f t="shared" si="191"/>
        <v>1.019803902718557</v>
      </c>
      <c r="RAS7" s="9">
        <f t="shared" si="191"/>
        <v>1.019803902718557</v>
      </c>
      <c r="RAT7" s="9">
        <f t="shared" si="191"/>
        <v>1.019803902718557</v>
      </c>
      <c r="RAU7" s="9">
        <f t="shared" si="191"/>
        <v>1.019803902718557</v>
      </c>
      <c r="RAV7" s="9">
        <f t="shared" si="191"/>
        <v>1.019803902718557</v>
      </c>
      <c r="RAW7" s="9">
        <f t="shared" si="191"/>
        <v>1.019803902718557</v>
      </c>
      <c r="RAX7" s="9">
        <f t="shared" si="191"/>
        <v>1.019803902718557</v>
      </c>
      <c r="RAY7" s="9">
        <f t="shared" si="191"/>
        <v>1.019803902718557</v>
      </c>
      <c r="RAZ7" s="9">
        <f t="shared" si="191"/>
        <v>1.019803902718557</v>
      </c>
      <c r="RBA7" s="9">
        <f t="shared" si="191"/>
        <v>1.019803902718557</v>
      </c>
      <c r="RBB7" s="9">
        <f t="shared" si="191"/>
        <v>1.019803902718557</v>
      </c>
      <c r="RBC7" s="9">
        <f t="shared" si="191"/>
        <v>1.019803902718557</v>
      </c>
      <c r="RBD7" s="9">
        <f t="shared" si="191"/>
        <v>1.019803902718557</v>
      </c>
      <c r="RBE7" s="9">
        <f t="shared" si="191"/>
        <v>1.019803902718557</v>
      </c>
      <c r="RBF7" s="9">
        <f t="shared" si="191"/>
        <v>1.019803902718557</v>
      </c>
      <c r="RBG7" s="9">
        <f t="shared" si="191"/>
        <v>1.019803902718557</v>
      </c>
      <c r="RBH7" s="9">
        <f t="shared" si="191"/>
        <v>1.019803902718557</v>
      </c>
      <c r="RBI7" s="9">
        <f t="shared" si="191"/>
        <v>1.019803902718557</v>
      </c>
      <c r="RBJ7" s="9">
        <f t="shared" si="191"/>
        <v>1.019803902718557</v>
      </c>
      <c r="RBK7" s="9">
        <f t="shared" si="191"/>
        <v>1.019803902718557</v>
      </c>
      <c r="RBL7" s="9">
        <f t="shared" si="191"/>
        <v>1.019803902718557</v>
      </c>
      <c r="RBM7" s="9">
        <f t="shared" si="191"/>
        <v>1.019803902718557</v>
      </c>
      <c r="RBN7" s="9">
        <f t="shared" ref="RBN7:RDY7" si="192">1/((1+$F$6) ^(RBN3-$F$7))</f>
        <v>1.019803902718557</v>
      </c>
      <c r="RBO7" s="9">
        <f t="shared" si="192"/>
        <v>1.019803902718557</v>
      </c>
      <c r="RBP7" s="9">
        <f t="shared" si="192"/>
        <v>1.019803902718557</v>
      </c>
      <c r="RBQ7" s="9">
        <f t="shared" si="192"/>
        <v>1.019803902718557</v>
      </c>
      <c r="RBR7" s="9">
        <f t="shared" si="192"/>
        <v>1.019803902718557</v>
      </c>
      <c r="RBS7" s="9">
        <f t="shared" si="192"/>
        <v>1.019803902718557</v>
      </c>
      <c r="RBT7" s="9">
        <f t="shared" si="192"/>
        <v>1.019803902718557</v>
      </c>
      <c r="RBU7" s="9">
        <f t="shared" si="192"/>
        <v>1.019803902718557</v>
      </c>
      <c r="RBV7" s="9">
        <f t="shared" si="192"/>
        <v>1.019803902718557</v>
      </c>
      <c r="RBW7" s="9">
        <f t="shared" si="192"/>
        <v>1.019803902718557</v>
      </c>
      <c r="RBX7" s="9">
        <f t="shared" si="192"/>
        <v>1.019803902718557</v>
      </c>
      <c r="RBY7" s="9">
        <f t="shared" si="192"/>
        <v>1.019803902718557</v>
      </c>
      <c r="RBZ7" s="9">
        <f t="shared" si="192"/>
        <v>1.019803902718557</v>
      </c>
      <c r="RCA7" s="9">
        <f t="shared" si="192"/>
        <v>1.019803902718557</v>
      </c>
      <c r="RCB7" s="9">
        <f t="shared" si="192"/>
        <v>1.019803902718557</v>
      </c>
      <c r="RCC7" s="9">
        <f t="shared" si="192"/>
        <v>1.019803902718557</v>
      </c>
      <c r="RCD7" s="9">
        <f t="shared" si="192"/>
        <v>1.019803902718557</v>
      </c>
      <c r="RCE7" s="9">
        <f t="shared" si="192"/>
        <v>1.019803902718557</v>
      </c>
      <c r="RCF7" s="9">
        <f t="shared" si="192"/>
        <v>1.019803902718557</v>
      </c>
      <c r="RCG7" s="9">
        <f t="shared" si="192"/>
        <v>1.019803902718557</v>
      </c>
      <c r="RCH7" s="9">
        <f t="shared" si="192"/>
        <v>1.019803902718557</v>
      </c>
      <c r="RCI7" s="9">
        <f t="shared" si="192"/>
        <v>1.019803902718557</v>
      </c>
      <c r="RCJ7" s="9">
        <f t="shared" si="192"/>
        <v>1.019803902718557</v>
      </c>
      <c r="RCK7" s="9">
        <f t="shared" si="192"/>
        <v>1.019803902718557</v>
      </c>
      <c r="RCL7" s="9">
        <f t="shared" si="192"/>
        <v>1.019803902718557</v>
      </c>
      <c r="RCM7" s="9">
        <f t="shared" si="192"/>
        <v>1.019803902718557</v>
      </c>
      <c r="RCN7" s="9">
        <f t="shared" si="192"/>
        <v>1.019803902718557</v>
      </c>
      <c r="RCO7" s="9">
        <f t="shared" si="192"/>
        <v>1.019803902718557</v>
      </c>
      <c r="RCP7" s="9">
        <f t="shared" si="192"/>
        <v>1.019803902718557</v>
      </c>
      <c r="RCQ7" s="9">
        <f t="shared" si="192"/>
        <v>1.019803902718557</v>
      </c>
      <c r="RCR7" s="9">
        <f t="shared" si="192"/>
        <v>1.019803902718557</v>
      </c>
      <c r="RCS7" s="9">
        <f t="shared" si="192"/>
        <v>1.019803902718557</v>
      </c>
      <c r="RCT7" s="9">
        <f t="shared" si="192"/>
        <v>1.019803902718557</v>
      </c>
      <c r="RCU7" s="9">
        <f t="shared" si="192"/>
        <v>1.019803902718557</v>
      </c>
      <c r="RCV7" s="9">
        <f t="shared" si="192"/>
        <v>1.019803902718557</v>
      </c>
      <c r="RCW7" s="9">
        <f t="shared" si="192"/>
        <v>1.019803902718557</v>
      </c>
      <c r="RCX7" s="9">
        <f t="shared" si="192"/>
        <v>1.019803902718557</v>
      </c>
      <c r="RCY7" s="9">
        <f t="shared" si="192"/>
        <v>1.019803902718557</v>
      </c>
      <c r="RCZ7" s="9">
        <f t="shared" si="192"/>
        <v>1.019803902718557</v>
      </c>
      <c r="RDA7" s="9">
        <f t="shared" si="192"/>
        <v>1.019803902718557</v>
      </c>
      <c r="RDB7" s="9">
        <f t="shared" si="192"/>
        <v>1.019803902718557</v>
      </c>
      <c r="RDC7" s="9">
        <f t="shared" si="192"/>
        <v>1.019803902718557</v>
      </c>
      <c r="RDD7" s="9">
        <f t="shared" si="192"/>
        <v>1.019803902718557</v>
      </c>
      <c r="RDE7" s="9">
        <f t="shared" si="192"/>
        <v>1.019803902718557</v>
      </c>
      <c r="RDF7" s="9">
        <f t="shared" si="192"/>
        <v>1.019803902718557</v>
      </c>
      <c r="RDG7" s="9">
        <f t="shared" si="192"/>
        <v>1.019803902718557</v>
      </c>
      <c r="RDH7" s="9">
        <f t="shared" si="192"/>
        <v>1.019803902718557</v>
      </c>
      <c r="RDI7" s="9">
        <f t="shared" si="192"/>
        <v>1.019803902718557</v>
      </c>
      <c r="RDJ7" s="9">
        <f t="shared" si="192"/>
        <v>1.019803902718557</v>
      </c>
      <c r="RDK7" s="9">
        <f t="shared" si="192"/>
        <v>1.019803902718557</v>
      </c>
      <c r="RDL7" s="9">
        <f t="shared" si="192"/>
        <v>1.019803902718557</v>
      </c>
      <c r="RDM7" s="9">
        <f t="shared" si="192"/>
        <v>1.019803902718557</v>
      </c>
      <c r="RDN7" s="9">
        <f t="shared" si="192"/>
        <v>1.019803902718557</v>
      </c>
      <c r="RDO7" s="9">
        <f t="shared" si="192"/>
        <v>1.019803902718557</v>
      </c>
      <c r="RDP7" s="9">
        <f t="shared" si="192"/>
        <v>1.019803902718557</v>
      </c>
      <c r="RDQ7" s="9">
        <f t="shared" si="192"/>
        <v>1.019803902718557</v>
      </c>
      <c r="RDR7" s="9">
        <f t="shared" si="192"/>
        <v>1.019803902718557</v>
      </c>
      <c r="RDS7" s="9">
        <f t="shared" si="192"/>
        <v>1.019803902718557</v>
      </c>
      <c r="RDT7" s="9">
        <f t="shared" si="192"/>
        <v>1.019803902718557</v>
      </c>
      <c r="RDU7" s="9">
        <f t="shared" si="192"/>
        <v>1.019803902718557</v>
      </c>
      <c r="RDV7" s="9">
        <f t="shared" si="192"/>
        <v>1.019803902718557</v>
      </c>
      <c r="RDW7" s="9">
        <f t="shared" si="192"/>
        <v>1.019803902718557</v>
      </c>
      <c r="RDX7" s="9">
        <f t="shared" si="192"/>
        <v>1.019803902718557</v>
      </c>
      <c r="RDY7" s="9">
        <f t="shared" si="192"/>
        <v>1.019803902718557</v>
      </c>
      <c r="RDZ7" s="9">
        <f t="shared" ref="RDZ7:RGK7" si="193">1/((1+$F$6) ^(RDZ3-$F$7))</f>
        <v>1.019803902718557</v>
      </c>
      <c r="REA7" s="9">
        <f t="shared" si="193"/>
        <v>1.019803902718557</v>
      </c>
      <c r="REB7" s="9">
        <f t="shared" si="193"/>
        <v>1.019803902718557</v>
      </c>
      <c r="REC7" s="9">
        <f t="shared" si="193"/>
        <v>1.019803902718557</v>
      </c>
      <c r="RED7" s="9">
        <f t="shared" si="193"/>
        <v>1.019803902718557</v>
      </c>
      <c r="REE7" s="9">
        <f t="shared" si="193"/>
        <v>1.019803902718557</v>
      </c>
      <c r="REF7" s="9">
        <f t="shared" si="193"/>
        <v>1.019803902718557</v>
      </c>
      <c r="REG7" s="9">
        <f t="shared" si="193"/>
        <v>1.019803902718557</v>
      </c>
      <c r="REH7" s="9">
        <f t="shared" si="193"/>
        <v>1.019803902718557</v>
      </c>
      <c r="REI7" s="9">
        <f t="shared" si="193"/>
        <v>1.019803902718557</v>
      </c>
      <c r="REJ7" s="9">
        <f t="shared" si="193"/>
        <v>1.019803902718557</v>
      </c>
      <c r="REK7" s="9">
        <f t="shared" si="193"/>
        <v>1.019803902718557</v>
      </c>
      <c r="REL7" s="9">
        <f t="shared" si="193"/>
        <v>1.019803902718557</v>
      </c>
      <c r="REM7" s="9">
        <f t="shared" si="193"/>
        <v>1.019803902718557</v>
      </c>
      <c r="REN7" s="9">
        <f t="shared" si="193"/>
        <v>1.019803902718557</v>
      </c>
      <c r="REO7" s="9">
        <f t="shared" si="193"/>
        <v>1.019803902718557</v>
      </c>
      <c r="REP7" s="9">
        <f t="shared" si="193"/>
        <v>1.019803902718557</v>
      </c>
      <c r="REQ7" s="9">
        <f t="shared" si="193"/>
        <v>1.019803902718557</v>
      </c>
      <c r="RER7" s="9">
        <f t="shared" si="193"/>
        <v>1.019803902718557</v>
      </c>
      <c r="RES7" s="9">
        <f t="shared" si="193"/>
        <v>1.019803902718557</v>
      </c>
      <c r="RET7" s="9">
        <f t="shared" si="193"/>
        <v>1.019803902718557</v>
      </c>
      <c r="REU7" s="9">
        <f t="shared" si="193"/>
        <v>1.019803902718557</v>
      </c>
      <c r="REV7" s="9">
        <f t="shared" si="193"/>
        <v>1.019803902718557</v>
      </c>
      <c r="REW7" s="9">
        <f t="shared" si="193"/>
        <v>1.019803902718557</v>
      </c>
      <c r="REX7" s="9">
        <f t="shared" si="193"/>
        <v>1.019803902718557</v>
      </c>
      <c r="REY7" s="9">
        <f t="shared" si="193"/>
        <v>1.019803902718557</v>
      </c>
      <c r="REZ7" s="9">
        <f t="shared" si="193"/>
        <v>1.019803902718557</v>
      </c>
      <c r="RFA7" s="9">
        <f t="shared" si="193"/>
        <v>1.019803902718557</v>
      </c>
      <c r="RFB7" s="9">
        <f t="shared" si="193"/>
        <v>1.019803902718557</v>
      </c>
      <c r="RFC7" s="9">
        <f t="shared" si="193"/>
        <v>1.019803902718557</v>
      </c>
      <c r="RFD7" s="9">
        <f t="shared" si="193"/>
        <v>1.019803902718557</v>
      </c>
      <c r="RFE7" s="9">
        <f t="shared" si="193"/>
        <v>1.019803902718557</v>
      </c>
      <c r="RFF7" s="9">
        <f t="shared" si="193"/>
        <v>1.019803902718557</v>
      </c>
      <c r="RFG7" s="9">
        <f t="shared" si="193"/>
        <v>1.019803902718557</v>
      </c>
      <c r="RFH7" s="9">
        <f t="shared" si="193"/>
        <v>1.019803902718557</v>
      </c>
      <c r="RFI7" s="9">
        <f t="shared" si="193"/>
        <v>1.019803902718557</v>
      </c>
      <c r="RFJ7" s="9">
        <f t="shared" si="193"/>
        <v>1.019803902718557</v>
      </c>
      <c r="RFK7" s="9">
        <f t="shared" si="193"/>
        <v>1.019803902718557</v>
      </c>
      <c r="RFL7" s="9">
        <f t="shared" si="193"/>
        <v>1.019803902718557</v>
      </c>
      <c r="RFM7" s="9">
        <f t="shared" si="193"/>
        <v>1.019803902718557</v>
      </c>
      <c r="RFN7" s="9">
        <f t="shared" si="193"/>
        <v>1.019803902718557</v>
      </c>
      <c r="RFO7" s="9">
        <f t="shared" si="193"/>
        <v>1.019803902718557</v>
      </c>
      <c r="RFP7" s="9">
        <f t="shared" si="193"/>
        <v>1.019803902718557</v>
      </c>
      <c r="RFQ7" s="9">
        <f t="shared" si="193"/>
        <v>1.019803902718557</v>
      </c>
      <c r="RFR7" s="9">
        <f t="shared" si="193"/>
        <v>1.019803902718557</v>
      </c>
      <c r="RFS7" s="9">
        <f t="shared" si="193"/>
        <v>1.019803902718557</v>
      </c>
      <c r="RFT7" s="9">
        <f t="shared" si="193"/>
        <v>1.019803902718557</v>
      </c>
      <c r="RFU7" s="9">
        <f t="shared" si="193"/>
        <v>1.019803902718557</v>
      </c>
      <c r="RFV7" s="9">
        <f t="shared" si="193"/>
        <v>1.019803902718557</v>
      </c>
      <c r="RFW7" s="9">
        <f t="shared" si="193"/>
        <v>1.019803902718557</v>
      </c>
      <c r="RFX7" s="9">
        <f t="shared" si="193"/>
        <v>1.019803902718557</v>
      </c>
      <c r="RFY7" s="9">
        <f t="shared" si="193"/>
        <v>1.019803902718557</v>
      </c>
      <c r="RFZ7" s="9">
        <f t="shared" si="193"/>
        <v>1.019803902718557</v>
      </c>
      <c r="RGA7" s="9">
        <f t="shared" si="193"/>
        <v>1.019803902718557</v>
      </c>
      <c r="RGB7" s="9">
        <f t="shared" si="193"/>
        <v>1.019803902718557</v>
      </c>
      <c r="RGC7" s="9">
        <f t="shared" si="193"/>
        <v>1.019803902718557</v>
      </c>
      <c r="RGD7" s="9">
        <f t="shared" si="193"/>
        <v>1.019803902718557</v>
      </c>
      <c r="RGE7" s="9">
        <f t="shared" si="193"/>
        <v>1.019803902718557</v>
      </c>
      <c r="RGF7" s="9">
        <f t="shared" si="193"/>
        <v>1.019803902718557</v>
      </c>
      <c r="RGG7" s="9">
        <f t="shared" si="193"/>
        <v>1.019803902718557</v>
      </c>
      <c r="RGH7" s="9">
        <f t="shared" si="193"/>
        <v>1.019803902718557</v>
      </c>
      <c r="RGI7" s="9">
        <f t="shared" si="193"/>
        <v>1.019803902718557</v>
      </c>
      <c r="RGJ7" s="9">
        <f t="shared" si="193"/>
        <v>1.019803902718557</v>
      </c>
      <c r="RGK7" s="9">
        <f t="shared" si="193"/>
        <v>1.019803902718557</v>
      </c>
      <c r="RGL7" s="9">
        <f t="shared" ref="RGL7:RIW7" si="194">1/((1+$F$6) ^(RGL3-$F$7))</f>
        <v>1.019803902718557</v>
      </c>
      <c r="RGM7" s="9">
        <f t="shared" si="194"/>
        <v>1.019803902718557</v>
      </c>
      <c r="RGN7" s="9">
        <f t="shared" si="194"/>
        <v>1.019803902718557</v>
      </c>
      <c r="RGO7" s="9">
        <f t="shared" si="194"/>
        <v>1.019803902718557</v>
      </c>
      <c r="RGP7" s="9">
        <f t="shared" si="194"/>
        <v>1.019803902718557</v>
      </c>
      <c r="RGQ7" s="9">
        <f t="shared" si="194"/>
        <v>1.019803902718557</v>
      </c>
      <c r="RGR7" s="9">
        <f t="shared" si="194"/>
        <v>1.019803902718557</v>
      </c>
      <c r="RGS7" s="9">
        <f t="shared" si="194"/>
        <v>1.019803902718557</v>
      </c>
      <c r="RGT7" s="9">
        <f t="shared" si="194"/>
        <v>1.019803902718557</v>
      </c>
      <c r="RGU7" s="9">
        <f t="shared" si="194"/>
        <v>1.019803902718557</v>
      </c>
      <c r="RGV7" s="9">
        <f t="shared" si="194"/>
        <v>1.019803902718557</v>
      </c>
      <c r="RGW7" s="9">
        <f t="shared" si="194"/>
        <v>1.019803902718557</v>
      </c>
      <c r="RGX7" s="9">
        <f t="shared" si="194"/>
        <v>1.019803902718557</v>
      </c>
      <c r="RGY7" s="9">
        <f t="shared" si="194"/>
        <v>1.019803902718557</v>
      </c>
      <c r="RGZ7" s="9">
        <f t="shared" si="194"/>
        <v>1.019803902718557</v>
      </c>
      <c r="RHA7" s="9">
        <f t="shared" si="194"/>
        <v>1.019803902718557</v>
      </c>
      <c r="RHB7" s="9">
        <f t="shared" si="194"/>
        <v>1.019803902718557</v>
      </c>
      <c r="RHC7" s="9">
        <f t="shared" si="194"/>
        <v>1.019803902718557</v>
      </c>
      <c r="RHD7" s="9">
        <f t="shared" si="194"/>
        <v>1.019803902718557</v>
      </c>
      <c r="RHE7" s="9">
        <f t="shared" si="194"/>
        <v>1.019803902718557</v>
      </c>
      <c r="RHF7" s="9">
        <f t="shared" si="194"/>
        <v>1.019803902718557</v>
      </c>
      <c r="RHG7" s="9">
        <f t="shared" si="194"/>
        <v>1.019803902718557</v>
      </c>
      <c r="RHH7" s="9">
        <f t="shared" si="194"/>
        <v>1.019803902718557</v>
      </c>
      <c r="RHI7" s="9">
        <f t="shared" si="194"/>
        <v>1.019803902718557</v>
      </c>
      <c r="RHJ7" s="9">
        <f t="shared" si="194"/>
        <v>1.019803902718557</v>
      </c>
      <c r="RHK7" s="9">
        <f t="shared" si="194"/>
        <v>1.019803902718557</v>
      </c>
      <c r="RHL7" s="9">
        <f t="shared" si="194"/>
        <v>1.019803902718557</v>
      </c>
      <c r="RHM7" s="9">
        <f t="shared" si="194"/>
        <v>1.019803902718557</v>
      </c>
      <c r="RHN7" s="9">
        <f t="shared" si="194"/>
        <v>1.019803902718557</v>
      </c>
      <c r="RHO7" s="9">
        <f t="shared" si="194"/>
        <v>1.019803902718557</v>
      </c>
      <c r="RHP7" s="9">
        <f t="shared" si="194"/>
        <v>1.019803902718557</v>
      </c>
      <c r="RHQ7" s="9">
        <f t="shared" si="194"/>
        <v>1.019803902718557</v>
      </c>
      <c r="RHR7" s="9">
        <f t="shared" si="194"/>
        <v>1.019803902718557</v>
      </c>
      <c r="RHS7" s="9">
        <f t="shared" si="194"/>
        <v>1.019803902718557</v>
      </c>
      <c r="RHT7" s="9">
        <f t="shared" si="194"/>
        <v>1.019803902718557</v>
      </c>
      <c r="RHU7" s="9">
        <f t="shared" si="194"/>
        <v>1.019803902718557</v>
      </c>
      <c r="RHV7" s="9">
        <f t="shared" si="194"/>
        <v>1.019803902718557</v>
      </c>
      <c r="RHW7" s="9">
        <f t="shared" si="194"/>
        <v>1.019803902718557</v>
      </c>
      <c r="RHX7" s="9">
        <f t="shared" si="194"/>
        <v>1.019803902718557</v>
      </c>
      <c r="RHY7" s="9">
        <f t="shared" si="194"/>
        <v>1.019803902718557</v>
      </c>
      <c r="RHZ7" s="9">
        <f t="shared" si="194"/>
        <v>1.019803902718557</v>
      </c>
      <c r="RIA7" s="9">
        <f t="shared" si="194"/>
        <v>1.019803902718557</v>
      </c>
      <c r="RIB7" s="9">
        <f t="shared" si="194"/>
        <v>1.019803902718557</v>
      </c>
      <c r="RIC7" s="9">
        <f t="shared" si="194"/>
        <v>1.019803902718557</v>
      </c>
      <c r="RID7" s="9">
        <f t="shared" si="194"/>
        <v>1.019803902718557</v>
      </c>
      <c r="RIE7" s="9">
        <f t="shared" si="194"/>
        <v>1.019803902718557</v>
      </c>
      <c r="RIF7" s="9">
        <f t="shared" si="194"/>
        <v>1.019803902718557</v>
      </c>
      <c r="RIG7" s="9">
        <f t="shared" si="194"/>
        <v>1.019803902718557</v>
      </c>
      <c r="RIH7" s="9">
        <f t="shared" si="194"/>
        <v>1.019803902718557</v>
      </c>
      <c r="RII7" s="9">
        <f t="shared" si="194"/>
        <v>1.019803902718557</v>
      </c>
      <c r="RIJ7" s="9">
        <f t="shared" si="194"/>
        <v>1.019803902718557</v>
      </c>
      <c r="RIK7" s="9">
        <f t="shared" si="194"/>
        <v>1.019803902718557</v>
      </c>
      <c r="RIL7" s="9">
        <f t="shared" si="194"/>
        <v>1.019803902718557</v>
      </c>
      <c r="RIM7" s="9">
        <f t="shared" si="194"/>
        <v>1.019803902718557</v>
      </c>
      <c r="RIN7" s="9">
        <f t="shared" si="194"/>
        <v>1.019803902718557</v>
      </c>
      <c r="RIO7" s="9">
        <f t="shared" si="194"/>
        <v>1.019803902718557</v>
      </c>
      <c r="RIP7" s="9">
        <f t="shared" si="194"/>
        <v>1.019803902718557</v>
      </c>
      <c r="RIQ7" s="9">
        <f t="shared" si="194"/>
        <v>1.019803902718557</v>
      </c>
      <c r="RIR7" s="9">
        <f t="shared" si="194"/>
        <v>1.019803902718557</v>
      </c>
      <c r="RIS7" s="9">
        <f t="shared" si="194"/>
        <v>1.019803902718557</v>
      </c>
      <c r="RIT7" s="9">
        <f t="shared" si="194"/>
        <v>1.019803902718557</v>
      </c>
      <c r="RIU7" s="9">
        <f t="shared" si="194"/>
        <v>1.019803902718557</v>
      </c>
      <c r="RIV7" s="9">
        <f t="shared" si="194"/>
        <v>1.019803902718557</v>
      </c>
      <c r="RIW7" s="9">
        <f t="shared" si="194"/>
        <v>1.019803902718557</v>
      </c>
      <c r="RIX7" s="9">
        <f t="shared" ref="RIX7:RLI7" si="195">1/((1+$F$6) ^(RIX3-$F$7))</f>
        <v>1.019803902718557</v>
      </c>
      <c r="RIY7" s="9">
        <f t="shared" si="195"/>
        <v>1.019803902718557</v>
      </c>
      <c r="RIZ7" s="9">
        <f t="shared" si="195"/>
        <v>1.019803902718557</v>
      </c>
      <c r="RJA7" s="9">
        <f t="shared" si="195"/>
        <v>1.019803902718557</v>
      </c>
      <c r="RJB7" s="9">
        <f t="shared" si="195"/>
        <v>1.019803902718557</v>
      </c>
      <c r="RJC7" s="9">
        <f t="shared" si="195"/>
        <v>1.019803902718557</v>
      </c>
      <c r="RJD7" s="9">
        <f t="shared" si="195"/>
        <v>1.019803902718557</v>
      </c>
      <c r="RJE7" s="9">
        <f t="shared" si="195"/>
        <v>1.019803902718557</v>
      </c>
      <c r="RJF7" s="9">
        <f t="shared" si="195"/>
        <v>1.019803902718557</v>
      </c>
      <c r="RJG7" s="9">
        <f t="shared" si="195"/>
        <v>1.019803902718557</v>
      </c>
      <c r="RJH7" s="9">
        <f t="shared" si="195"/>
        <v>1.019803902718557</v>
      </c>
      <c r="RJI7" s="9">
        <f t="shared" si="195"/>
        <v>1.019803902718557</v>
      </c>
      <c r="RJJ7" s="9">
        <f t="shared" si="195"/>
        <v>1.019803902718557</v>
      </c>
      <c r="RJK7" s="9">
        <f t="shared" si="195"/>
        <v>1.019803902718557</v>
      </c>
      <c r="RJL7" s="9">
        <f t="shared" si="195"/>
        <v>1.019803902718557</v>
      </c>
      <c r="RJM7" s="9">
        <f t="shared" si="195"/>
        <v>1.019803902718557</v>
      </c>
      <c r="RJN7" s="9">
        <f t="shared" si="195"/>
        <v>1.019803902718557</v>
      </c>
      <c r="RJO7" s="9">
        <f t="shared" si="195"/>
        <v>1.019803902718557</v>
      </c>
      <c r="RJP7" s="9">
        <f t="shared" si="195"/>
        <v>1.019803902718557</v>
      </c>
      <c r="RJQ7" s="9">
        <f t="shared" si="195"/>
        <v>1.019803902718557</v>
      </c>
      <c r="RJR7" s="9">
        <f t="shared" si="195"/>
        <v>1.019803902718557</v>
      </c>
      <c r="RJS7" s="9">
        <f t="shared" si="195"/>
        <v>1.019803902718557</v>
      </c>
      <c r="RJT7" s="9">
        <f t="shared" si="195"/>
        <v>1.019803902718557</v>
      </c>
      <c r="RJU7" s="9">
        <f t="shared" si="195"/>
        <v>1.019803902718557</v>
      </c>
      <c r="RJV7" s="9">
        <f t="shared" si="195"/>
        <v>1.019803902718557</v>
      </c>
      <c r="RJW7" s="9">
        <f t="shared" si="195"/>
        <v>1.019803902718557</v>
      </c>
      <c r="RJX7" s="9">
        <f t="shared" si="195"/>
        <v>1.019803902718557</v>
      </c>
      <c r="RJY7" s="9">
        <f t="shared" si="195"/>
        <v>1.019803902718557</v>
      </c>
      <c r="RJZ7" s="9">
        <f t="shared" si="195"/>
        <v>1.019803902718557</v>
      </c>
      <c r="RKA7" s="9">
        <f t="shared" si="195"/>
        <v>1.019803902718557</v>
      </c>
      <c r="RKB7" s="9">
        <f t="shared" si="195"/>
        <v>1.019803902718557</v>
      </c>
      <c r="RKC7" s="9">
        <f t="shared" si="195"/>
        <v>1.019803902718557</v>
      </c>
      <c r="RKD7" s="9">
        <f t="shared" si="195"/>
        <v>1.019803902718557</v>
      </c>
      <c r="RKE7" s="9">
        <f t="shared" si="195"/>
        <v>1.019803902718557</v>
      </c>
      <c r="RKF7" s="9">
        <f t="shared" si="195"/>
        <v>1.019803902718557</v>
      </c>
      <c r="RKG7" s="9">
        <f t="shared" si="195"/>
        <v>1.019803902718557</v>
      </c>
      <c r="RKH7" s="9">
        <f t="shared" si="195"/>
        <v>1.019803902718557</v>
      </c>
      <c r="RKI7" s="9">
        <f t="shared" si="195"/>
        <v>1.019803902718557</v>
      </c>
      <c r="RKJ7" s="9">
        <f t="shared" si="195"/>
        <v>1.019803902718557</v>
      </c>
      <c r="RKK7" s="9">
        <f t="shared" si="195"/>
        <v>1.019803902718557</v>
      </c>
      <c r="RKL7" s="9">
        <f t="shared" si="195"/>
        <v>1.019803902718557</v>
      </c>
      <c r="RKM7" s="9">
        <f t="shared" si="195"/>
        <v>1.019803902718557</v>
      </c>
      <c r="RKN7" s="9">
        <f t="shared" si="195"/>
        <v>1.019803902718557</v>
      </c>
      <c r="RKO7" s="9">
        <f t="shared" si="195"/>
        <v>1.019803902718557</v>
      </c>
      <c r="RKP7" s="9">
        <f t="shared" si="195"/>
        <v>1.019803902718557</v>
      </c>
      <c r="RKQ7" s="9">
        <f t="shared" si="195"/>
        <v>1.019803902718557</v>
      </c>
      <c r="RKR7" s="9">
        <f t="shared" si="195"/>
        <v>1.019803902718557</v>
      </c>
      <c r="RKS7" s="9">
        <f t="shared" si="195"/>
        <v>1.019803902718557</v>
      </c>
      <c r="RKT7" s="9">
        <f t="shared" si="195"/>
        <v>1.019803902718557</v>
      </c>
      <c r="RKU7" s="9">
        <f t="shared" si="195"/>
        <v>1.019803902718557</v>
      </c>
      <c r="RKV7" s="9">
        <f t="shared" si="195"/>
        <v>1.019803902718557</v>
      </c>
      <c r="RKW7" s="9">
        <f t="shared" si="195"/>
        <v>1.019803902718557</v>
      </c>
      <c r="RKX7" s="9">
        <f t="shared" si="195"/>
        <v>1.019803902718557</v>
      </c>
      <c r="RKY7" s="9">
        <f t="shared" si="195"/>
        <v>1.019803902718557</v>
      </c>
      <c r="RKZ7" s="9">
        <f t="shared" si="195"/>
        <v>1.019803902718557</v>
      </c>
      <c r="RLA7" s="9">
        <f t="shared" si="195"/>
        <v>1.019803902718557</v>
      </c>
      <c r="RLB7" s="9">
        <f t="shared" si="195"/>
        <v>1.019803902718557</v>
      </c>
      <c r="RLC7" s="9">
        <f t="shared" si="195"/>
        <v>1.019803902718557</v>
      </c>
      <c r="RLD7" s="9">
        <f t="shared" si="195"/>
        <v>1.019803902718557</v>
      </c>
      <c r="RLE7" s="9">
        <f t="shared" si="195"/>
        <v>1.019803902718557</v>
      </c>
      <c r="RLF7" s="9">
        <f t="shared" si="195"/>
        <v>1.019803902718557</v>
      </c>
      <c r="RLG7" s="9">
        <f t="shared" si="195"/>
        <v>1.019803902718557</v>
      </c>
      <c r="RLH7" s="9">
        <f t="shared" si="195"/>
        <v>1.019803902718557</v>
      </c>
      <c r="RLI7" s="9">
        <f t="shared" si="195"/>
        <v>1.019803902718557</v>
      </c>
      <c r="RLJ7" s="9">
        <f t="shared" ref="RLJ7:RNU7" si="196">1/((1+$F$6) ^(RLJ3-$F$7))</f>
        <v>1.019803902718557</v>
      </c>
      <c r="RLK7" s="9">
        <f t="shared" si="196"/>
        <v>1.019803902718557</v>
      </c>
      <c r="RLL7" s="9">
        <f t="shared" si="196"/>
        <v>1.019803902718557</v>
      </c>
      <c r="RLM7" s="9">
        <f t="shared" si="196"/>
        <v>1.019803902718557</v>
      </c>
      <c r="RLN7" s="9">
        <f t="shared" si="196"/>
        <v>1.019803902718557</v>
      </c>
      <c r="RLO7" s="9">
        <f t="shared" si="196"/>
        <v>1.019803902718557</v>
      </c>
      <c r="RLP7" s="9">
        <f t="shared" si="196"/>
        <v>1.019803902718557</v>
      </c>
      <c r="RLQ7" s="9">
        <f t="shared" si="196"/>
        <v>1.019803902718557</v>
      </c>
      <c r="RLR7" s="9">
        <f t="shared" si="196"/>
        <v>1.019803902718557</v>
      </c>
      <c r="RLS7" s="9">
        <f t="shared" si="196"/>
        <v>1.019803902718557</v>
      </c>
      <c r="RLT7" s="9">
        <f t="shared" si="196"/>
        <v>1.019803902718557</v>
      </c>
      <c r="RLU7" s="9">
        <f t="shared" si="196"/>
        <v>1.019803902718557</v>
      </c>
      <c r="RLV7" s="9">
        <f t="shared" si="196"/>
        <v>1.019803902718557</v>
      </c>
      <c r="RLW7" s="9">
        <f t="shared" si="196"/>
        <v>1.019803902718557</v>
      </c>
      <c r="RLX7" s="9">
        <f t="shared" si="196"/>
        <v>1.019803902718557</v>
      </c>
      <c r="RLY7" s="9">
        <f t="shared" si="196"/>
        <v>1.019803902718557</v>
      </c>
      <c r="RLZ7" s="9">
        <f t="shared" si="196"/>
        <v>1.019803902718557</v>
      </c>
      <c r="RMA7" s="9">
        <f t="shared" si="196"/>
        <v>1.019803902718557</v>
      </c>
      <c r="RMB7" s="9">
        <f t="shared" si="196"/>
        <v>1.019803902718557</v>
      </c>
      <c r="RMC7" s="9">
        <f t="shared" si="196"/>
        <v>1.019803902718557</v>
      </c>
      <c r="RMD7" s="9">
        <f t="shared" si="196"/>
        <v>1.019803902718557</v>
      </c>
      <c r="RME7" s="9">
        <f t="shared" si="196"/>
        <v>1.019803902718557</v>
      </c>
      <c r="RMF7" s="9">
        <f t="shared" si="196"/>
        <v>1.019803902718557</v>
      </c>
      <c r="RMG7" s="9">
        <f t="shared" si="196"/>
        <v>1.019803902718557</v>
      </c>
      <c r="RMH7" s="9">
        <f t="shared" si="196"/>
        <v>1.019803902718557</v>
      </c>
      <c r="RMI7" s="9">
        <f t="shared" si="196"/>
        <v>1.019803902718557</v>
      </c>
      <c r="RMJ7" s="9">
        <f t="shared" si="196"/>
        <v>1.019803902718557</v>
      </c>
      <c r="RMK7" s="9">
        <f t="shared" si="196"/>
        <v>1.019803902718557</v>
      </c>
      <c r="RML7" s="9">
        <f t="shared" si="196"/>
        <v>1.019803902718557</v>
      </c>
      <c r="RMM7" s="9">
        <f t="shared" si="196"/>
        <v>1.019803902718557</v>
      </c>
      <c r="RMN7" s="9">
        <f t="shared" si="196"/>
        <v>1.019803902718557</v>
      </c>
      <c r="RMO7" s="9">
        <f t="shared" si="196"/>
        <v>1.019803902718557</v>
      </c>
      <c r="RMP7" s="9">
        <f t="shared" si="196"/>
        <v>1.019803902718557</v>
      </c>
      <c r="RMQ7" s="9">
        <f t="shared" si="196"/>
        <v>1.019803902718557</v>
      </c>
      <c r="RMR7" s="9">
        <f t="shared" si="196"/>
        <v>1.019803902718557</v>
      </c>
      <c r="RMS7" s="9">
        <f t="shared" si="196"/>
        <v>1.019803902718557</v>
      </c>
      <c r="RMT7" s="9">
        <f t="shared" si="196"/>
        <v>1.019803902718557</v>
      </c>
      <c r="RMU7" s="9">
        <f t="shared" si="196"/>
        <v>1.019803902718557</v>
      </c>
      <c r="RMV7" s="9">
        <f t="shared" si="196"/>
        <v>1.019803902718557</v>
      </c>
      <c r="RMW7" s="9">
        <f t="shared" si="196"/>
        <v>1.019803902718557</v>
      </c>
      <c r="RMX7" s="9">
        <f t="shared" si="196"/>
        <v>1.019803902718557</v>
      </c>
      <c r="RMY7" s="9">
        <f t="shared" si="196"/>
        <v>1.019803902718557</v>
      </c>
      <c r="RMZ7" s="9">
        <f t="shared" si="196"/>
        <v>1.019803902718557</v>
      </c>
      <c r="RNA7" s="9">
        <f t="shared" si="196"/>
        <v>1.019803902718557</v>
      </c>
      <c r="RNB7" s="9">
        <f t="shared" si="196"/>
        <v>1.019803902718557</v>
      </c>
      <c r="RNC7" s="9">
        <f t="shared" si="196"/>
        <v>1.019803902718557</v>
      </c>
      <c r="RND7" s="9">
        <f t="shared" si="196"/>
        <v>1.019803902718557</v>
      </c>
      <c r="RNE7" s="9">
        <f t="shared" si="196"/>
        <v>1.019803902718557</v>
      </c>
      <c r="RNF7" s="9">
        <f t="shared" si="196"/>
        <v>1.019803902718557</v>
      </c>
      <c r="RNG7" s="9">
        <f t="shared" si="196"/>
        <v>1.019803902718557</v>
      </c>
      <c r="RNH7" s="9">
        <f t="shared" si="196"/>
        <v>1.019803902718557</v>
      </c>
      <c r="RNI7" s="9">
        <f t="shared" si="196"/>
        <v>1.019803902718557</v>
      </c>
      <c r="RNJ7" s="9">
        <f t="shared" si="196"/>
        <v>1.019803902718557</v>
      </c>
      <c r="RNK7" s="9">
        <f t="shared" si="196"/>
        <v>1.019803902718557</v>
      </c>
      <c r="RNL7" s="9">
        <f t="shared" si="196"/>
        <v>1.019803902718557</v>
      </c>
      <c r="RNM7" s="9">
        <f t="shared" si="196"/>
        <v>1.019803902718557</v>
      </c>
      <c r="RNN7" s="9">
        <f t="shared" si="196"/>
        <v>1.019803902718557</v>
      </c>
      <c r="RNO7" s="9">
        <f t="shared" si="196"/>
        <v>1.019803902718557</v>
      </c>
      <c r="RNP7" s="9">
        <f t="shared" si="196"/>
        <v>1.019803902718557</v>
      </c>
      <c r="RNQ7" s="9">
        <f t="shared" si="196"/>
        <v>1.019803902718557</v>
      </c>
      <c r="RNR7" s="9">
        <f t="shared" si="196"/>
        <v>1.019803902718557</v>
      </c>
      <c r="RNS7" s="9">
        <f t="shared" si="196"/>
        <v>1.019803902718557</v>
      </c>
      <c r="RNT7" s="9">
        <f t="shared" si="196"/>
        <v>1.019803902718557</v>
      </c>
      <c r="RNU7" s="9">
        <f t="shared" si="196"/>
        <v>1.019803902718557</v>
      </c>
      <c r="RNV7" s="9">
        <f t="shared" ref="RNV7:RQG7" si="197">1/((1+$F$6) ^(RNV3-$F$7))</f>
        <v>1.019803902718557</v>
      </c>
      <c r="RNW7" s="9">
        <f t="shared" si="197"/>
        <v>1.019803902718557</v>
      </c>
      <c r="RNX7" s="9">
        <f t="shared" si="197"/>
        <v>1.019803902718557</v>
      </c>
      <c r="RNY7" s="9">
        <f t="shared" si="197"/>
        <v>1.019803902718557</v>
      </c>
      <c r="RNZ7" s="9">
        <f t="shared" si="197"/>
        <v>1.019803902718557</v>
      </c>
      <c r="ROA7" s="9">
        <f t="shared" si="197"/>
        <v>1.019803902718557</v>
      </c>
      <c r="ROB7" s="9">
        <f t="shared" si="197"/>
        <v>1.019803902718557</v>
      </c>
      <c r="ROC7" s="9">
        <f t="shared" si="197"/>
        <v>1.019803902718557</v>
      </c>
      <c r="ROD7" s="9">
        <f t="shared" si="197"/>
        <v>1.019803902718557</v>
      </c>
      <c r="ROE7" s="9">
        <f t="shared" si="197"/>
        <v>1.019803902718557</v>
      </c>
      <c r="ROF7" s="9">
        <f t="shared" si="197"/>
        <v>1.019803902718557</v>
      </c>
      <c r="ROG7" s="9">
        <f t="shared" si="197"/>
        <v>1.019803902718557</v>
      </c>
      <c r="ROH7" s="9">
        <f t="shared" si="197"/>
        <v>1.019803902718557</v>
      </c>
      <c r="ROI7" s="9">
        <f t="shared" si="197"/>
        <v>1.019803902718557</v>
      </c>
      <c r="ROJ7" s="9">
        <f t="shared" si="197"/>
        <v>1.019803902718557</v>
      </c>
      <c r="ROK7" s="9">
        <f t="shared" si="197"/>
        <v>1.019803902718557</v>
      </c>
      <c r="ROL7" s="9">
        <f t="shared" si="197"/>
        <v>1.019803902718557</v>
      </c>
      <c r="ROM7" s="9">
        <f t="shared" si="197"/>
        <v>1.019803902718557</v>
      </c>
      <c r="RON7" s="9">
        <f t="shared" si="197"/>
        <v>1.019803902718557</v>
      </c>
      <c r="ROO7" s="9">
        <f t="shared" si="197"/>
        <v>1.019803902718557</v>
      </c>
      <c r="ROP7" s="9">
        <f t="shared" si="197"/>
        <v>1.019803902718557</v>
      </c>
      <c r="ROQ7" s="9">
        <f t="shared" si="197"/>
        <v>1.019803902718557</v>
      </c>
      <c r="ROR7" s="9">
        <f t="shared" si="197"/>
        <v>1.019803902718557</v>
      </c>
      <c r="ROS7" s="9">
        <f t="shared" si="197"/>
        <v>1.019803902718557</v>
      </c>
      <c r="ROT7" s="9">
        <f t="shared" si="197"/>
        <v>1.019803902718557</v>
      </c>
      <c r="ROU7" s="9">
        <f t="shared" si="197"/>
        <v>1.019803902718557</v>
      </c>
      <c r="ROV7" s="9">
        <f t="shared" si="197"/>
        <v>1.019803902718557</v>
      </c>
      <c r="ROW7" s="9">
        <f t="shared" si="197"/>
        <v>1.019803902718557</v>
      </c>
      <c r="ROX7" s="9">
        <f t="shared" si="197"/>
        <v>1.019803902718557</v>
      </c>
      <c r="ROY7" s="9">
        <f t="shared" si="197"/>
        <v>1.019803902718557</v>
      </c>
      <c r="ROZ7" s="9">
        <f t="shared" si="197"/>
        <v>1.019803902718557</v>
      </c>
      <c r="RPA7" s="9">
        <f t="shared" si="197"/>
        <v>1.019803902718557</v>
      </c>
      <c r="RPB7" s="9">
        <f t="shared" si="197"/>
        <v>1.019803902718557</v>
      </c>
      <c r="RPC7" s="9">
        <f t="shared" si="197"/>
        <v>1.019803902718557</v>
      </c>
      <c r="RPD7" s="9">
        <f t="shared" si="197"/>
        <v>1.019803902718557</v>
      </c>
      <c r="RPE7" s="9">
        <f t="shared" si="197"/>
        <v>1.019803902718557</v>
      </c>
      <c r="RPF7" s="9">
        <f t="shared" si="197"/>
        <v>1.019803902718557</v>
      </c>
      <c r="RPG7" s="9">
        <f t="shared" si="197"/>
        <v>1.019803902718557</v>
      </c>
      <c r="RPH7" s="9">
        <f t="shared" si="197"/>
        <v>1.019803902718557</v>
      </c>
      <c r="RPI7" s="9">
        <f t="shared" si="197"/>
        <v>1.019803902718557</v>
      </c>
      <c r="RPJ7" s="9">
        <f t="shared" si="197"/>
        <v>1.019803902718557</v>
      </c>
      <c r="RPK7" s="9">
        <f t="shared" si="197"/>
        <v>1.019803902718557</v>
      </c>
      <c r="RPL7" s="9">
        <f t="shared" si="197"/>
        <v>1.019803902718557</v>
      </c>
      <c r="RPM7" s="9">
        <f t="shared" si="197"/>
        <v>1.019803902718557</v>
      </c>
      <c r="RPN7" s="9">
        <f t="shared" si="197"/>
        <v>1.019803902718557</v>
      </c>
      <c r="RPO7" s="9">
        <f t="shared" si="197"/>
        <v>1.019803902718557</v>
      </c>
      <c r="RPP7" s="9">
        <f t="shared" si="197"/>
        <v>1.019803902718557</v>
      </c>
      <c r="RPQ7" s="9">
        <f t="shared" si="197"/>
        <v>1.019803902718557</v>
      </c>
      <c r="RPR7" s="9">
        <f t="shared" si="197"/>
        <v>1.019803902718557</v>
      </c>
      <c r="RPS7" s="9">
        <f t="shared" si="197"/>
        <v>1.019803902718557</v>
      </c>
      <c r="RPT7" s="9">
        <f t="shared" si="197"/>
        <v>1.019803902718557</v>
      </c>
      <c r="RPU7" s="9">
        <f t="shared" si="197"/>
        <v>1.019803902718557</v>
      </c>
      <c r="RPV7" s="9">
        <f t="shared" si="197"/>
        <v>1.019803902718557</v>
      </c>
      <c r="RPW7" s="9">
        <f t="shared" si="197"/>
        <v>1.019803902718557</v>
      </c>
      <c r="RPX7" s="9">
        <f t="shared" si="197"/>
        <v>1.019803902718557</v>
      </c>
      <c r="RPY7" s="9">
        <f t="shared" si="197"/>
        <v>1.019803902718557</v>
      </c>
      <c r="RPZ7" s="9">
        <f t="shared" si="197"/>
        <v>1.019803902718557</v>
      </c>
      <c r="RQA7" s="9">
        <f t="shared" si="197"/>
        <v>1.019803902718557</v>
      </c>
      <c r="RQB7" s="9">
        <f t="shared" si="197"/>
        <v>1.019803902718557</v>
      </c>
      <c r="RQC7" s="9">
        <f t="shared" si="197"/>
        <v>1.019803902718557</v>
      </c>
      <c r="RQD7" s="9">
        <f t="shared" si="197"/>
        <v>1.019803902718557</v>
      </c>
      <c r="RQE7" s="9">
        <f t="shared" si="197"/>
        <v>1.019803902718557</v>
      </c>
      <c r="RQF7" s="9">
        <f t="shared" si="197"/>
        <v>1.019803902718557</v>
      </c>
      <c r="RQG7" s="9">
        <f t="shared" si="197"/>
        <v>1.019803902718557</v>
      </c>
      <c r="RQH7" s="9">
        <f t="shared" ref="RQH7:RSS7" si="198">1/((1+$F$6) ^(RQH3-$F$7))</f>
        <v>1.019803902718557</v>
      </c>
      <c r="RQI7" s="9">
        <f t="shared" si="198"/>
        <v>1.019803902718557</v>
      </c>
      <c r="RQJ7" s="9">
        <f t="shared" si="198"/>
        <v>1.019803902718557</v>
      </c>
      <c r="RQK7" s="9">
        <f t="shared" si="198"/>
        <v>1.019803902718557</v>
      </c>
      <c r="RQL7" s="9">
        <f t="shared" si="198"/>
        <v>1.019803902718557</v>
      </c>
      <c r="RQM7" s="9">
        <f t="shared" si="198"/>
        <v>1.019803902718557</v>
      </c>
      <c r="RQN7" s="9">
        <f t="shared" si="198"/>
        <v>1.019803902718557</v>
      </c>
      <c r="RQO7" s="9">
        <f t="shared" si="198"/>
        <v>1.019803902718557</v>
      </c>
      <c r="RQP7" s="9">
        <f t="shared" si="198"/>
        <v>1.019803902718557</v>
      </c>
      <c r="RQQ7" s="9">
        <f t="shared" si="198"/>
        <v>1.019803902718557</v>
      </c>
      <c r="RQR7" s="9">
        <f t="shared" si="198"/>
        <v>1.019803902718557</v>
      </c>
      <c r="RQS7" s="9">
        <f t="shared" si="198"/>
        <v>1.019803902718557</v>
      </c>
      <c r="RQT7" s="9">
        <f t="shared" si="198"/>
        <v>1.019803902718557</v>
      </c>
      <c r="RQU7" s="9">
        <f t="shared" si="198"/>
        <v>1.019803902718557</v>
      </c>
      <c r="RQV7" s="9">
        <f t="shared" si="198"/>
        <v>1.019803902718557</v>
      </c>
      <c r="RQW7" s="9">
        <f t="shared" si="198"/>
        <v>1.019803902718557</v>
      </c>
      <c r="RQX7" s="9">
        <f t="shared" si="198"/>
        <v>1.019803902718557</v>
      </c>
      <c r="RQY7" s="9">
        <f t="shared" si="198"/>
        <v>1.019803902718557</v>
      </c>
      <c r="RQZ7" s="9">
        <f t="shared" si="198"/>
        <v>1.019803902718557</v>
      </c>
      <c r="RRA7" s="9">
        <f t="shared" si="198"/>
        <v>1.019803902718557</v>
      </c>
      <c r="RRB7" s="9">
        <f t="shared" si="198"/>
        <v>1.019803902718557</v>
      </c>
      <c r="RRC7" s="9">
        <f t="shared" si="198"/>
        <v>1.019803902718557</v>
      </c>
      <c r="RRD7" s="9">
        <f t="shared" si="198"/>
        <v>1.019803902718557</v>
      </c>
      <c r="RRE7" s="9">
        <f t="shared" si="198"/>
        <v>1.019803902718557</v>
      </c>
      <c r="RRF7" s="9">
        <f t="shared" si="198"/>
        <v>1.019803902718557</v>
      </c>
      <c r="RRG7" s="9">
        <f t="shared" si="198"/>
        <v>1.019803902718557</v>
      </c>
      <c r="RRH7" s="9">
        <f t="shared" si="198"/>
        <v>1.019803902718557</v>
      </c>
      <c r="RRI7" s="9">
        <f t="shared" si="198"/>
        <v>1.019803902718557</v>
      </c>
      <c r="RRJ7" s="9">
        <f t="shared" si="198"/>
        <v>1.019803902718557</v>
      </c>
      <c r="RRK7" s="9">
        <f t="shared" si="198"/>
        <v>1.019803902718557</v>
      </c>
      <c r="RRL7" s="9">
        <f t="shared" si="198"/>
        <v>1.019803902718557</v>
      </c>
      <c r="RRM7" s="9">
        <f t="shared" si="198"/>
        <v>1.019803902718557</v>
      </c>
      <c r="RRN7" s="9">
        <f t="shared" si="198"/>
        <v>1.019803902718557</v>
      </c>
      <c r="RRO7" s="9">
        <f t="shared" si="198"/>
        <v>1.019803902718557</v>
      </c>
      <c r="RRP7" s="9">
        <f t="shared" si="198"/>
        <v>1.019803902718557</v>
      </c>
      <c r="RRQ7" s="9">
        <f t="shared" si="198"/>
        <v>1.019803902718557</v>
      </c>
      <c r="RRR7" s="9">
        <f t="shared" si="198"/>
        <v>1.019803902718557</v>
      </c>
      <c r="RRS7" s="9">
        <f t="shared" si="198"/>
        <v>1.019803902718557</v>
      </c>
      <c r="RRT7" s="9">
        <f t="shared" si="198"/>
        <v>1.019803902718557</v>
      </c>
      <c r="RRU7" s="9">
        <f t="shared" si="198"/>
        <v>1.019803902718557</v>
      </c>
      <c r="RRV7" s="9">
        <f t="shared" si="198"/>
        <v>1.019803902718557</v>
      </c>
      <c r="RRW7" s="9">
        <f t="shared" si="198"/>
        <v>1.019803902718557</v>
      </c>
      <c r="RRX7" s="9">
        <f t="shared" si="198"/>
        <v>1.019803902718557</v>
      </c>
      <c r="RRY7" s="9">
        <f t="shared" si="198"/>
        <v>1.019803902718557</v>
      </c>
      <c r="RRZ7" s="9">
        <f t="shared" si="198"/>
        <v>1.019803902718557</v>
      </c>
      <c r="RSA7" s="9">
        <f t="shared" si="198"/>
        <v>1.019803902718557</v>
      </c>
      <c r="RSB7" s="9">
        <f t="shared" si="198"/>
        <v>1.019803902718557</v>
      </c>
      <c r="RSC7" s="9">
        <f t="shared" si="198"/>
        <v>1.019803902718557</v>
      </c>
      <c r="RSD7" s="9">
        <f t="shared" si="198"/>
        <v>1.019803902718557</v>
      </c>
      <c r="RSE7" s="9">
        <f t="shared" si="198"/>
        <v>1.019803902718557</v>
      </c>
      <c r="RSF7" s="9">
        <f t="shared" si="198"/>
        <v>1.019803902718557</v>
      </c>
      <c r="RSG7" s="9">
        <f t="shared" si="198"/>
        <v>1.019803902718557</v>
      </c>
      <c r="RSH7" s="9">
        <f t="shared" si="198"/>
        <v>1.019803902718557</v>
      </c>
      <c r="RSI7" s="9">
        <f t="shared" si="198"/>
        <v>1.019803902718557</v>
      </c>
      <c r="RSJ7" s="9">
        <f t="shared" si="198"/>
        <v>1.019803902718557</v>
      </c>
      <c r="RSK7" s="9">
        <f t="shared" si="198"/>
        <v>1.019803902718557</v>
      </c>
      <c r="RSL7" s="9">
        <f t="shared" si="198"/>
        <v>1.019803902718557</v>
      </c>
      <c r="RSM7" s="9">
        <f t="shared" si="198"/>
        <v>1.019803902718557</v>
      </c>
      <c r="RSN7" s="9">
        <f t="shared" si="198"/>
        <v>1.019803902718557</v>
      </c>
      <c r="RSO7" s="9">
        <f t="shared" si="198"/>
        <v>1.019803902718557</v>
      </c>
      <c r="RSP7" s="9">
        <f t="shared" si="198"/>
        <v>1.019803902718557</v>
      </c>
      <c r="RSQ7" s="9">
        <f t="shared" si="198"/>
        <v>1.019803902718557</v>
      </c>
      <c r="RSR7" s="9">
        <f t="shared" si="198"/>
        <v>1.019803902718557</v>
      </c>
      <c r="RSS7" s="9">
        <f t="shared" si="198"/>
        <v>1.019803902718557</v>
      </c>
      <c r="RST7" s="9">
        <f t="shared" ref="RST7:RVE7" si="199">1/((1+$F$6) ^(RST3-$F$7))</f>
        <v>1.019803902718557</v>
      </c>
      <c r="RSU7" s="9">
        <f t="shared" si="199"/>
        <v>1.019803902718557</v>
      </c>
      <c r="RSV7" s="9">
        <f t="shared" si="199"/>
        <v>1.019803902718557</v>
      </c>
      <c r="RSW7" s="9">
        <f t="shared" si="199"/>
        <v>1.019803902718557</v>
      </c>
      <c r="RSX7" s="9">
        <f t="shared" si="199"/>
        <v>1.019803902718557</v>
      </c>
      <c r="RSY7" s="9">
        <f t="shared" si="199"/>
        <v>1.019803902718557</v>
      </c>
      <c r="RSZ7" s="9">
        <f t="shared" si="199"/>
        <v>1.019803902718557</v>
      </c>
      <c r="RTA7" s="9">
        <f t="shared" si="199"/>
        <v>1.019803902718557</v>
      </c>
      <c r="RTB7" s="9">
        <f t="shared" si="199"/>
        <v>1.019803902718557</v>
      </c>
      <c r="RTC7" s="9">
        <f t="shared" si="199"/>
        <v>1.019803902718557</v>
      </c>
      <c r="RTD7" s="9">
        <f t="shared" si="199"/>
        <v>1.019803902718557</v>
      </c>
      <c r="RTE7" s="9">
        <f t="shared" si="199"/>
        <v>1.019803902718557</v>
      </c>
      <c r="RTF7" s="9">
        <f t="shared" si="199"/>
        <v>1.019803902718557</v>
      </c>
      <c r="RTG7" s="9">
        <f t="shared" si="199"/>
        <v>1.019803902718557</v>
      </c>
      <c r="RTH7" s="9">
        <f t="shared" si="199"/>
        <v>1.019803902718557</v>
      </c>
      <c r="RTI7" s="9">
        <f t="shared" si="199"/>
        <v>1.019803902718557</v>
      </c>
      <c r="RTJ7" s="9">
        <f t="shared" si="199"/>
        <v>1.019803902718557</v>
      </c>
      <c r="RTK7" s="9">
        <f t="shared" si="199"/>
        <v>1.019803902718557</v>
      </c>
      <c r="RTL7" s="9">
        <f t="shared" si="199"/>
        <v>1.019803902718557</v>
      </c>
      <c r="RTM7" s="9">
        <f t="shared" si="199"/>
        <v>1.019803902718557</v>
      </c>
      <c r="RTN7" s="9">
        <f t="shared" si="199"/>
        <v>1.019803902718557</v>
      </c>
      <c r="RTO7" s="9">
        <f t="shared" si="199"/>
        <v>1.019803902718557</v>
      </c>
      <c r="RTP7" s="9">
        <f t="shared" si="199"/>
        <v>1.019803902718557</v>
      </c>
      <c r="RTQ7" s="9">
        <f t="shared" si="199"/>
        <v>1.019803902718557</v>
      </c>
      <c r="RTR7" s="9">
        <f t="shared" si="199"/>
        <v>1.019803902718557</v>
      </c>
      <c r="RTS7" s="9">
        <f t="shared" si="199"/>
        <v>1.019803902718557</v>
      </c>
      <c r="RTT7" s="9">
        <f t="shared" si="199"/>
        <v>1.019803902718557</v>
      </c>
      <c r="RTU7" s="9">
        <f t="shared" si="199"/>
        <v>1.019803902718557</v>
      </c>
      <c r="RTV7" s="9">
        <f t="shared" si="199"/>
        <v>1.019803902718557</v>
      </c>
      <c r="RTW7" s="9">
        <f t="shared" si="199"/>
        <v>1.019803902718557</v>
      </c>
      <c r="RTX7" s="9">
        <f t="shared" si="199"/>
        <v>1.019803902718557</v>
      </c>
      <c r="RTY7" s="9">
        <f t="shared" si="199"/>
        <v>1.019803902718557</v>
      </c>
      <c r="RTZ7" s="9">
        <f t="shared" si="199"/>
        <v>1.019803902718557</v>
      </c>
      <c r="RUA7" s="9">
        <f t="shared" si="199"/>
        <v>1.019803902718557</v>
      </c>
      <c r="RUB7" s="9">
        <f t="shared" si="199"/>
        <v>1.019803902718557</v>
      </c>
      <c r="RUC7" s="9">
        <f t="shared" si="199"/>
        <v>1.019803902718557</v>
      </c>
      <c r="RUD7" s="9">
        <f t="shared" si="199"/>
        <v>1.019803902718557</v>
      </c>
      <c r="RUE7" s="9">
        <f t="shared" si="199"/>
        <v>1.019803902718557</v>
      </c>
      <c r="RUF7" s="9">
        <f t="shared" si="199"/>
        <v>1.019803902718557</v>
      </c>
      <c r="RUG7" s="9">
        <f t="shared" si="199"/>
        <v>1.019803902718557</v>
      </c>
      <c r="RUH7" s="9">
        <f t="shared" si="199"/>
        <v>1.019803902718557</v>
      </c>
      <c r="RUI7" s="9">
        <f t="shared" si="199"/>
        <v>1.019803902718557</v>
      </c>
      <c r="RUJ7" s="9">
        <f t="shared" si="199"/>
        <v>1.019803902718557</v>
      </c>
      <c r="RUK7" s="9">
        <f t="shared" si="199"/>
        <v>1.019803902718557</v>
      </c>
      <c r="RUL7" s="9">
        <f t="shared" si="199"/>
        <v>1.019803902718557</v>
      </c>
      <c r="RUM7" s="9">
        <f t="shared" si="199"/>
        <v>1.019803902718557</v>
      </c>
      <c r="RUN7" s="9">
        <f t="shared" si="199"/>
        <v>1.019803902718557</v>
      </c>
      <c r="RUO7" s="9">
        <f t="shared" si="199"/>
        <v>1.019803902718557</v>
      </c>
      <c r="RUP7" s="9">
        <f t="shared" si="199"/>
        <v>1.019803902718557</v>
      </c>
      <c r="RUQ7" s="9">
        <f t="shared" si="199"/>
        <v>1.019803902718557</v>
      </c>
      <c r="RUR7" s="9">
        <f t="shared" si="199"/>
        <v>1.019803902718557</v>
      </c>
      <c r="RUS7" s="9">
        <f t="shared" si="199"/>
        <v>1.019803902718557</v>
      </c>
      <c r="RUT7" s="9">
        <f t="shared" si="199"/>
        <v>1.019803902718557</v>
      </c>
      <c r="RUU7" s="9">
        <f t="shared" si="199"/>
        <v>1.019803902718557</v>
      </c>
      <c r="RUV7" s="9">
        <f t="shared" si="199"/>
        <v>1.019803902718557</v>
      </c>
      <c r="RUW7" s="9">
        <f t="shared" si="199"/>
        <v>1.019803902718557</v>
      </c>
      <c r="RUX7" s="9">
        <f t="shared" si="199"/>
        <v>1.019803902718557</v>
      </c>
      <c r="RUY7" s="9">
        <f t="shared" si="199"/>
        <v>1.019803902718557</v>
      </c>
      <c r="RUZ7" s="9">
        <f t="shared" si="199"/>
        <v>1.019803902718557</v>
      </c>
      <c r="RVA7" s="9">
        <f t="shared" si="199"/>
        <v>1.019803902718557</v>
      </c>
      <c r="RVB7" s="9">
        <f t="shared" si="199"/>
        <v>1.019803902718557</v>
      </c>
      <c r="RVC7" s="9">
        <f t="shared" si="199"/>
        <v>1.019803902718557</v>
      </c>
      <c r="RVD7" s="9">
        <f t="shared" si="199"/>
        <v>1.019803902718557</v>
      </c>
      <c r="RVE7" s="9">
        <f t="shared" si="199"/>
        <v>1.019803902718557</v>
      </c>
      <c r="RVF7" s="9">
        <f t="shared" ref="RVF7:RXQ7" si="200">1/((1+$F$6) ^(RVF3-$F$7))</f>
        <v>1.019803902718557</v>
      </c>
      <c r="RVG7" s="9">
        <f t="shared" si="200"/>
        <v>1.019803902718557</v>
      </c>
      <c r="RVH7" s="9">
        <f t="shared" si="200"/>
        <v>1.019803902718557</v>
      </c>
      <c r="RVI7" s="9">
        <f t="shared" si="200"/>
        <v>1.019803902718557</v>
      </c>
      <c r="RVJ7" s="9">
        <f t="shared" si="200"/>
        <v>1.019803902718557</v>
      </c>
      <c r="RVK7" s="9">
        <f t="shared" si="200"/>
        <v>1.019803902718557</v>
      </c>
      <c r="RVL7" s="9">
        <f t="shared" si="200"/>
        <v>1.019803902718557</v>
      </c>
      <c r="RVM7" s="9">
        <f t="shared" si="200"/>
        <v>1.019803902718557</v>
      </c>
      <c r="RVN7" s="9">
        <f t="shared" si="200"/>
        <v>1.019803902718557</v>
      </c>
      <c r="RVO7" s="9">
        <f t="shared" si="200"/>
        <v>1.019803902718557</v>
      </c>
      <c r="RVP7" s="9">
        <f t="shared" si="200"/>
        <v>1.019803902718557</v>
      </c>
      <c r="RVQ7" s="9">
        <f t="shared" si="200"/>
        <v>1.019803902718557</v>
      </c>
      <c r="RVR7" s="9">
        <f t="shared" si="200"/>
        <v>1.019803902718557</v>
      </c>
      <c r="RVS7" s="9">
        <f t="shared" si="200"/>
        <v>1.019803902718557</v>
      </c>
      <c r="RVT7" s="9">
        <f t="shared" si="200"/>
        <v>1.019803902718557</v>
      </c>
      <c r="RVU7" s="9">
        <f t="shared" si="200"/>
        <v>1.019803902718557</v>
      </c>
      <c r="RVV7" s="9">
        <f t="shared" si="200"/>
        <v>1.019803902718557</v>
      </c>
      <c r="RVW7" s="9">
        <f t="shared" si="200"/>
        <v>1.019803902718557</v>
      </c>
      <c r="RVX7" s="9">
        <f t="shared" si="200"/>
        <v>1.019803902718557</v>
      </c>
      <c r="RVY7" s="9">
        <f t="shared" si="200"/>
        <v>1.019803902718557</v>
      </c>
      <c r="RVZ7" s="9">
        <f t="shared" si="200"/>
        <v>1.019803902718557</v>
      </c>
      <c r="RWA7" s="9">
        <f t="shared" si="200"/>
        <v>1.019803902718557</v>
      </c>
      <c r="RWB7" s="9">
        <f t="shared" si="200"/>
        <v>1.019803902718557</v>
      </c>
      <c r="RWC7" s="9">
        <f t="shared" si="200"/>
        <v>1.019803902718557</v>
      </c>
      <c r="RWD7" s="9">
        <f t="shared" si="200"/>
        <v>1.019803902718557</v>
      </c>
      <c r="RWE7" s="9">
        <f t="shared" si="200"/>
        <v>1.019803902718557</v>
      </c>
      <c r="RWF7" s="9">
        <f t="shared" si="200"/>
        <v>1.019803902718557</v>
      </c>
      <c r="RWG7" s="9">
        <f t="shared" si="200"/>
        <v>1.019803902718557</v>
      </c>
      <c r="RWH7" s="9">
        <f t="shared" si="200"/>
        <v>1.019803902718557</v>
      </c>
      <c r="RWI7" s="9">
        <f t="shared" si="200"/>
        <v>1.019803902718557</v>
      </c>
      <c r="RWJ7" s="9">
        <f t="shared" si="200"/>
        <v>1.019803902718557</v>
      </c>
      <c r="RWK7" s="9">
        <f t="shared" si="200"/>
        <v>1.019803902718557</v>
      </c>
      <c r="RWL7" s="9">
        <f t="shared" si="200"/>
        <v>1.019803902718557</v>
      </c>
      <c r="RWM7" s="9">
        <f t="shared" si="200"/>
        <v>1.019803902718557</v>
      </c>
      <c r="RWN7" s="9">
        <f t="shared" si="200"/>
        <v>1.019803902718557</v>
      </c>
      <c r="RWO7" s="9">
        <f t="shared" si="200"/>
        <v>1.019803902718557</v>
      </c>
      <c r="RWP7" s="9">
        <f t="shared" si="200"/>
        <v>1.019803902718557</v>
      </c>
      <c r="RWQ7" s="9">
        <f t="shared" si="200"/>
        <v>1.019803902718557</v>
      </c>
      <c r="RWR7" s="9">
        <f t="shared" si="200"/>
        <v>1.019803902718557</v>
      </c>
      <c r="RWS7" s="9">
        <f t="shared" si="200"/>
        <v>1.019803902718557</v>
      </c>
      <c r="RWT7" s="9">
        <f t="shared" si="200"/>
        <v>1.019803902718557</v>
      </c>
      <c r="RWU7" s="9">
        <f t="shared" si="200"/>
        <v>1.019803902718557</v>
      </c>
      <c r="RWV7" s="9">
        <f t="shared" si="200"/>
        <v>1.019803902718557</v>
      </c>
      <c r="RWW7" s="9">
        <f t="shared" si="200"/>
        <v>1.019803902718557</v>
      </c>
      <c r="RWX7" s="9">
        <f t="shared" si="200"/>
        <v>1.019803902718557</v>
      </c>
      <c r="RWY7" s="9">
        <f t="shared" si="200"/>
        <v>1.019803902718557</v>
      </c>
      <c r="RWZ7" s="9">
        <f t="shared" si="200"/>
        <v>1.019803902718557</v>
      </c>
      <c r="RXA7" s="9">
        <f t="shared" si="200"/>
        <v>1.019803902718557</v>
      </c>
      <c r="RXB7" s="9">
        <f t="shared" si="200"/>
        <v>1.019803902718557</v>
      </c>
      <c r="RXC7" s="9">
        <f t="shared" si="200"/>
        <v>1.019803902718557</v>
      </c>
      <c r="RXD7" s="9">
        <f t="shared" si="200"/>
        <v>1.019803902718557</v>
      </c>
      <c r="RXE7" s="9">
        <f t="shared" si="200"/>
        <v>1.019803902718557</v>
      </c>
      <c r="RXF7" s="9">
        <f t="shared" si="200"/>
        <v>1.019803902718557</v>
      </c>
      <c r="RXG7" s="9">
        <f t="shared" si="200"/>
        <v>1.019803902718557</v>
      </c>
      <c r="RXH7" s="9">
        <f t="shared" si="200"/>
        <v>1.019803902718557</v>
      </c>
      <c r="RXI7" s="9">
        <f t="shared" si="200"/>
        <v>1.019803902718557</v>
      </c>
      <c r="RXJ7" s="9">
        <f t="shared" si="200"/>
        <v>1.019803902718557</v>
      </c>
      <c r="RXK7" s="9">
        <f t="shared" si="200"/>
        <v>1.019803902718557</v>
      </c>
      <c r="RXL7" s="9">
        <f t="shared" si="200"/>
        <v>1.019803902718557</v>
      </c>
      <c r="RXM7" s="9">
        <f t="shared" si="200"/>
        <v>1.019803902718557</v>
      </c>
      <c r="RXN7" s="9">
        <f t="shared" si="200"/>
        <v>1.019803902718557</v>
      </c>
      <c r="RXO7" s="9">
        <f t="shared" si="200"/>
        <v>1.019803902718557</v>
      </c>
      <c r="RXP7" s="9">
        <f t="shared" si="200"/>
        <v>1.019803902718557</v>
      </c>
      <c r="RXQ7" s="9">
        <f t="shared" si="200"/>
        <v>1.019803902718557</v>
      </c>
      <c r="RXR7" s="9">
        <f t="shared" ref="RXR7:SAC7" si="201">1/((1+$F$6) ^(RXR3-$F$7))</f>
        <v>1.019803902718557</v>
      </c>
      <c r="RXS7" s="9">
        <f t="shared" si="201"/>
        <v>1.019803902718557</v>
      </c>
      <c r="RXT7" s="9">
        <f t="shared" si="201"/>
        <v>1.019803902718557</v>
      </c>
      <c r="RXU7" s="9">
        <f t="shared" si="201"/>
        <v>1.019803902718557</v>
      </c>
      <c r="RXV7" s="9">
        <f t="shared" si="201"/>
        <v>1.019803902718557</v>
      </c>
      <c r="RXW7" s="9">
        <f t="shared" si="201"/>
        <v>1.019803902718557</v>
      </c>
      <c r="RXX7" s="9">
        <f t="shared" si="201"/>
        <v>1.019803902718557</v>
      </c>
      <c r="RXY7" s="9">
        <f t="shared" si="201"/>
        <v>1.019803902718557</v>
      </c>
      <c r="RXZ7" s="9">
        <f t="shared" si="201"/>
        <v>1.019803902718557</v>
      </c>
      <c r="RYA7" s="9">
        <f t="shared" si="201"/>
        <v>1.019803902718557</v>
      </c>
      <c r="RYB7" s="9">
        <f t="shared" si="201"/>
        <v>1.019803902718557</v>
      </c>
      <c r="RYC7" s="9">
        <f t="shared" si="201"/>
        <v>1.019803902718557</v>
      </c>
      <c r="RYD7" s="9">
        <f t="shared" si="201"/>
        <v>1.019803902718557</v>
      </c>
      <c r="RYE7" s="9">
        <f t="shared" si="201"/>
        <v>1.019803902718557</v>
      </c>
      <c r="RYF7" s="9">
        <f t="shared" si="201"/>
        <v>1.019803902718557</v>
      </c>
      <c r="RYG7" s="9">
        <f t="shared" si="201"/>
        <v>1.019803902718557</v>
      </c>
      <c r="RYH7" s="9">
        <f t="shared" si="201"/>
        <v>1.019803902718557</v>
      </c>
      <c r="RYI7" s="9">
        <f t="shared" si="201"/>
        <v>1.019803902718557</v>
      </c>
      <c r="RYJ7" s="9">
        <f t="shared" si="201"/>
        <v>1.019803902718557</v>
      </c>
      <c r="RYK7" s="9">
        <f t="shared" si="201"/>
        <v>1.019803902718557</v>
      </c>
      <c r="RYL7" s="9">
        <f t="shared" si="201"/>
        <v>1.019803902718557</v>
      </c>
      <c r="RYM7" s="9">
        <f t="shared" si="201"/>
        <v>1.019803902718557</v>
      </c>
      <c r="RYN7" s="9">
        <f t="shared" si="201"/>
        <v>1.019803902718557</v>
      </c>
      <c r="RYO7" s="9">
        <f t="shared" si="201"/>
        <v>1.019803902718557</v>
      </c>
      <c r="RYP7" s="9">
        <f t="shared" si="201"/>
        <v>1.019803902718557</v>
      </c>
      <c r="RYQ7" s="9">
        <f t="shared" si="201"/>
        <v>1.019803902718557</v>
      </c>
      <c r="RYR7" s="9">
        <f t="shared" si="201"/>
        <v>1.019803902718557</v>
      </c>
      <c r="RYS7" s="9">
        <f t="shared" si="201"/>
        <v>1.019803902718557</v>
      </c>
      <c r="RYT7" s="9">
        <f t="shared" si="201"/>
        <v>1.019803902718557</v>
      </c>
      <c r="RYU7" s="9">
        <f t="shared" si="201"/>
        <v>1.019803902718557</v>
      </c>
      <c r="RYV7" s="9">
        <f t="shared" si="201"/>
        <v>1.019803902718557</v>
      </c>
      <c r="RYW7" s="9">
        <f t="shared" si="201"/>
        <v>1.019803902718557</v>
      </c>
      <c r="RYX7" s="9">
        <f t="shared" si="201"/>
        <v>1.019803902718557</v>
      </c>
      <c r="RYY7" s="9">
        <f t="shared" si="201"/>
        <v>1.019803902718557</v>
      </c>
      <c r="RYZ7" s="9">
        <f t="shared" si="201"/>
        <v>1.019803902718557</v>
      </c>
      <c r="RZA7" s="9">
        <f t="shared" si="201"/>
        <v>1.019803902718557</v>
      </c>
      <c r="RZB7" s="9">
        <f t="shared" si="201"/>
        <v>1.019803902718557</v>
      </c>
      <c r="RZC7" s="9">
        <f t="shared" si="201"/>
        <v>1.019803902718557</v>
      </c>
      <c r="RZD7" s="9">
        <f t="shared" si="201"/>
        <v>1.019803902718557</v>
      </c>
      <c r="RZE7" s="9">
        <f t="shared" si="201"/>
        <v>1.019803902718557</v>
      </c>
      <c r="RZF7" s="9">
        <f t="shared" si="201"/>
        <v>1.019803902718557</v>
      </c>
      <c r="RZG7" s="9">
        <f t="shared" si="201"/>
        <v>1.019803902718557</v>
      </c>
      <c r="RZH7" s="9">
        <f t="shared" si="201"/>
        <v>1.019803902718557</v>
      </c>
      <c r="RZI7" s="9">
        <f t="shared" si="201"/>
        <v>1.019803902718557</v>
      </c>
      <c r="RZJ7" s="9">
        <f t="shared" si="201"/>
        <v>1.019803902718557</v>
      </c>
      <c r="RZK7" s="9">
        <f t="shared" si="201"/>
        <v>1.019803902718557</v>
      </c>
      <c r="RZL7" s="9">
        <f t="shared" si="201"/>
        <v>1.019803902718557</v>
      </c>
      <c r="RZM7" s="9">
        <f t="shared" si="201"/>
        <v>1.019803902718557</v>
      </c>
      <c r="RZN7" s="9">
        <f t="shared" si="201"/>
        <v>1.019803902718557</v>
      </c>
      <c r="RZO7" s="9">
        <f t="shared" si="201"/>
        <v>1.019803902718557</v>
      </c>
      <c r="RZP7" s="9">
        <f t="shared" si="201"/>
        <v>1.019803902718557</v>
      </c>
      <c r="RZQ7" s="9">
        <f t="shared" si="201"/>
        <v>1.019803902718557</v>
      </c>
      <c r="RZR7" s="9">
        <f t="shared" si="201"/>
        <v>1.019803902718557</v>
      </c>
      <c r="RZS7" s="9">
        <f t="shared" si="201"/>
        <v>1.019803902718557</v>
      </c>
      <c r="RZT7" s="9">
        <f t="shared" si="201"/>
        <v>1.019803902718557</v>
      </c>
      <c r="RZU7" s="9">
        <f t="shared" si="201"/>
        <v>1.019803902718557</v>
      </c>
      <c r="RZV7" s="9">
        <f t="shared" si="201"/>
        <v>1.019803902718557</v>
      </c>
      <c r="RZW7" s="9">
        <f t="shared" si="201"/>
        <v>1.019803902718557</v>
      </c>
      <c r="RZX7" s="9">
        <f t="shared" si="201"/>
        <v>1.019803902718557</v>
      </c>
      <c r="RZY7" s="9">
        <f t="shared" si="201"/>
        <v>1.019803902718557</v>
      </c>
      <c r="RZZ7" s="9">
        <f t="shared" si="201"/>
        <v>1.019803902718557</v>
      </c>
      <c r="SAA7" s="9">
        <f t="shared" si="201"/>
        <v>1.019803902718557</v>
      </c>
      <c r="SAB7" s="9">
        <f t="shared" si="201"/>
        <v>1.019803902718557</v>
      </c>
      <c r="SAC7" s="9">
        <f t="shared" si="201"/>
        <v>1.019803902718557</v>
      </c>
      <c r="SAD7" s="9">
        <f t="shared" ref="SAD7:SCO7" si="202">1/((1+$F$6) ^(SAD3-$F$7))</f>
        <v>1.019803902718557</v>
      </c>
      <c r="SAE7" s="9">
        <f t="shared" si="202"/>
        <v>1.019803902718557</v>
      </c>
      <c r="SAF7" s="9">
        <f t="shared" si="202"/>
        <v>1.019803902718557</v>
      </c>
      <c r="SAG7" s="9">
        <f t="shared" si="202"/>
        <v>1.019803902718557</v>
      </c>
      <c r="SAH7" s="9">
        <f t="shared" si="202"/>
        <v>1.019803902718557</v>
      </c>
      <c r="SAI7" s="9">
        <f t="shared" si="202"/>
        <v>1.019803902718557</v>
      </c>
      <c r="SAJ7" s="9">
        <f t="shared" si="202"/>
        <v>1.019803902718557</v>
      </c>
      <c r="SAK7" s="9">
        <f t="shared" si="202"/>
        <v>1.019803902718557</v>
      </c>
      <c r="SAL7" s="9">
        <f t="shared" si="202"/>
        <v>1.019803902718557</v>
      </c>
      <c r="SAM7" s="9">
        <f t="shared" si="202"/>
        <v>1.019803902718557</v>
      </c>
      <c r="SAN7" s="9">
        <f t="shared" si="202"/>
        <v>1.019803902718557</v>
      </c>
      <c r="SAO7" s="9">
        <f t="shared" si="202"/>
        <v>1.019803902718557</v>
      </c>
      <c r="SAP7" s="9">
        <f t="shared" si="202"/>
        <v>1.019803902718557</v>
      </c>
      <c r="SAQ7" s="9">
        <f t="shared" si="202"/>
        <v>1.019803902718557</v>
      </c>
      <c r="SAR7" s="9">
        <f t="shared" si="202"/>
        <v>1.019803902718557</v>
      </c>
      <c r="SAS7" s="9">
        <f t="shared" si="202"/>
        <v>1.019803902718557</v>
      </c>
      <c r="SAT7" s="9">
        <f t="shared" si="202"/>
        <v>1.019803902718557</v>
      </c>
      <c r="SAU7" s="9">
        <f t="shared" si="202"/>
        <v>1.019803902718557</v>
      </c>
      <c r="SAV7" s="9">
        <f t="shared" si="202"/>
        <v>1.019803902718557</v>
      </c>
      <c r="SAW7" s="9">
        <f t="shared" si="202"/>
        <v>1.019803902718557</v>
      </c>
      <c r="SAX7" s="9">
        <f t="shared" si="202"/>
        <v>1.019803902718557</v>
      </c>
      <c r="SAY7" s="9">
        <f t="shared" si="202"/>
        <v>1.019803902718557</v>
      </c>
      <c r="SAZ7" s="9">
        <f t="shared" si="202"/>
        <v>1.019803902718557</v>
      </c>
      <c r="SBA7" s="9">
        <f t="shared" si="202"/>
        <v>1.019803902718557</v>
      </c>
      <c r="SBB7" s="9">
        <f t="shared" si="202"/>
        <v>1.019803902718557</v>
      </c>
      <c r="SBC7" s="9">
        <f t="shared" si="202"/>
        <v>1.019803902718557</v>
      </c>
      <c r="SBD7" s="9">
        <f t="shared" si="202"/>
        <v>1.019803902718557</v>
      </c>
      <c r="SBE7" s="9">
        <f t="shared" si="202"/>
        <v>1.019803902718557</v>
      </c>
      <c r="SBF7" s="9">
        <f t="shared" si="202"/>
        <v>1.019803902718557</v>
      </c>
      <c r="SBG7" s="9">
        <f t="shared" si="202"/>
        <v>1.019803902718557</v>
      </c>
      <c r="SBH7" s="9">
        <f t="shared" si="202"/>
        <v>1.019803902718557</v>
      </c>
      <c r="SBI7" s="9">
        <f t="shared" si="202"/>
        <v>1.019803902718557</v>
      </c>
      <c r="SBJ7" s="9">
        <f t="shared" si="202"/>
        <v>1.019803902718557</v>
      </c>
      <c r="SBK7" s="9">
        <f t="shared" si="202"/>
        <v>1.019803902718557</v>
      </c>
      <c r="SBL7" s="9">
        <f t="shared" si="202"/>
        <v>1.019803902718557</v>
      </c>
      <c r="SBM7" s="9">
        <f t="shared" si="202"/>
        <v>1.019803902718557</v>
      </c>
      <c r="SBN7" s="9">
        <f t="shared" si="202"/>
        <v>1.019803902718557</v>
      </c>
      <c r="SBO7" s="9">
        <f t="shared" si="202"/>
        <v>1.019803902718557</v>
      </c>
      <c r="SBP7" s="9">
        <f t="shared" si="202"/>
        <v>1.019803902718557</v>
      </c>
      <c r="SBQ7" s="9">
        <f t="shared" si="202"/>
        <v>1.019803902718557</v>
      </c>
      <c r="SBR7" s="9">
        <f t="shared" si="202"/>
        <v>1.019803902718557</v>
      </c>
      <c r="SBS7" s="9">
        <f t="shared" si="202"/>
        <v>1.019803902718557</v>
      </c>
      <c r="SBT7" s="9">
        <f t="shared" si="202"/>
        <v>1.019803902718557</v>
      </c>
      <c r="SBU7" s="9">
        <f t="shared" si="202"/>
        <v>1.019803902718557</v>
      </c>
      <c r="SBV7" s="9">
        <f t="shared" si="202"/>
        <v>1.019803902718557</v>
      </c>
      <c r="SBW7" s="9">
        <f t="shared" si="202"/>
        <v>1.019803902718557</v>
      </c>
      <c r="SBX7" s="9">
        <f t="shared" si="202"/>
        <v>1.019803902718557</v>
      </c>
      <c r="SBY7" s="9">
        <f t="shared" si="202"/>
        <v>1.019803902718557</v>
      </c>
      <c r="SBZ7" s="9">
        <f t="shared" si="202"/>
        <v>1.019803902718557</v>
      </c>
      <c r="SCA7" s="9">
        <f t="shared" si="202"/>
        <v>1.019803902718557</v>
      </c>
      <c r="SCB7" s="9">
        <f t="shared" si="202"/>
        <v>1.019803902718557</v>
      </c>
      <c r="SCC7" s="9">
        <f t="shared" si="202"/>
        <v>1.019803902718557</v>
      </c>
      <c r="SCD7" s="9">
        <f t="shared" si="202"/>
        <v>1.019803902718557</v>
      </c>
      <c r="SCE7" s="9">
        <f t="shared" si="202"/>
        <v>1.019803902718557</v>
      </c>
      <c r="SCF7" s="9">
        <f t="shared" si="202"/>
        <v>1.019803902718557</v>
      </c>
      <c r="SCG7" s="9">
        <f t="shared" si="202"/>
        <v>1.019803902718557</v>
      </c>
      <c r="SCH7" s="9">
        <f t="shared" si="202"/>
        <v>1.019803902718557</v>
      </c>
      <c r="SCI7" s="9">
        <f t="shared" si="202"/>
        <v>1.019803902718557</v>
      </c>
      <c r="SCJ7" s="9">
        <f t="shared" si="202"/>
        <v>1.019803902718557</v>
      </c>
      <c r="SCK7" s="9">
        <f t="shared" si="202"/>
        <v>1.019803902718557</v>
      </c>
      <c r="SCL7" s="9">
        <f t="shared" si="202"/>
        <v>1.019803902718557</v>
      </c>
      <c r="SCM7" s="9">
        <f t="shared" si="202"/>
        <v>1.019803902718557</v>
      </c>
      <c r="SCN7" s="9">
        <f t="shared" si="202"/>
        <v>1.019803902718557</v>
      </c>
      <c r="SCO7" s="9">
        <f t="shared" si="202"/>
        <v>1.019803902718557</v>
      </c>
      <c r="SCP7" s="9">
        <f t="shared" ref="SCP7:SFA7" si="203">1/((1+$F$6) ^(SCP3-$F$7))</f>
        <v>1.019803902718557</v>
      </c>
      <c r="SCQ7" s="9">
        <f t="shared" si="203"/>
        <v>1.019803902718557</v>
      </c>
      <c r="SCR7" s="9">
        <f t="shared" si="203"/>
        <v>1.019803902718557</v>
      </c>
      <c r="SCS7" s="9">
        <f t="shared" si="203"/>
        <v>1.019803902718557</v>
      </c>
      <c r="SCT7" s="9">
        <f t="shared" si="203"/>
        <v>1.019803902718557</v>
      </c>
      <c r="SCU7" s="9">
        <f t="shared" si="203"/>
        <v>1.019803902718557</v>
      </c>
      <c r="SCV7" s="9">
        <f t="shared" si="203"/>
        <v>1.019803902718557</v>
      </c>
      <c r="SCW7" s="9">
        <f t="shared" si="203"/>
        <v>1.019803902718557</v>
      </c>
      <c r="SCX7" s="9">
        <f t="shared" si="203"/>
        <v>1.019803902718557</v>
      </c>
      <c r="SCY7" s="9">
        <f t="shared" si="203"/>
        <v>1.019803902718557</v>
      </c>
      <c r="SCZ7" s="9">
        <f t="shared" si="203"/>
        <v>1.019803902718557</v>
      </c>
      <c r="SDA7" s="9">
        <f t="shared" si="203"/>
        <v>1.019803902718557</v>
      </c>
      <c r="SDB7" s="9">
        <f t="shared" si="203"/>
        <v>1.019803902718557</v>
      </c>
      <c r="SDC7" s="9">
        <f t="shared" si="203"/>
        <v>1.019803902718557</v>
      </c>
      <c r="SDD7" s="9">
        <f t="shared" si="203"/>
        <v>1.019803902718557</v>
      </c>
      <c r="SDE7" s="9">
        <f t="shared" si="203"/>
        <v>1.019803902718557</v>
      </c>
      <c r="SDF7" s="9">
        <f t="shared" si="203"/>
        <v>1.019803902718557</v>
      </c>
      <c r="SDG7" s="9">
        <f t="shared" si="203"/>
        <v>1.019803902718557</v>
      </c>
      <c r="SDH7" s="9">
        <f t="shared" si="203"/>
        <v>1.019803902718557</v>
      </c>
      <c r="SDI7" s="9">
        <f t="shared" si="203"/>
        <v>1.019803902718557</v>
      </c>
      <c r="SDJ7" s="9">
        <f t="shared" si="203"/>
        <v>1.019803902718557</v>
      </c>
      <c r="SDK7" s="9">
        <f t="shared" si="203"/>
        <v>1.019803902718557</v>
      </c>
      <c r="SDL7" s="9">
        <f t="shared" si="203"/>
        <v>1.019803902718557</v>
      </c>
      <c r="SDM7" s="9">
        <f t="shared" si="203"/>
        <v>1.019803902718557</v>
      </c>
      <c r="SDN7" s="9">
        <f t="shared" si="203"/>
        <v>1.019803902718557</v>
      </c>
      <c r="SDO7" s="9">
        <f t="shared" si="203"/>
        <v>1.019803902718557</v>
      </c>
      <c r="SDP7" s="9">
        <f t="shared" si="203"/>
        <v>1.019803902718557</v>
      </c>
      <c r="SDQ7" s="9">
        <f t="shared" si="203"/>
        <v>1.019803902718557</v>
      </c>
      <c r="SDR7" s="9">
        <f t="shared" si="203"/>
        <v>1.019803902718557</v>
      </c>
      <c r="SDS7" s="9">
        <f t="shared" si="203"/>
        <v>1.019803902718557</v>
      </c>
      <c r="SDT7" s="9">
        <f t="shared" si="203"/>
        <v>1.019803902718557</v>
      </c>
      <c r="SDU7" s="9">
        <f t="shared" si="203"/>
        <v>1.019803902718557</v>
      </c>
      <c r="SDV7" s="9">
        <f t="shared" si="203"/>
        <v>1.019803902718557</v>
      </c>
      <c r="SDW7" s="9">
        <f t="shared" si="203"/>
        <v>1.019803902718557</v>
      </c>
      <c r="SDX7" s="9">
        <f t="shared" si="203"/>
        <v>1.019803902718557</v>
      </c>
      <c r="SDY7" s="9">
        <f t="shared" si="203"/>
        <v>1.019803902718557</v>
      </c>
      <c r="SDZ7" s="9">
        <f t="shared" si="203"/>
        <v>1.019803902718557</v>
      </c>
      <c r="SEA7" s="9">
        <f t="shared" si="203"/>
        <v>1.019803902718557</v>
      </c>
      <c r="SEB7" s="9">
        <f t="shared" si="203"/>
        <v>1.019803902718557</v>
      </c>
      <c r="SEC7" s="9">
        <f t="shared" si="203"/>
        <v>1.019803902718557</v>
      </c>
      <c r="SED7" s="9">
        <f t="shared" si="203"/>
        <v>1.019803902718557</v>
      </c>
      <c r="SEE7" s="9">
        <f t="shared" si="203"/>
        <v>1.019803902718557</v>
      </c>
      <c r="SEF7" s="9">
        <f t="shared" si="203"/>
        <v>1.019803902718557</v>
      </c>
      <c r="SEG7" s="9">
        <f t="shared" si="203"/>
        <v>1.019803902718557</v>
      </c>
      <c r="SEH7" s="9">
        <f t="shared" si="203"/>
        <v>1.019803902718557</v>
      </c>
      <c r="SEI7" s="9">
        <f t="shared" si="203"/>
        <v>1.019803902718557</v>
      </c>
      <c r="SEJ7" s="9">
        <f t="shared" si="203"/>
        <v>1.019803902718557</v>
      </c>
      <c r="SEK7" s="9">
        <f t="shared" si="203"/>
        <v>1.019803902718557</v>
      </c>
      <c r="SEL7" s="9">
        <f t="shared" si="203"/>
        <v>1.019803902718557</v>
      </c>
      <c r="SEM7" s="9">
        <f t="shared" si="203"/>
        <v>1.019803902718557</v>
      </c>
      <c r="SEN7" s="9">
        <f t="shared" si="203"/>
        <v>1.019803902718557</v>
      </c>
      <c r="SEO7" s="9">
        <f t="shared" si="203"/>
        <v>1.019803902718557</v>
      </c>
      <c r="SEP7" s="9">
        <f t="shared" si="203"/>
        <v>1.019803902718557</v>
      </c>
      <c r="SEQ7" s="9">
        <f t="shared" si="203"/>
        <v>1.019803902718557</v>
      </c>
      <c r="SER7" s="9">
        <f t="shared" si="203"/>
        <v>1.019803902718557</v>
      </c>
      <c r="SES7" s="9">
        <f t="shared" si="203"/>
        <v>1.019803902718557</v>
      </c>
      <c r="SET7" s="9">
        <f t="shared" si="203"/>
        <v>1.019803902718557</v>
      </c>
      <c r="SEU7" s="9">
        <f t="shared" si="203"/>
        <v>1.019803902718557</v>
      </c>
      <c r="SEV7" s="9">
        <f t="shared" si="203"/>
        <v>1.019803902718557</v>
      </c>
      <c r="SEW7" s="9">
        <f t="shared" si="203"/>
        <v>1.019803902718557</v>
      </c>
      <c r="SEX7" s="9">
        <f t="shared" si="203"/>
        <v>1.019803902718557</v>
      </c>
      <c r="SEY7" s="9">
        <f t="shared" si="203"/>
        <v>1.019803902718557</v>
      </c>
      <c r="SEZ7" s="9">
        <f t="shared" si="203"/>
        <v>1.019803902718557</v>
      </c>
      <c r="SFA7" s="9">
        <f t="shared" si="203"/>
        <v>1.019803902718557</v>
      </c>
      <c r="SFB7" s="9">
        <f t="shared" ref="SFB7:SHM7" si="204">1/((1+$F$6) ^(SFB3-$F$7))</f>
        <v>1.019803902718557</v>
      </c>
      <c r="SFC7" s="9">
        <f t="shared" si="204"/>
        <v>1.019803902718557</v>
      </c>
      <c r="SFD7" s="9">
        <f t="shared" si="204"/>
        <v>1.019803902718557</v>
      </c>
      <c r="SFE7" s="9">
        <f t="shared" si="204"/>
        <v>1.019803902718557</v>
      </c>
      <c r="SFF7" s="9">
        <f t="shared" si="204"/>
        <v>1.019803902718557</v>
      </c>
      <c r="SFG7" s="9">
        <f t="shared" si="204"/>
        <v>1.019803902718557</v>
      </c>
      <c r="SFH7" s="9">
        <f t="shared" si="204"/>
        <v>1.019803902718557</v>
      </c>
      <c r="SFI7" s="9">
        <f t="shared" si="204"/>
        <v>1.019803902718557</v>
      </c>
      <c r="SFJ7" s="9">
        <f t="shared" si="204"/>
        <v>1.019803902718557</v>
      </c>
      <c r="SFK7" s="9">
        <f t="shared" si="204"/>
        <v>1.019803902718557</v>
      </c>
      <c r="SFL7" s="9">
        <f t="shared" si="204"/>
        <v>1.019803902718557</v>
      </c>
      <c r="SFM7" s="9">
        <f t="shared" si="204"/>
        <v>1.019803902718557</v>
      </c>
      <c r="SFN7" s="9">
        <f t="shared" si="204"/>
        <v>1.019803902718557</v>
      </c>
      <c r="SFO7" s="9">
        <f t="shared" si="204"/>
        <v>1.019803902718557</v>
      </c>
      <c r="SFP7" s="9">
        <f t="shared" si="204"/>
        <v>1.019803902718557</v>
      </c>
      <c r="SFQ7" s="9">
        <f t="shared" si="204"/>
        <v>1.019803902718557</v>
      </c>
      <c r="SFR7" s="9">
        <f t="shared" si="204"/>
        <v>1.019803902718557</v>
      </c>
      <c r="SFS7" s="9">
        <f t="shared" si="204"/>
        <v>1.019803902718557</v>
      </c>
      <c r="SFT7" s="9">
        <f t="shared" si="204"/>
        <v>1.019803902718557</v>
      </c>
      <c r="SFU7" s="9">
        <f t="shared" si="204"/>
        <v>1.019803902718557</v>
      </c>
      <c r="SFV7" s="9">
        <f t="shared" si="204"/>
        <v>1.019803902718557</v>
      </c>
      <c r="SFW7" s="9">
        <f t="shared" si="204"/>
        <v>1.019803902718557</v>
      </c>
      <c r="SFX7" s="9">
        <f t="shared" si="204"/>
        <v>1.019803902718557</v>
      </c>
      <c r="SFY7" s="9">
        <f t="shared" si="204"/>
        <v>1.019803902718557</v>
      </c>
      <c r="SFZ7" s="9">
        <f t="shared" si="204"/>
        <v>1.019803902718557</v>
      </c>
      <c r="SGA7" s="9">
        <f t="shared" si="204"/>
        <v>1.019803902718557</v>
      </c>
      <c r="SGB7" s="9">
        <f t="shared" si="204"/>
        <v>1.019803902718557</v>
      </c>
      <c r="SGC7" s="9">
        <f t="shared" si="204"/>
        <v>1.019803902718557</v>
      </c>
      <c r="SGD7" s="9">
        <f t="shared" si="204"/>
        <v>1.019803902718557</v>
      </c>
      <c r="SGE7" s="9">
        <f t="shared" si="204"/>
        <v>1.019803902718557</v>
      </c>
      <c r="SGF7" s="9">
        <f t="shared" si="204"/>
        <v>1.019803902718557</v>
      </c>
      <c r="SGG7" s="9">
        <f t="shared" si="204"/>
        <v>1.019803902718557</v>
      </c>
      <c r="SGH7" s="9">
        <f t="shared" si="204"/>
        <v>1.019803902718557</v>
      </c>
      <c r="SGI7" s="9">
        <f t="shared" si="204"/>
        <v>1.019803902718557</v>
      </c>
      <c r="SGJ7" s="9">
        <f t="shared" si="204"/>
        <v>1.019803902718557</v>
      </c>
      <c r="SGK7" s="9">
        <f t="shared" si="204"/>
        <v>1.019803902718557</v>
      </c>
      <c r="SGL7" s="9">
        <f t="shared" si="204"/>
        <v>1.019803902718557</v>
      </c>
      <c r="SGM7" s="9">
        <f t="shared" si="204"/>
        <v>1.019803902718557</v>
      </c>
      <c r="SGN7" s="9">
        <f t="shared" si="204"/>
        <v>1.019803902718557</v>
      </c>
      <c r="SGO7" s="9">
        <f t="shared" si="204"/>
        <v>1.019803902718557</v>
      </c>
      <c r="SGP7" s="9">
        <f t="shared" si="204"/>
        <v>1.019803902718557</v>
      </c>
      <c r="SGQ7" s="9">
        <f t="shared" si="204"/>
        <v>1.019803902718557</v>
      </c>
      <c r="SGR7" s="9">
        <f t="shared" si="204"/>
        <v>1.019803902718557</v>
      </c>
      <c r="SGS7" s="9">
        <f t="shared" si="204"/>
        <v>1.019803902718557</v>
      </c>
      <c r="SGT7" s="9">
        <f t="shared" si="204"/>
        <v>1.019803902718557</v>
      </c>
      <c r="SGU7" s="9">
        <f t="shared" si="204"/>
        <v>1.019803902718557</v>
      </c>
      <c r="SGV7" s="9">
        <f t="shared" si="204"/>
        <v>1.019803902718557</v>
      </c>
      <c r="SGW7" s="9">
        <f t="shared" si="204"/>
        <v>1.019803902718557</v>
      </c>
      <c r="SGX7" s="9">
        <f t="shared" si="204"/>
        <v>1.019803902718557</v>
      </c>
      <c r="SGY7" s="9">
        <f t="shared" si="204"/>
        <v>1.019803902718557</v>
      </c>
      <c r="SGZ7" s="9">
        <f t="shared" si="204"/>
        <v>1.019803902718557</v>
      </c>
      <c r="SHA7" s="9">
        <f t="shared" si="204"/>
        <v>1.019803902718557</v>
      </c>
      <c r="SHB7" s="9">
        <f t="shared" si="204"/>
        <v>1.019803902718557</v>
      </c>
      <c r="SHC7" s="9">
        <f t="shared" si="204"/>
        <v>1.019803902718557</v>
      </c>
      <c r="SHD7" s="9">
        <f t="shared" si="204"/>
        <v>1.019803902718557</v>
      </c>
      <c r="SHE7" s="9">
        <f t="shared" si="204"/>
        <v>1.019803902718557</v>
      </c>
      <c r="SHF7" s="9">
        <f t="shared" si="204"/>
        <v>1.019803902718557</v>
      </c>
      <c r="SHG7" s="9">
        <f t="shared" si="204"/>
        <v>1.019803902718557</v>
      </c>
      <c r="SHH7" s="9">
        <f t="shared" si="204"/>
        <v>1.019803902718557</v>
      </c>
      <c r="SHI7" s="9">
        <f t="shared" si="204"/>
        <v>1.019803902718557</v>
      </c>
      <c r="SHJ7" s="9">
        <f t="shared" si="204"/>
        <v>1.019803902718557</v>
      </c>
      <c r="SHK7" s="9">
        <f t="shared" si="204"/>
        <v>1.019803902718557</v>
      </c>
      <c r="SHL7" s="9">
        <f t="shared" si="204"/>
        <v>1.019803902718557</v>
      </c>
      <c r="SHM7" s="9">
        <f t="shared" si="204"/>
        <v>1.019803902718557</v>
      </c>
      <c r="SHN7" s="9">
        <f t="shared" ref="SHN7:SJY7" si="205">1/((1+$F$6) ^(SHN3-$F$7))</f>
        <v>1.019803902718557</v>
      </c>
      <c r="SHO7" s="9">
        <f t="shared" si="205"/>
        <v>1.019803902718557</v>
      </c>
      <c r="SHP7" s="9">
        <f t="shared" si="205"/>
        <v>1.019803902718557</v>
      </c>
      <c r="SHQ7" s="9">
        <f t="shared" si="205"/>
        <v>1.019803902718557</v>
      </c>
      <c r="SHR7" s="9">
        <f t="shared" si="205"/>
        <v>1.019803902718557</v>
      </c>
      <c r="SHS7" s="9">
        <f t="shared" si="205"/>
        <v>1.019803902718557</v>
      </c>
      <c r="SHT7" s="9">
        <f t="shared" si="205"/>
        <v>1.019803902718557</v>
      </c>
      <c r="SHU7" s="9">
        <f t="shared" si="205"/>
        <v>1.019803902718557</v>
      </c>
      <c r="SHV7" s="9">
        <f t="shared" si="205"/>
        <v>1.019803902718557</v>
      </c>
      <c r="SHW7" s="9">
        <f t="shared" si="205"/>
        <v>1.019803902718557</v>
      </c>
      <c r="SHX7" s="9">
        <f t="shared" si="205"/>
        <v>1.019803902718557</v>
      </c>
      <c r="SHY7" s="9">
        <f t="shared" si="205"/>
        <v>1.019803902718557</v>
      </c>
      <c r="SHZ7" s="9">
        <f t="shared" si="205"/>
        <v>1.019803902718557</v>
      </c>
      <c r="SIA7" s="9">
        <f t="shared" si="205"/>
        <v>1.019803902718557</v>
      </c>
      <c r="SIB7" s="9">
        <f t="shared" si="205"/>
        <v>1.019803902718557</v>
      </c>
      <c r="SIC7" s="9">
        <f t="shared" si="205"/>
        <v>1.019803902718557</v>
      </c>
      <c r="SID7" s="9">
        <f t="shared" si="205"/>
        <v>1.019803902718557</v>
      </c>
      <c r="SIE7" s="9">
        <f t="shared" si="205"/>
        <v>1.019803902718557</v>
      </c>
      <c r="SIF7" s="9">
        <f t="shared" si="205"/>
        <v>1.019803902718557</v>
      </c>
      <c r="SIG7" s="9">
        <f t="shared" si="205"/>
        <v>1.019803902718557</v>
      </c>
      <c r="SIH7" s="9">
        <f t="shared" si="205"/>
        <v>1.019803902718557</v>
      </c>
      <c r="SII7" s="9">
        <f t="shared" si="205"/>
        <v>1.019803902718557</v>
      </c>
      <c r="SIJ7" s="9">
        <f t="shared" si="205"/>
        <v>1.019803902718557</v>
      </c>
      <c r="SIK7" s="9">
        <f t="shared" si="205"/>
        <v>1.019803902718557</v>
      </c>
      <c r="SIL7" s="9">
        <f t="shared" si="205"/>
        <v>1.019803902718557</v>
      </c>
      <c r="SIM7" s="9">
        <f t="shared" si="205"/>
        <v>1.019803902718557</v>
      </c>
      <c r="SIN7" s="9">
        <f t="shared" si="205"/>
        <v>1.019803902718557</v>
      </c>
      <c r="SIO7" s="9">
        <f t="shared" si="205"/>
        <v>1.019803902718557</v>
      </c>
      <c r="SIP7" s="9">
        <f t="shared" si="205"/>
        <v>1.019803902718557</v>
      </c>
      <c r="SIQ7" s="9">
        <f t="shared" si="205"/>
        <v>1.019803902718557</v>
      </c>
      <c r="SIR7" s="9">
        <f t="shared" si="205"/>
        <v>1.019803902718557</v>
      </c>
      <c r="SIS7" s="9">
        <f t="shared" si="205"/>
        <v>1.019803902718557</v>
      </c>
      <c r="SIT7" s="9">
        <f t="shared" si="205"/>
        <v>1.019803902718557</v>
      </c>
      <c r="SIU7" s="9">
        <f t="shared" si="205"/>
        <v>1.019803902718557</v>
      </c>
      <c r="SIV7" s="9">
        <f t="shared" si="205"/>
        <v>1.019803902718557</v>
      </c>
      <c r="SIW7" s="9">
        <f t="shared" si="205"/>
        <v>1.019803902718557</v>
      </c>
      <c r="SIX7" s="9">
        <f t="shared" si="205"/>
        <v>1.019803902718557</v>
      </c>
      <c r="SIY7" s="9">
        <f t="shared" si="205"/>
        <v>1.019803902718557</v>
      </c>
      <c r="SIZ7" s="9">
        <f t="shared" si="205"/>
        <v>1.019803902718557</v>
      </c>
      <c r="SJA7" s="9">
        <f t="shared" si="205"/>
        <v>1.019803902718557</v>
      </c>
      <c r="SJB7" s="9">
        <f t="shared" si="205"/>
        <v>1.019803902718557</v>
      </c>
      <c r="SJC7" s="9">
        <f t="shared" si="205"/>
        <v>1.019803902718557</v>
      </c>
      <c r="SJD7" s="9">
        <f t="shared" si="205"/>
        <v>1.019803902718557</v>
      </c>
      <c r="SJE7" s="9">
        <f t="shared" si="205"/>
        <v>1.019803902718557</v>
      </c>
      <c r="SJF7" s="9">
        <f t="shared" si="205"/>
        <v>1.019803902718557</v>
      </c>
      <c r="SJG7" s="9">
        <f t="shared" si="205"/>
        <v>1.019803902718557</v>
      </c>
      <c r="SJH7" s="9">
        <f t="shared" si="205"/>
        <v>1.019803902718557</v>
      </c>
      <c r="SJI7" s="9">
        <f t="shared" si="205"/>
        <v>1.019803902718557</v>
      </c>
      <c r="SJJ7" s="9">
        <f t="shared" si="205"/>
        <v>1.019803902718557</v>
      </c>
      <c r="SJK7" s="9">
        <f t="shared" si="205"/>
        <v>1.019803902718557</v>
      </c>
      <c r="SJL7" s="9">
        <f t="shared" si="205"/>
        <v>1.019803902718557</v>
      </c>
      <c r="SJM7" s="9">
        <f t="shared" si="205"/>
        <v>1.019803902718557</v>
      </c>
      <c r="SJN7" s="9">
        <f t="shared" si="205"/>
        <v>1.019803902718557</v>
      </c>
      <c r="SJO7" s="9">
        <f t="shared" si="205"/>
        <v>1.019803902718557</v>
      </c>
      <c r="SJP7" s="9">
        <f t="shared" si="205"/>
        <v>1.019803902718557</v>
      </c>
      <c r="SJQ7" s="9">
        <f t="shared" si="205"/>
        <v>1.019803902718557</v>
      </c>
      <c r="SJR7" s="9">
        <f t="shared" si="205"/>
        <v>1.019803902718557</v>
      </c>
      <c r="SJS7" s="9">
        <f t="shared" si="205"/>
        <v>1.019803902718557</v>
      </c>
      <c r="SJT7" s="9">
        <f t="shared" si="205"/>
        <v>1.019803902718557</v>
      </c>
      <c r="SJU7" s="9">
        <f t="shared" si="205"/>
        <v>1.019803902718557</v>
      </c>
      <c r="SJV7" s="9">
        <f t="shared" si="205"/>
        <v>1.019803902718557</v>
      </c>
      <c r="SJW7" s="9">
        <f t="shared" si="205"/>
        <v>1.019803902718557</v>
      </c>
      <c r="SJX7" s="9">
        <f t="shared" si="205"/>
        <v>1.019803902718557</v>
      </c>
      <c r="SJY7" s="9">
        <f t="shared" si="205"/>
        <v>1.019803902718557</v>
      </c>
      <c r="SJZ7" s="9">
        <f t="shared" ref="SJZ7:SMK7" si="206">1/((1+$F$6) ^(SJZ3-$F$7))</f>
        <v>1.019803902718557</v>
      </c>
      <c r="SKA7" s="9">
        <f t="shared" si="206"/>
        <v>1.019803902718557</v>
      </c>
      <c r="SKB7" s="9">
        <f t="shared" si="206"/>
        <v>1.019803902718557</v>
      </c>
      <c r="SKC7" s="9">
        <f t="shared" si="206"/>
        <v>1.019803902718557</v>
      </c>
      <c r="SKD7" s="9">
        <f t="shared" si="206"/>
        <v>1.019803902718557</v>
      </c>
      <c r="SKE7" s="9">
        <f t="shared" si="206"/>
        <v>1.019803902718557</v>
      </c>
      <c r="SKF7" s="9">
        <f t="shared" si="206"/>
        <v>1.019803902718557</v>
      </c>
      <c r="SKG7" s="9">
        <f t="shared" si="206"/>
        <v>1.019803902718557</v>
      </c>
      <c r="SKH7" s="9">
        <f t="shared" si="206"/>
        <v>1.019803902718557</v>
      </c>
      <c r="SKI7" s="9">
        <f t="shared" si="206"/>
        <v>1.019803902718557</v>
      </c>
      <c r="SKJ7" s="9">
        <f t="shared" si="206"/>
        <v>1.019803902718557</v>
      </c>
      <c r="SKK7" s="9">
        <f t="shared" si="206"/>
        <v>1.019803902718557</v>
      </c>
      <c r="SKL7" s="9">
        <f t="shared" si="206"/>
        <v>1.019803902718557</v>
      </c>
      <c r="SKM7" s="9">
        <f t="shared" si="206"/>
        <v>1.019803902718557</v>
      </c>
      <c r="SKN7" s="9">
        <f t="shared" si="206"/>
        <v>1.019803902718557</v>
      </c>
      <c r="SKO7" s="9">
        <f t="shared" si="206"/>
        <v>1.019803902718557</v>
      </c>
      <c r="SKP7" s="9">
        <f t="shared" si="206"/>
        <v>1.019803902718557</v>
      </c>
      <c r="SKQ7" s="9">
        <f t="shared" si="206"/>
        <v>1.019803902718557</v>
      </c>
      <c r="SKR7" s="9">
        <f t="shared" si="206"/>
        <v>1.019803902718557</v>
      </c>
      <c r="SKS7" s="9">
        <f t="shared" si="206"/>
        <v>1.019803902718557</v>
      </c>
      <c r="SKT7" s="9">
        <f t="shared" si="206"/>
        <v>1.019803902718557</v>
      </c>
      <c r="SKU7" s="9">
        <f t="shared" si="206"/>
        <v>1.019803902718557</v>
      </c>
      <c r="SKV7" s="9">
        <f t="shared" si="206"/>
        <v>1.019803902718557</v>
      </c>
      <c r="SKW7" s="9">
        <f t="shared" si="206"/>
        <v>1.019803902718557</v>
      </c>
      <c r="SKX7" s="9">
        <f t="shared" si="206"/>
        <v>1.019803902718557</v>
      </c>
      <c r="SKY7" s="9">
        <f t="shared" si="206"/>
        <v>1.019803902718557</v>
      </c>
      <c r="SKZ7" s="9">
        <f t="shared" si="206"/>
        <v>1.019803902718557</v>
      </c>
      <c r="SLA7" s="9">
        <f t="shared" si="206"/>
        <v>1.019803902718557</v>
      </c>
      <c r="SLB7" s="9">
        <f t="shared" si="206"/>
        <v>1.019803902718557</v>
      </c>
      <c r="SLC7" s="9">
        <f t="shared" si="206"/>
        <v>1.019803902718557</v>
      </c>
      <c r="SLD7" s="9">
        <f t="shared" si="206"/>
        <v>1.019803902718557</v>
      </c>
      <c r="SLE7" s="9">
        <f t="shared" si="206"/>
        <v>1.019803902718557</v>
      </c>
      <c r="SLF7" s="9">
        <f t="shared" si="206"/>
        <v>1.019803902718557</v>
      </c>
      <c r="SLG7" s="9">
        <f t="shared" si="206"/>
        <v>1.019803902718557</v>
      </c>
      <c r="SLH7" s="9">
        <f t="shared" si="206"/>
        <v>1.019803902718557</v>
      </c>
      <c r="SLI7" s="9">
        <f t="shared" si="206"/>
        <v>1.019803902718557</v>
      </c>
      <c r="SLJ7" s="9">
        <f t="shared" si="206"/>
        <v>1.019803902718557</v>
      </c>
      <c r="SLK7" s="9">
        <f t="shared" si="206"/>
        <v>1.019803902718557</v>
      </c>
      <c r="SLL7" s="9">
        <f t="shared" si="206"/>
        <v>1.019803902718557</v>
      </c>
      <c r="SLM7" s="9">
        <f t="shared" si="206"/>
        <v>1.019803902718557</v>
      </c>
      <c r="SLN7" s="9">
        <f t="shared" si="206"/>
        <v>1.019803902718557</v>
      </c>
      <c r="SLO7" s="9">
        <f t="shared" si="206"/>
        <v>1.019803902718557</v>
      </c>
      <c r="SLP7" s="9">
        <f t="shared" si="206"/>
        <v>1.019803902718557</v>
      </c>
      <c r="SLQ7" s="9">
        <f t="shared" si="206"/>
        <v>1.019803902718557</v>
      </c>
      <c r="SLR7" s="9">
        <f t="shared" si="206"/>
        <v>1.019803902718557</v>
      </c>
      <c r="SLS7" s="9">
        <f t="shared" si="206"/>
        <v>1.019803902718557</v>
      </c>
      <c r="SLT7" s="9">
        <f t="shared" si="206"/>
        <v>1.019803902718557</v>
      </c>
      <c r="SLU7" s="9">
        <f t="shared" si="206"/>
        <v>1.019803902718557</v>
      </c>
      <c r="SLV7" s="9">
        <f t="shared" si="206"/>
        <v>1.019803902718557</v>
      </c>
      <c r="SLW7" s="9">
        <f t="shared" si="206"/>
        <v>1.019803902718557</v>
      </c>
      <c r="SLX7" s="9">
        <f t="shared" si="206"/>
        <v>1.019803902718557</v>
      </c>
      <c r="SLY7" s="9">
        <f t="shared" si="206"/>
        <v>1.019803902718557</v>
      </c>
      <c r="SLZ7" s="9">
        <f t="shared" si="206"/>
        <v>1.019803902718557</v>
      </c>
      <c r="SMA7" s="9">
        <f t="shared" si="206"/>
        <v>1.019803902718557</v>
      </c>
      <c r="SMB7" s="9">
        <f t="shared" si="206"/>
        <v>1.019803902718557</v>
      </c>
      <c r="SMC7" s="9">
        <f t="shared" si="206"/>
        <v>1.019803902718557</v>
      </c>
      <c r="SMD7" s="9">
        <f t="shared" si="206"/>
        <v>1.019803902718557</v>
      </c>
      <c r="SME7" s="9">
        <f t="shared" si="206"/>
        <v>1.019803902718557</v>
      </c>
      <c r="SMF7" s="9">
        <f t="shared" si="206"/>
        <v>1.019803902718557</v>
      </c>
      <c r="SMG7" s="9">
        <f t="shared" si="206"/>
        <v>1.019803902718557</v>
      </c>
      <c r="SMH7" s="9">
        <f t="shared" si="206"/>
        <v>1.019803902718557</v>
      </c>
      <c r="SMI7" s="9">
        <f t="shared" si="206"/>
        <v>1.019803902718557</v>
      </c>
      <c r="SMJ7" s="9">
        <f t="shared" si="206"/>
        <v>1.019803902718557</v>
      </c>
      <c r="SMK7" s="9">
        <f t="shared" si="206"/>
        <v>1.019803902718557</v>
      </c>
      <c r="SML7" s="9">
        <f t="shared" ref="SML7:SOW7" si="207">1/((1+$F$6) ^(SML3-$F$7))</f>
        <v>1.019803902718557</v>
      </c>
      <c r="SMM7" s="9">
        <f t="shared" si="207"/>
        <v>1.019803902718557</v>
      </c>
      <c r="SMN7" s="9">
        <f t="shared" si="207"/>
        <v>1.019803902718557</v>
      </c>
      <c r="SMO7" s="9">
        <f t="shared" si="207"/>
        <v>1.019803902718557</v>
      </c>
      <c r="SMP7" s="9">
        <f t="shared" si="207"/>
        <v>1.019803902718557</v>
      </c>
      <c r="SMQ7" s="9">
        <f t="shared" si="207"/>
        <v>1.019803902718557</v>
      </c>
      <c r="SMR7" s="9">
        <f t="shared" si="207"/>
        <v>1.019803902718557</v>
      </c>
      <c r="SMS7" s="9">
        <f t="shared" si="207"/>
        <v>1.019803902718557</v>
      </c>
      <c r="SMT7" s="9">
        <f t="shared" si="207"/>
        <v>1.019803902718557</v>
      </c>
      <c r="SMU7" s="9">
        <f t="shared" si="207"/>
        <v>1.019803902718557</v>
      </c>
      <c r="SMV7" s="9">
        <f t="shared" si="207"/>
        <v>1.019803902718557</v>
      </c>
      <c r="SMW7" s="9">
        <f t="shared" si="207"/>
        <v>1.019803902718557</v>
      </c>
      <c r="SMX7" s="9">
        <f t="shared" si="207"/>
        <v>1.019803902718557</v>
      </c>
      <c r="SMY7" s="9">
        <f t="shared" si="207"/>
        <v>1.019803902718557</v>
      </c>
      <c r="SMZ7" s="9">
        <f t="shared" si="207"/>
        <v>1.019803902718557</v>
      </c>
      <c r="SNA7" s="9">
        <f t="shared" si="207"/>
        <v>1.019803902718557</v>
      </c>
      <c r="SNB7" s="9">
        <f t="shared" si="207"/>
        <v>1.019803902718557</v>
      </c>
      <c r="SNC7" s="9">
        <f t="shared" si="207"/>
        <v>1.019803902718557</v>
      </c>
      <c r="SND7" s="9">
        <f t="shared" si="207"/>
        <v>1.019803902718557</v>
      </c>
      <c r="SNE7" s="9">
        <f t="shared" si="207"/>
        <v>1.019803902718557</v>
      </c>
      <c r="SNF7" s="9">
        <f t="shared" si="207"/>
        <v>1.019803902718557</v>
      </c>
      <c r="SNG7" s="9">
        <f t="shared" si="207"/>
        <v>1.019803902718557</v>
      </c>
      <c r="SNH7" s="9">
        <f t="shared" si="207"/>
        <v>1.019803902718557</v>
      </c>
      <c r="SNI7" s="9">
        <f t="shared" si="207"/>
        <v>1.019803902718557</v>
      </c>
      <c r="SNJ7" s="9">
        <f t="shared" si="207"/>
        <v>1.019803902718557</v>
      </c>
      <c r="SNK7" s="9">
        <f t="shared" si="207"/>
        <v>1.019803902718557</v>
      </c>
      <c r="SNL7" s="9">
        <f t="shared" si="207"/>
        <v>1.019803902718557</v>
      </c>
      <c r="SNM7" s="9">
        <f t="shared" si="207"/>
        <v>1.019803902718557</v>
      </c>
      <c r="SNN7" s="9">
        <f t="shared" si="207"/>
        <v>1.019803902718557</v>
      </c>
      <c r="SNO7" s="9">
        <f t="shared" si="207"/>
        <v>1.019803902718557</v>
      </c>
      <c r="SNP7" s="9">
        <f t="shared" si="207"/>
        <v>1.019803902718557</v>
      </c>
      <c r="SNQ7" s="9">
        <f t="shared" si="207"/>
        <v>1.019803902718557</v>
      </c>
      <c r="SNR7" s="9">
        <f t="shared" si="207"/>
        <v>1.019803902718557</v>
      </c>
      <c r="SNS7" s="9">
        <f t="shared" si="207"/>
        <v>1.019803902718557</v>
      </c>
      <c r="SNT7" s="9">
        <f t="shared" si="207"/>
        <v>1.019803902718557</v>
      </c>
      <c r="SNU7" s="9">
        <f t="shared" si="207"/>
        <v>1.019803902718557</v>
      </c>
      <c r="SNV7" s="9">
        <f t="shared" si="207"/>
        <v>1.019803902718557</v>
      </c>
      <c r="SNW7" s="9">
        <f t="shared" si="207"/>
        <v>1.019803902718557</v>
      </c>
      <c r="SNX7" s="9">
        <f t="shared" si="207"/>
        <v>1.019803902718557</v>
      </c>
      <c r="SNY7" s="9">
        <f t="shared" si="207"/>
        <v>1.019803902718557</v>
      </c>
      <c r="SNZ7" s="9">
        <f t="shared" si="207"/>
        <v>1.019803902718557</v>
      </c>
      <c r="SOA7" s="9">
        <f t="shared" si="207"/>
        <v>1.019803902718557</v>
      </c>
      <c r="SOB7" s="9">
        <f t="shared" si="207"/>
        <v>1.019803902718557</v>
      </c>
      <c r="SOC7" s="9">
        <f t="shared" si="207"/>
        <v>1.019803902718557</v>
      </c>
      <c r="SOD7" s="9">
        <f t="shared" si="207"/>
        <v>1.019803902718557</v>
      </c>
      <c r="SOE7" s="9">
        <f t="shared" si="207"/>
        <v>1.019803902718557</v>
      </c>
      <c r="SOF7" s="9">
        <f t="shared" si="207"/>
        <v>1.019803902718557</v>
      </c>
      <c r="SOG7" s="9">
        <f t="shared" si="207"/>
        <v>1.019803902718557</v>
      </c>
      <c r="SOH7" s="9">
        <f t="shared" si="207"/>
        <v>1.019803902718557</v>
      </c>
      <c r="SOI7" s="9">
        <f t="shared" si="207"/>
        <v>1.019803902718557</v>
      </c>
      <c r="SOJ7" s="9">
        <f t="shared" si="207"/>
        <v>1.019803902718557</v>
      </c>
      <c r="SOK7" s="9">
        <f t="shared" si="207"/>
        <v>1.019803902718557</v>
      </c>
      <c r="SOL7" s="9">
        <f t="shared" si="207"/>
        <v>1.019803902718557</v>
      </c>
      <c r="SOM7" s="9">
        <f t="shared" si="207"/>
        <v>1.019803902718557</v>
      </c>
      <c r="SON7" s="9">
        <f t="shared" si="207"/>
        <v>1.019803902718557</v>
      </c>
      <c r="SOO7" s="9">
        <f t="shared" si="207"/>
        <v>1.019803902718557</v>
      </c>
      <c r="SOP7" s="9">
        <f t="shared" si="207"/>
        <v>1.019803902718557</v>
      </c>
      <c r="SOQ7" s="9">
        <f t="shared" si="207"/>
        <v>1.019803902718557</v>
      </c>
      <c r="SOR7" s="9">
        <f t="shared" si="207"/>
        <v>1.019803902718557</v>
      </c>
      <c r="SOS7" s="9">
        <f t="shared" si="207"/>
        <v>1.019803902718557</v>
      </c>
      <c r="SOT7" s="9">
        <f t="shared" si="207"/>
        <v>1.019803902718557</v>
      </c>
      <c r="SOU7" s="9">
        <f t="shared" si="207"/>
        <v>1.019803902718557</v>
      </c>
      <c r="SOV7" s="9">
        <f t="shared" si="207"/>
        <v>1.019803902718557</v>
      </c>
      <c r="SOW7" s="9">
        <f t="shared" si="207"/>
        <v>1.019803902718557</v>
      </c>
      <c r="SOX7" s="9">
        <f t="shared" ref="SOX7:SRI7" si="208">1/((1+$F$6) ^(SOX3-$F$7))</f>
        <v>1.019803902718557</v>
      </c>
      <c r="SOY7" s="9">
        <f t="shared" si="208"/>
        <v>1.019803902718557</v>
      </c>
      <c r="SOZ7" s="9">
        <f t="shared" si="208"/>
        <v>1.019803902718557</v>
      </c>
      <c r="SPA7" s="9">
        <f t="shared" si="208"/>
        <v>1.019803902718557</v>
      </c>
      <c r="SPB7" s="9">
        <f t="shared" si="208"/>
        <v>1.019803902718557</v>
      </c>
      <c r="SPC7" s="9">
        <f t="shared" si="208"/>
        <v>1.019803902718557</v>
      </c>
      <c r="SPD7" s="9">
        <f t="shared" si="208"/>
        <v>1.019803902718557</v>
      </c>
      <c r="SPE7" s="9">
        <f t="shared" si="208"/>
        <v>1.019803902718557</v>
      </c>
      <c r="SPF7" s="9">
        <f t="shared" si="208"/>
        <v>1.019803902718557</v>
      </c>
      <c r="SPG7" s="9">
        <f t="shared" si="208"/>
        <v>1.019803902718557</v>
      </c>
      <c r="SPH7" s="9">
        <f t="shared" si="208"/>
        <v>1.019803902718557</v>
      </c>
      <c r="SPI7" s="9">
        <f t="shared" si="208"/>
        <v>1.019803902718557</v>
      </c>
      <c r="SPJ7" s="9">
        <f t="shared" si="208"/>
        <v>1.019803902718557</v>
      </c>
      <c r="SPK7" s="9">
        <f t="shared" si="208"/>
        <v>1.019803902718557</v>
      </c>
      <c r="SPL7" s="9">
        <f t="shared" si="208"/>
        <v>1.019803902718557</v>
      </c>
      <c r="SPM7" s="9">
        <f t="shared" si="208"/>
        <v>1.019803902718557</v>
      </c>
      <c r="SPN7" s="9">
        <f t="shared" si="208"/>
        <v>1.019803902718557</v>
      </c>
      <c r="SPO7" s="9">
        <f t="shared" si="208"/>
        <v>1.019803902718557</v>
      </c>
      <c r="SPP7" s="9">
        <f t="shared" si="208"/>
        <v>1.019803902718557</v>
      </c>
      <c r="SPQ7" s="9">
        <f t="shared" si="208"/>
        <v>1.019803902718557</v>
      </c>
      <c r="SPR7" s="9">
        <f t="shared" si="208"/>
        <v>1.019803902718557</v>
      </c>
      <c r="SPS7" s="9">
        <f t="shared" si="208"/>
        <v>1.019803902718557</v>
      </c>
      <c r="SPT7" s="9">
        <f t="shared" si="208"/>
        <v>1.019803902718557</v>
      </c>
      <c r="SPU7" s="9">
        <f t="shared" si="208"/>
        <v>1.019803902718557</v>
      </c>
      <c r="SPV7" s="9">
        <f t="shared" si="208"/>
        <v>1.019803902718557</v>
      </c>
      <c r="SPW7" s="9">
        <f t="shared" si="208"/>
        <v>1.019803902718557</v>
      </c>
      <c r="SPX7" s="9">
        <f t="shared" si="208"/>
        <v>1.019803902718557</v>
      </c>
      <c r="SPY7" s="9">
        <f t="shared" si="208"/>
        <v>1.019803902718557</v>
      </c>
      <c r="SPZ7" s="9">
        <f t="shared" si="208"/>
        <v>1.019803902718557</v>
      </c>
      <c r="SQA7" s="9">
        <f t="shared" si="208"/>
        <v>1.019803902718557</v>
      </c>
      <c r="SQB7" s="9">
        <f t="shared" si="208"/>
        <v>1.019803902718557</v>
      </c>
      <c r="SQC7" s="9">
        <f t="shared" si="208"/>
        <v>1.019803902718557</v>
      </c>
      <c r="SQD7" s="9">
        <f t="shared" si="208"/>
        <v>1.019803902718557</v>
      </c>
      <c r="SQE7" s="9">
        <f t="shared" si="208"/>
        <v>1.019803902718557</v>
      </c>
      <c r="SQF7" s="9">
        <f t="shared" si="208"/>
        <v>1.019803902718557</v>
      </c>
      <c r="SQG7" s="9">
        <f t="shared" si="208"/>
        <v>1.019803902718557</v>
      </c>
      <c r="SQH7" s="9">
        <f t="shared" si="208"/>
        <v>1.019803902718557</v>
      </c>
      <c r="SQI7" s="9">
        <f t="shared" si="208"/>
        <v>1.019803902718557</v>
      </c>
      <c r="SQJ7" s="9">
        <f t="shared" si="208"/>
        <v>1.019803902718557</v>
      </c>
      <c r="SQK7" s="9">
        <f t="shared" si="208"/>
        <v>1.019803902718557</v>
      </c>
      <c r="SQL7" s="9">
        <f t="shared" si="208"/>
        <v>1.019803902718557</v>
      </c>
      <c r="SQM7" s="9">
        <f t="shared" si="208"/>
        <v>1.019803902718557</v>
      </c>
      <c r="SQN7" s="9">
        <f t="shared" si="208"/>
        <v>1.019803902718557</v>
      </c>
      <c r="SQO7" s="9">
        <f t="shared" si="208"/>
        <v>1.019803902718557</v>
      </c>
      <c r="SQP7" s="9">
        <f t="shared" si="208"/>
        <v>1.019803902718557</v>
      </c>
      <c r="SQQ7" s="9">
        <f t="shared" si="208"/>
        <v>1.019803902718557</v>
      </c>
      <c r="SQR7" s="9">
        <f t="shared" si="208"/>
        <v>1.019803902718557</v>
      </c>
      <c r="SQS7" s="9">
        <f t="shared" si="208"/>
        <v>1.019803902718557</v>
      </c>
      <c r="SQT7" s="9">
        <f t="shared" si="208"/>
        <v>1.019803902718557</v>
      </c>
      <c r="SQU7" s="9">
        <f t="shared" si="208"/>
        <v>1.019803902718557</v>
      </c>
      <c r="SQV7" s="9">
        <f t="shared" si="208"/>
        <v>1.019803902718557</v>
      </c>
      <c r="SQW7" s="9">
        <f t="shared" si="208"/>
        <v>1.019803902718557</v>
      </c>
      <c r="SQX7" s="9">
        <f t="shared" si="208"/>
        <v>1.019803902718557</v>
      </c>
      <c r="SQY7" s="9">
        <f t="shared" si="208"/>
        <v>1.019803902718557</v>
      </c>
      <c r="SQZ7" s="9">
        <f t="shared" si="208"/>
        <v>1.019803902718557</v>
      </c>
      <c r="SRA7" s="9">
        <f t="shared" si="208"/>
        <v>1.019803902718557</v>
      </c>
      <c r="SRB7" s="9">
        <f t="shared" si="208"/>
        <v>1.019803902718557</v>
      </c>
      <c r="SRC7" s="9">
        <f t="shared" si="208"/>
        <v>1.019803902718557</v>
      </c>
      <c r="SRD7" s="9">
        <f t="shared" si="208"/>
        <v>1.019803902718557</v>
      </c>
      <c r="SRE7" s="9">
        <f t="shared" si="208"/>
        <v>1.019803902718557</v>
      </c>
      <c r="SRF7" s="9">
        <f t="shared" si="208"/>
        <v>1.019803902718557</v>
      </c>
      <c r="SRG7" s="9">
        <f t="shared" si="208"/>
        <v>1.019803902718557</v>
      </c>
      <c r="SRH7" s="9">
        <f t="shared" si="208"/>
        <v>1.019803902718557</v>
      </c>
      <c r="SRI7" s="9">
        <f t="shared" si="208"/>
        <v>1.019803902718557</v>
      </c>
      <c r="SRJ7" s="9">
        <f t="shared" ref="SRJ7:STU7" si="209">1/((1+$F$6) ^(SRJ3-$F$7))</f>
        <v>1.019803902718557</v>
      </c>
      <c r="SRK7" s="9">
        <f t="shared" si="209"/>
        <v>1.019803902718557</v>
      </c>
      <c r="SRL7" s="9">
        <f t="shared" si="209"/>
        <v>1.019803902718557</v>
      </c>
      <c r="SRM7" s="9">
        <f t="shared" si="209"/>
        <v>1.019803902718557</v>
      </c>
      <c r="SRN7" s="9">
        <f t="shared" si="209"/>
        <v>1.019803902718557</v>
      </c>
      <c r="SRO7" s="9">
        <f t="shared" si="209"/>
        <v>1.019803902718557</v>
      </c>
      <c r="SRP7" s="9">
        <f t="shared" si="209"/>
        <v>1.019803902718557</v>
      </c>
      <c r="SRQ7" s="9">
        <f t="shared" si="209"/>
        <v>1.019803902718557</v>
      </c>
      <c r="SRR7" s="9">
        <f t="shared" si="209"/>
        <v>1.019803902718557</v>
      </c>
      <c r="SRS7" s="9">
        <f t="shared" si="209"/>
        <v>1.019803902718557</v>
      </c>
      <c r="SRT7" s="9">
        <f t="shared" si="209"/>
        <v>1.019803902718557</v>
      </c>
      <c r="SRU7" s="9">
        <f t="shared" si="209"/>
        <v>1.019803902718557</v>
      </c>
      <c r="SRV7" s="9">
        <f t="shared" si="209"/>
        <v>1.019803902718557</v>
      </c>
      <c r="SRW7" s="9">
        <f t="shared" si="209"/>
        <v>1.019803902718557</v>
      </c>
      <c r="SRX7" s="9">
        <f t="shared" si="209"/>
        <v>1.019803902718557</v>
      </c>
      <c r="SRY7" s="9">
        <f t="shared" si="209"/>
        <v>1.019803902718557</v>
      </c>
      <c r="SRZ7" s="9">
        <f t="shared" si="209"/>
        <v>1.019803902718557</v>
      </c>
      <c r="SSA7" s="9">
        <f t="shared" si="209"/>
        <v>1.019803902718557</v>
      </c>
      <c r="SSB7" s="9">
        <f t="shared" si="209"/>
        <v>1.019803902718557</v>
      </c>
      <c r="SSC7" s="9">
        <f t="shared" si="209"/>
        <v>1.019803902718557</v>
      </c>
      <c r="SSD7" s="9">
        <f t="shared" si="209"/>
        <v>1.019803902718557</v>
      </c>
      <c r="SSE7" s="9">
        <f t="shared" si="209"/>
        <v>1.019803902718557</v>
      </c>
      <c r="SSF7" s="9">
        <f t="shared" si="209"/>
        <v>1.019803902718557</v>
      </c>
      <c r="SSG7" s="9">
        <f t="shared" si="209"/>
        <v>1.019803902718557</v>
      </c>
      <c r="SSH7" s="9">
        <f t="shared" si="209"/>
        <v>1.019803902718557</v>
      </c>
      <c r="SSI7" s="9">
        <f t="shared" si="209"/>
        <v>1.019803902718557</v>
      </c>
      <c r="SSJ7" s="9">
        <f t="shared" si="209"/>
        <v>1.019803902718557</v>
      </c>
      <c r="SSK7" s="9">
        <f t="shared" si="209"/>
        <v>1.019803902718557</v>
      </c>
      <c r="SSL7" s="9">
        <f t="shared" si="209"/>
        <v>1.019803902718557</v>
      </c>
      <c r="SSM7" s="9">
        <f t="shared" si="209"/>
        <v>1.019803902718557</v>
      </c>
      <c r="SSN7" s="9">
        <f t="shared" si="209"/>
        <v>1.019803902718557</v>
      </c>
      <c r="SSO7" s="9">
        <f t="shared" si="209"/>
        <v>1.019803902718557</v>
      </c>
      <c r="SSP7" s="9">
        <f t="shared" si="209"/>
        <v>1.019803902718557</v>
      </c>
      <c r="SSQ7" s="9">
        <f t="shared" si="209"/>
        <v>1.019803902718557</v>
      </c>
      <c r="SSR7" s="9">
        <f t="shared" si="209"/>
        <v>1.019803902718557</v>
      </c>
      <c r="SSS7" s="9">
        <f t="shared" si="209"/>
        <v>1.019803902718557</v>
      </c>
      <c r="SST7" s="9">
        <f t="shared" si="209"/>
        <v>1.019803902718557</v>
      </c>
      <c r="SSU7" s="9">
        <f t="shared" si="209"/>
        <v>1.019803902718557</v>
      </c>
      <c r="SSV7" s="9">
        <f t="shared" si="209"/>
        <v>1.019803902718557</v>
      </c>
      <c r="SSW7" s="9">
        <f t="shared" si="209"/>
        <v>1.019803902718557</v>
      </c>
      <c r="SSX7" s="9">
        <f t="shared" si="209"/>
        <v>1.019803902718557</v>
      </c>
      <c r="SSY7" s="9">
        <f t="shared" si="209"/>
        <v>1.019803902718557</v>
      </c>
      <c r="SSZ7" s="9">
        <f t="shared" si="209"/>
        <v>1.019803902718557</v>
      </c>
      <c r="STA7" s="9">
        <f t="shared" si="209"/>
        <v>1.019803902718557</v>
      </c>
      <c r="STB7" s="9">
        <f t="shared" si="209"/>
        <v>1.019803902718557</v>
      </c>
      <c r="STC7" s="9">
        <f t="shared" si="209"/>
        <v>1.019803902718557</v>
      </c>
      <c r="STD7" s="9">
        <f t="shared" si="209"/>
        <v>1.019803902718557</v>
      </c>
      <c r="STE7" s="9">
        <f t="shared" si="209"/>
        <v>1.019803902718557</v>
      </c>
      <c r="STF7" s="9">
        <f t="shared" si="209"/>
        <v>1.019803902718557</v>
      </c>
      <c r="STG7" s="9">
        <f t="shared" si="209"/>
        <v>1.019803902718557</v>
      </c>
      <c r="STH7" s="9">
        <f t="shared" si="209"/>
        <v>1.019803902718557</v>
      </c>
      <c r="STI7" s="9">
        <f t="shared" si="209"/>
        <v>1.019803902718557</v>
      </c>
      <c r="STJ7" s="9">
        <f t="shared" si="209"/>
        <v>1.019803902718557</v>
      </c>
      <c r="STK7" s="9">
        <f t="shared" si="209"/>
        <v>1.019803902718557</v>
      </c>
      <c r="STL7" s="9">
        <f t="shared" si="209"/>
        <v>1.019803902718557</v>
      </c>
      <c r="STM7" s="9">
        <f t="shared" si="209"/>
        <v>1.019803902718557</v>
      </c>
      <c r="STN7" s="9">
        <f t="shared" si="209"/>
        <v>1.019803902718557</v>
      </c>
      <c r="STO7" s="9">
        <f t="shared" si="209"/>
        <v>1.019803902718557</v>
      </c>
      <c r="STP7" s="9">
        <f t="shared" si="209"/>
        <v>1.019803902718557</v>
      </c>
      <c r="STQ7" s="9">
        <f t="shared" si="209"/>
        <v>1.019803902718557</v>
      </c>
      <c r="STR7" s="9">
        <f t="shared" si="209"/>
        <v>1.019803902718557</v>
      </c>
      <c r="STS7" s="9">
        <f t="shared" si="209"/>
        <v>1.019803902718557</v>
      </c>
      <c r="STT7" s="9">
        <f t="shared" si="209"/>
        <v>1.019803902718557</v>
      </c>
      <c r="STU7" s="9">
        <f t="shared" si="209"/>
        <v>1.019803902718557</v>
      </c>
      <c r="STV7" s="9">
        <f t="shared" ref="STV7:SWG7" si="210">1/((1+$F$6) ^(STV3-$F$7))</f>
        <v>1.019803902718557</v>
      </c>
      <c r="STW7" s="9">
        <f t="shared" si="210"/>
        <v>1.019803902718557</v>
      </c>
      <c r="STX7" s="9">
        <f t="shared" si="210"/>
        <v>1.019803902718557</v>
      </c>
      <c r="STY7" s="9">
        <f t="shared" si="210"/>
        <v>1.019803902718557</v>
      </c>
      <c r="STZ7" s="9">
        <f t="shared" si="210"/>
        <v>1.019803902718557</v>
      </c>
      <c r="SUA7" s="9">
        <f t="shared" si="210"/>
        <v>1.019803902718557</v>
      </c>
      <c r="SUB7" s="9">
        <f t="shared" si="210"/>
        <v>1.019803902718557</v>
      </c>
      <c r="SUC7" s="9">
        <f t="shared" si="210"/>
        <v>1.019803902718557</v>
      </c>
      <c r="SUD7" s="9">
        <f t="shared" si="210"/>
        <v>1.019803902718557</v>
      </c>
      <c r="SUE7" s="9">
        <f t="shared" si="210"/>
        <v>1.019803902718557</v>
      </c>
      <c r="SUF7" s="9">
        <f t="shared" si="210"/>
        <v>1.019803902718557</v>
      </c>
      <c r="SUG7" s="9">
        <f t="shared" si="210"/>
        <v>1.019803902718557</v>
      </c>
      <c r="SUH7" s="9">
        <f t="shared" si="210"/>
        <v>1.019803902718557</v>
      </c>
      <c r="SUI7" s="9">
        <f t="shared" si="210"/>
        <v>1.019803902718557</v>
      </c>
      <c r="SUJ7" s="9">
        <f t="shared" si="210"/>
        <v>1.019803902718557</v>
      </c>
      <c r="SUK7" s="9">
        <f t="shared" si="210"/>
        <v>1.019803902718557</v>
      </c>
      <c r="SUL7" s="9">
        <f t="shared" si="210"/>
        <v>1.019803902718557</v>
      </c>
      <c r="SUM7" s="9">
        <f t="shared" si="210"/>
        <v>1.019803902718557</v>
      </c>
      <c r="SUN7" s="9">
        <f t="shared" si="210"/>
        <v>1.019803902718557</v>
      </c>
      <c r="SUO7" s="9">
        <f t="shared" si="210"/>
        <v>1.019803902718557</v>
      </c>
      <c r="SUP7" s="9">
        <f t="shared" si="210"/>
        <v>1.019803902718557</v>
      </c>
      <c r="SUQ7" s="9">
        <f t="shared" si="210"/>
        <v>1.019803902718557</v>
      </c>
      <c r="SUR7" s="9">
        <f t="shared" si="210"/>
        <v>1.019803902718557</v>
      </c>
      <c r="SUS7" s="9">
        <f t="shared" si="210"/>
        <v>1.019803902718557</v>
      </c>
      <c r="SUT7" s="9">
        <f t="shared" si="210"/>
        <v>1.019803902718557</v>
      </c>
      <c r="SUU7" s="9">
        <f t="shared" si="210"/>
        <v>1.019803902718557</v>
      </c>
      <c r="SUV7" s="9">
        <f t="shared" si="210"/>
        <v>1.019803902718557</v>
      </c>
      <c r="SUW7" s="9">
        <f t="shared" si="210"/>
        <v>1.019803902718557</v>
      </c>
      <c r="SUX7" s="9">
        <f t="shared" si="210"/>
        <v>1.019803902718557</v>
      </c>
      <c r="SUY7" s="9">
        <f t="shared" si="210"/>
        <v>1.019803902718557</v>
      </c>
      <c r="SUZ7" s="9">
        <f t="shared" si="210"/>
        <v>1.019803902718557</v>
      </c>
      <c r="SVA7" s="9">
        <f t="shared" si="210"/>
        <v>1.019803902718557</v>
      </c>
      <c r="SVB7" s="9">
        <f t="shared" si="210"/>
        <v>1.019803902718557</v>
      </c>
      <c r="SVC7" s="9">
        <f t="shared" si="210"/>
        <v>1.019803902718557</v>
      </c>
      <c r="SVD7" s="9">
        <f t="shared" si="210"/>
        <v>1.019803902718557</v>
      </c>
      <c r="SVE7" s="9">
        <f t="shared" si="210"/>
        <v>1.019803902718557</v>
      </c>
      <c r="SVF7" s="9">
        <f t="shared" si="210"/>
        <v>1.019803902718557</v>
      </c>
      <c r="SVG7" s="9">
        <f t="shared" si="210"/>
        <v>1.019803902718557</v>
      </c>
      <c r="SVH7" s="9">
        <f t="shared" si="210"/>
        <v>1.019803902718557</v>
      </c>
      <c r="SVI7" s="9">
        <f t="shared" si="210"/>
        <v>1.019803902718557</v>
      </c>
      <c r="SVJ7" s="9">
        <f t="shared" si="210"/>
        <v>1.019803902718557</v>
      </c>
      <c r="SVK7" s="9">
        <f t="shared" si="210"/>
        <v>1.019803902718557</v>
      </c>
      <c r="SVL7" s="9">
        <f t="shared" si="210"/>
        <v>1.019803902718557</v>
      </c>
      <c r="SVM7" s="9">
        <f t="shared" si="210"/>
        <v>1.019803902718557</v>
      </c>
      <c r="SVN7" s="9">
        <f t="shared" si="210"/>
        <v>1.019803902718557</v>
      </c>
      <c r="SVO7" s="9">
        <f t="shared" si="210"/>
        <v>1.019803902718557</v>
      </c>
      <c r="SVP7" s="9">
        <f t="shared" si="210"/>
        <v>1.019803902718557</v>
      </c>
      <c r="SVQ7" s="9">
        <f t="shared" si="210"/>
        <v>1.019803902718557</v>
      </c>
      <c r="SVR7" s="9">
        <f t="shared" si="210"/>
        <v>1.019803902718557</v>
      </c>
      <c r="SVS7" s="9">
        <f t="shared" si="210"/>
        <v>1.019803902718557</v>
      </c>
      <c r="SVT7" s="9">
        <f t="shared" si="210"/>
        <v>1.019803902718557</v>
      </c>
      <c r="SVU7" s="9">
        <f t="shared" si="210"/>
        <v>1.019803902718557</v>
      </c>
      <c r="SVV7" s="9">
        <f t="shared" si="210"/>
        <v>1.019803902718557</v>
      </c>
      <c r="SVW7" s="9">
        <f t="shared" si="210"/>
        <v>1.019803902718557</v>
      </c>
      <c r="SVX7" s="9">
        <f t="shared" si="210"/>
        <v>1.019803902718557</v>
      </c>
      <c r="SVY7" s="9">
        <f t="shared" si="210"/>
        <v>1.019803902718557</v>
      </c>
      <c r="SVZ7" s="9">
        <f t="shared" si="210"/>
        <v>1.019803902718557</v>
      </c>
      <c r="SWA7" s="9">
        <f t="shared" si="210"/>
        <v>1.019803902718557</v>
      </c>
      <c r="SWB7" s="9">
        <f t="shared" si="210"/>
        <v>1.019803902718557</v>
      </c>
      <c r="SWC7" s="9">
        <f t="shared" si="210"/>
        <v>1.019803902718557</v>
      </c>
      <c r="SWD7" s="9">
        <f t="shared" si="210"/>
        <v>1.019803902718557</v>
      </c>
      <c r="SWE7" s="9">
        <f t="shared" si="210"/>
        <v>1.019803902718557</v>
      </c>
      <c r="SWF7" s="9">
        <f t="shared" si="210"/>
        <v>1.019803902718557</v>
      </c>
      <c r="SWG7" s="9">
        <f t="shared" si="210"/>
        <v>1.019803902718557</v>
      </c>
      <c r="SWH7" s="9">
        <f t="shared" ref="SWH7:SYS7" si="211">1/((1+$F$6) ^(SWH3-$F$7))</f>
        <v>1.019803902718557</v>
      </c>
      <c r="SWI7" s="9">
        <f t="shared" si="211"/>
        <v>1.019803902718557</v>
      </c>
      <c r="SWJ7" s="9">
        <f t="shared" si="211"/>
        <v>1.019803902718557</v>
      </c>
      <c r="SWK7" s="9">
        <f t="shared" si="211"/>
        <v>1.019803902718557</v>
      </c>
      <c r="SWL7" s="9">
        <f t="shared" si="211"/>
        <v>1.019803902718557</v>
      </c>
      <c r="SWM7" s="9">
        <f t="shared" si="211"/>
        <v>1.019803902718557</v>
      </c>
      <c r="SWN7" s="9">
        <f t="shared" si="211"/>
        <v>1.019803902718557</v>
      </c>
      <c r="SWO7" s="9">
        <f t="shared" si="211"/>
        <v>1.019803902718557</v>
      </c>
      <c r="SWP7" s="9">
        <f t="shared" si="211"/>
        <v>1.019803902718557</v>
      </c>
      <c r="SWQ7" s="9">
        <f t="shared" si="211"/>
        <v>1.019803902718557</v>
      </c>
      <c r="SWR7" s="9">
        <f t="shared" si="211"/>
        <v>1.019803902718557</v>
      </c>
      <c r="SWS7" s="9">
        <f t="shared" si="211"/>
        <v>1.019803902718557</v>
      </c>
      <c r="SWT7" s="9">
        <f t="shared" si="211"/>
        <v>1.019803902718557</v>
      </c>
      <c r="SWU7" s="9">
        <f t="shared" si="211"/>
        <v>1.019803902718557</v>
      </c>
      <c r="SWV7" s="9">
        <f t="shared" si="211"/>
        <v>1.019803902718557</v>
      </c>
      <c r="SWW7" s="9">
        <f t="shared" si="211"/>
        <v>1.019803902718557</v>
      </c>
      <c r="SWX7" s="9">
        <f t="shared" si="211"/>
        <v>1.019803902718557</v>
      </c>
      <c r="SWY7" s="9">
        <f t="shared" si="211"/>
        <v>1.019803902718557</v>
      </c>
      <c r="SWZ7" s="9">
        <f t="shared" si="211"/>
        <v>1.019803902718557</v>
      </c>
      <c r="SXA7" s="9">
        <f t="shared" si="211"/>
        <v>1.019803902718557</v>
      </c>
      <c r="SXB7" s="9">
        <f t="shared" si="211"/>
        <v>1.019803902718557</v>
      </c>
      <c r="SXC7" s="9">
        <f t="shared" si="211"/>
        <v>1.019803902718557</v>
      </c>
      <c r="SXD7" s="9">
        <f t="shared" si="211"/>
        <v>1.019803902718557</v>
      </c>
      <c r="SXE7" s="9">
        <f t="shared" si="211"/>
        <v>1.019803902718557</v>
      </c>
      <c r="SXF7" s="9">
        <f t="shared" si="211"/>
        <v>1.019803902718557</v>
      </c>
      <c r="SXG7" s="9">
        <f t="shared" si="211"/>
        <v>1.019803902718557</v>
      </c>
      <c r="SXH7" s="9">
        <f t="shared" si="211"/>
        <v>1.019803902718557</v>
      </c>
      <c r="SXI7" s="9">
        <f t="shared" si="211"/>
        <v>1.019803902718557</v>
      </c>
      <c r="SXJ7" s="9">
        <f t="shared" si="211"/>
        <v>1.019803902718557</v>
      </c>
      <c r="SXK7" s="9">
        <f t="shared" si="211"/>
        <v>1.019803902718557</v>
      </c>
      <c r="SXL7" s="9">
        <f t="shared" si="211"/>
        <v>1.019803902718557</v>
      </c>
      <c r="SXM7" s="9">
        <f t="shared" si="211"/>
        <v>1.019803902718557</v>
      </c>
      <c r="SXN7" s="9">
        <f t="shared" si="211"/>
        <v>1.019803902718557</v>
      </c>
      <c r="SXO7" s="9">
        <f t="shared" si="211"/>
        <v>1.019803902718557</v>
      </c>
      <c r="SXP7" s="9">
        <f t="shared" si="211"/>
        <v>1.019803902718557</v>
      </c>
      <c r="SXQ7" s="9">
        <f t="shared" si="211"/>
        <v>1.019803902718557</v>
      </c>
      <c r="SXR7" s="9">
        <f t="shared" si="211"/>
        <v>1.019803902718557</v>
      </c>
      <c r="SXS7" s="9">
        <f t="shared" si="211"/>
        <v>1.019803902718557</v>
      </c>
      <c r="SXT7" s="9">
        <f t="shared" si="211"/>
        <v>1.019803902718557</v>
      </c>
      <c r="SXU7" s="9">
        <f t="shared" si="211"/>
        <v>1.019803902718557</v>
      </c>
      <c r="SXV7" s="9">
        <f t="shared" si="211"/>
        <v>1.019803902718557</v>
      </c>
      <c r="SXW7" s="9">
        <f t="shared" si="211"/>
        <v>1.019803902718557</v>
      </c>
      <c r="SXX7" s="9">
        <f t="shared" si="211"/>
        <v>1.019803902718557</v>
      </c>
      <c r="SXY7" s="9">
        <f t="shared" si="211"/>
        <v>1.019803902718557</v>
      </c>
      <c r="SXZ7" s="9">
        <f t="shared" si="211"/>
        <v>1.019803902718557</v>
      </c>
      <c r="SYA7" s="9">
        <f t="shared" si="211"/>
        <v>1.019803902718557</v>
      </c>
      <c r="SYB7" s="9">
        <f t="shared" si="211"/>
        <v>1.019803902718557</v>
      </c>
      <c r="SYC7" s="9">
        <f t="shared" si="211"/>
        <v>1.019803902718557</v>
      </c>
      <c r="SYD7" s="9">
        <f t="shared" si="211"/>
        <v>1.019803902718557</v>
      </c>
      <c r="SYE7" s="9">
        <f t="shared" si="211"/>
        <v>1.019803902718557</v>
      </c>
      <c r="SYF7" s="9">
        <f t="shared" si="211"/>
        <v>1.019803902718557</v>
      </c>
      <c r="SYG7" s="9">
        <f t="shared" si="211"/>
        <v>1.019803902718557</v>
      </c>
      <c r="SYH7" s="9">
        <f t="shared" si="211"/>
        <v>1.019803902718557</v>
      </c>
      <c r="SYI7" s="9">
        <f t="shared" si="211"/>
        <v>1.019803902718557</v>
      </c>
      <c r="SYJ7" s="9">
        <f t="shared" si="211"/>
        <v>1.019803902718557</v>
      </c>
      <c r="SYK7" s="9">
        <f t="shared" si="211"/>
        <v>1.019803902718557</v>
      </c>
      <c r="SYL7" s="9">
        <f t="shared" si="211"/>
        <v>1.019803902718557</v>
      </c>
      <c r="SYM7" s="9">
        <f t="shared" si="211"/>
        <v>1.019803902718557</v>
      </c>
      <c r="SYN7" s="9">
        <f t="shared" si="211"/>
        <v>1.019803902718557</v>
      </c>
      <c r="SYO7" s="9">
        <f t="shared" si="211"/>
        <v>1.019803902718557</v>
      </c>
      <c r="SYP7" s="9">
        <f t="shared" si="211"/>
        <v>1.019803902718557</v>
      </c>
      <c r="SYQ7" s="9">
        <f t="shared" si="211"/>
        <v>1.019803902718557</v>
      </c>
      <c r="SYR7" s="9">
        <f t="shared" si="211"/>
        <v>1.019803902718557</v>
      </c>
      <c r="SYS7" s="9">
        <f t="shared" si="211"/>
        <v>1.019803902718557</v>
      </c>
      <c r="SYT7" s="9">
        <f t="shared" ref="SYT7:TBE7" si="212">1/((1+$F$6) ^(SYT3-$F$7))</f>
        <v>1.019803902718557</v>
      </c>
      <c r="SYU7" s="9">
        <f t="shared" si="212"/>
        <v>1.019803902718557</v>
      </c>
      <c r="SYV7" s="9">
        <f t="shared" si="212"/>
        <v>1.019803902718557</v>
      </c>
      <c r="SYW7" s="9">
        <f t="shared" si="212"/>
        <v>1.019803902718557</v>
      </c>
      <c r="SYX7" s="9">
        <f t="shared" si="212"/>
        <v>1.019803902718557</v>
      </c>
      <c r="SYY7" s="9">
        <f t="shared" si="212"/>
        <v>1.019803902718557</v>
      </c>
      <c r="SYZ7" s="9">
        <f t="shared" si="212"/>
        <v>1.019803902718557</v>
      </c>
      <c r="SZA7" s="9">
        <f t="shared" si="212"/>
        <v>1.019803902718557</v>
      </c>
      <c r="SZB7" s="9">
        <f t="shared" si="212"/>
        <v>1.019803902718557</v>
      </c>
      <c r="SZC7" s="9">
        <f t="shared" si="212"/>
        <v>1.019803902718557</v>
      </c>
      <c r="SZD7" s="9">
        <f t="shared" si="212"/>
        <v>1.019803902718557</v>
      </c>
      <c r="SZE7" s="9">
        <f t="shared" si="212"/>
        <v>1.019803902718557</v>
      </c>
      <c r="SZF7" s="9">
        <f t="shared" si="212"/>
        <v>1.019803902718557</v>
      </c>
      <c r="SZG7" s="9">
        <f t="shared" si="212"/>
        <v>1.019803902718557</v>
      </c>
      <c r="SZH7" s="9">
        <f t="shared" si="212"/>
        <v>1.019803902718557</v>
      </c>
      <c r="SZI7" s="9">
        <f t="shared" si="212"/>
        <v>1.019803902718557</v>
      </c>
      <c r="SZJ7" s="9">
        <f t="shared" si="212"/>
        <v>1.019803902718557</v>
      </c>
      <c r="SZK7" s="9">
        <f t="shared" si="212"/>
        <v>1.019803902718557</v>
      </c>
      <c r="SZL7" s="9">
        <f t="shared" si="212"/>
        <v>1.019803902718557</v>
      </c>
      <c r="SZM7" s="9">
        <f t="shared" si="212"/>
        <v>1.019803902718557</v>
      </c>
      <c r="SZN7" s="9">
        <f t="shared" si="212"/>
        <v>1.019803902718557</v>
      </c>
      <c r="SZO7" s="9">
        <f t="shared" si="212"/>
        <v>1.019803902718557</v>
      </c>
      <c r="SZP7" s="9">
        <f t="shared" si="212"/>
        <v>1.019803902718557</v>
      </c>
      <c r="SZQ7" s="9">
        <f t="shared" si="212"/>
        <v>1.019803902718557</v>
      </c>
      <c r="SZR7" s="9">
        <f t="shared" si="212"/>
        <v>1.019803902718557</v>
      </c>
      <c r="SZS7" s="9">
        <f t="shared" si="212"/>
        <v>1.019803902718557</v>
      </c>
      <c r="SZT7" s="9">
        <f t="shared" si="212"/>
        <v>1.019803902718557</v>
      </c>
      <c r="SZU7" s="9">
        <f t="shared" si="212"/>
        <v>1.019803902718557</v>
      </c>
      <c r="SZV7" s="9">
        <f t="shared" si="212"/>
        <v>1.019803902718557</v>
      </c>
      <c r="SZW7" s="9">
        <f t="shared" si="212"/>
        <v>1.019803902718557</v>
      </c>
      <c r="SZX7" s="9">
        <f t="shared" si="212"/>
        <v>1.019803902718557</v>
      </c>
      <c r="SZY7" s="9">
        <f t="shared" si="212"/>
        <v>1.019803902718557</v>
      </c>
      <c r="SZZ7" s="9">
        <f t="shared" si="212"/>
        <v>1.019803902718557</v>
      </c>
      <c r="TAA7" s="9">
        <f t="shared" si="212"/>
        <v>1.019803902718557</v>
      </c>
      <c r="TAB7" s="9">
        <f t="shared" si="212"/>
        <v>1.019803902718557</v>
      </c>
      <c r="TAC7" s="9">
        <f t="shared" si="212"/>
        <v>1.019803902718557</v>
      </c>
      <c r="TAD7" s="9">
        <f t="shared" si="212"/>
        <v>1.019803902718557</v>
      </c>
      <c r="TAE7" s="9">
        <f t="shared" si="212"/>
        <v>1.019803902718557</v>
      </c>
      <c r="TAF7" s="9">
        <f t="shared" si="212"/>
        <v>1.019803902718557</v>
      </c>
      <c r="TAG7" s="9">
        <f t="shared" si="212"/>
        <v>1.019803902718557</v>
      </c>
      <c r="TAH7" s="9">
        <f t="shared" si="212"/>
        <v>1.019803902718557</v>
      </c>
      <c r="TAI7" s="9">
        <f t="shared" si="212"/>
        <v>1.019803902718557</v>
      </c>
      <c r="TAJ7" s="9">
        <f t="shared" si="212"/>
        <v>1.019803902718557</v>
      </c>
      <c r="TAK7" s="9">
        <f t="shared" si="212"/>
        <v>1.019803902718557</v>
      </c>
      <c r="TAL7" s="9">
        <f t="shared" si="212"/>
        <v>1.019803902718557</v>
      </c>
      <c r="TAM7" s="9">
        <f t="shared" si="212"/>
        <v>1.019803902718557</v>
      </c>
      <c r="TAN7" s="9">
        <f t="shared" si="212"/>
        <v>1.019803902718557</v>
      </c>
      <c r="TAO7" s="9">
        <f t="shared" si="212"/>
        <v>1.019803902718557</v>
      </c>
      <c r="TAP7" s="9">
        <f t="shared" si="212"/>
        <v>1.019803902718557</v>
      </c>
      <c r="TAQ7" s="9">
        <f t="shared" si="212"/>
        <v>1.019803902718557</v>
      </c>
      <c r="TAR7" s="9">
        <f t="shared" si="212"/>
        <v>1.019803902718557</v>
      </c>
      <c r="TAS7" s="9">
        <f t="shared" si="212"/>
        <v>1.019803902718557</v>
      </c>
      <c r="TAT7" s="9">
        <f t="shared" si="212"/>
        <v>1.019803902718557</v>
      </c>
      <c r="TAU7" s="9">
        <f t="shared" si="212"/>
        <v>1.019803902718557</v>
      </c>
      <c r="TAV7" s="9">
        <f t="shared" si="212"/>
        <v>1.019803902718557</v>
      </c>
      <c r="TAW7" s="9">
        <f t="shared" si="212"/>
        <v>1.019803902718557</v>
      </c>
      <c r="TAX7" s="9">
        <f t="shared" si="212"/>
        <v>1.019803902718557</v>
      </c>
      <c r="TAY7" s="9">
        <f t="shared" si="212"/>
        <v>1.019803902718557</v>
      </c>
      <c r="TAZ7" s="9">
        <f t="shared" si="212"/>
        <v>1.019803902718557</v>
      </c>
      <c r="TBA7" s="9">
        <f t="shared" si="212"/>
        <v>1.019803902718557</v>
      </c>
      <c r="TBB7" s="9">
        <f t="shared" si="212"/>
        <v>1.019803902718557</v>
      </c>
      <c r="TBC7" s="9">
        <f t="shared" si="212"/>
        <v>1.019803902718557</v>
      </c>
      <c r="TBD7" s="9">
        <f t="shared" si="212"/>
        <v>1.019803902718557</v>
      </c>
      <c r="TBE7" s="9">
        <f t="shared" si="212"/>
        <v>1.019803902718557</v>
      </c>
      <c r="TBF7" s="9">
        <f t="shared" ref="TBF7:TDQ7" si="213">1/((1+$F$6) ^(TBF3-$F$7))</f>
        <v>1.019803902718557</v>
      </c>
      <c r="TBG7" s="9">
        <f t="shared" si="213"/>
        <v>1.019803902718557</v>
      </c>
      <c r="TBH7" s="9">
        <f t="shared" si="213"/>
        <v>1.019803902718557</v>
      </c>
      <c r="TBI7" s="9">
        <f t="shared" si="213"/>
        <v>1.019803902718557</v>
      </c>
      <c r="TBJ7" s="9">
        <f t="shared" si="213"/>
        <v>1.019803902718557</v>
      </c>
      <c r="TBK7" s="9">
        <f t="shared" si="213"/>
        <v>1.019803902718557</v>
      </c>
      <c r="TBL7" s="9">
        <f t="shared" si="213"/>
        <v>1.019803902718557</v>
      </c>
      <c r="TBM7" s="9">
        <f t="shared" si="213"/>
        <v>1.019803902718557</v>
      </c>
      <c r="TBN7" s="9">
        <f t="shared" si="213"/>
        <v>1.019803902718557</v>
      </c>
      <c r="TBO7" s="9">
        <f t="shared" si="213"/>
        <v>1.019803902718557</v>
      </c>
      <c r="TBP7" s="9">
        <f t="shared" si="213"/>
        <v>1.019803902718557</v>
      </c>
      <c r="TBQ7" s="9">
        <f t="shared" si="213"/>
        <v>1.019803902718557</v>
      </c>
      <c r="TBR7" s="9">
        <f t="shared" si="213"/>
        <v>1.019803902718557</v>
      </c>
      <c r="TBS7" s="9">
        <f t="shared" si="213"/>
        <v>1.019803902718557</v>
      </c>
      <c r="TBT7" s="9">
        <f t="shared" si="213"/>
        <v>1.019803902718557</v>
      </c>
      <c r="TBU7" s="9">
        <f t="shared" si="213"/>
        <v>1.019803902718557</v>
      </c>
      <c r="TBV7" s="9">
        <f t="shared" si="213"/>
        <v>1.019803902718557</v>
      </c>
      <c r="TBW7" s="9">
        <f t="shared" si="213"/>
        <v>1.019803902718557</v>
      </c>
      <c r="TBX7" s="9">
        <f t="shared" si="213"/>
        <v>1.019803902718557</v>
      </c>
      <c r="TBY7" s="9">
        <f t="shared" si="213"/>
        <v>1.019803902718557</v>
      </c>
      <c r="TBZ7" s="9">
        <f t="shared" si="213"/>
        <v>1.019803902718557</v>
      </c>
      <c r="TCA7" s="9">
        <f t="shared" si="213"/>
        <v>1.019803902718557</v>
      </c>
      <c r="TCB7" s="9">
        <f t="shared" si="213"/>
        <v>1.019803902718557</v>
      </c>
      <c r="TCC7" s="9">
        <f t="shared" si="213"/>
        <v>1.019803902718557</v>
      </c>
      <c r="TCD7" s="9">
        <f t="shared" si="213"/>
        <v>1.019803902718557</v>
      </c>
      <c r="TCE7" s="9">
        <f t="shared" si="213"/>
        <v>1.019803902718557</v>
      </c>
      <c r="TCF7" s="9">
        <f t="shared" si="213"/>
        <v>1.019803902718557</v>
      </c>
      <c r="TCG7" s="9">
        <f t="shared" si="213"/>
        <v>1.019803902718557</v>
      </c>
      <c r="TCH7" s="9">
        <f t="shared" si="213"/>
        <v>1.019803902718557</v>
      </c>
      <c r="TCI7" s="9">
        <f t="shared" si="213"/>
        <v>1.019803902718557</v>
      </c>
      <c r="TCJ7" s="9">
        <f t="shared" si="213"/>
        <v>1.019803902718557</v>
      </c>
      <c r="TCK7" s="9">
        <f t="shared" si="213"/>
        <v>1.019803902718557</v>
      </c>
      <c r="TCL7" s="9">
        <f t="shared" si="213"/>
        <v>1.019803902718557</v>
      </c>
      <c r="TCM7" s="9">
        <f t="shared" si="213"/>
        <v>1.019803902718557</v>
      </c>
      <c r="TCN7" s="9">
        <f t="shared" si="213"/>
        <v>1.019803902718557</v>
      </c>
      <c r="TCO7" s="9">
        <f t="shared" si="213"/>
        <v>1.019803902718557</v>
      </c>
      <c r="TCP7" s="9">
        <f t="shared" si="213"/>
        <v>1.019803902718557</v>
      </c>
      <c r="TCQ7" s="9">
        <f t="shared" si="213"/>
        <v>1.019803902718557</v>
      </c>
      <c r="TCR7" s="9">
        <f t="shared" si="213"/>
        <v>1.019803902718557</v>
      </c>
      <c r="TCS7" s="9">
        <f t="shared" si="213"/>
        <v>1.019803902718557</v>
      </c>
      <c r="TCT7" s="9">
        <f t="shared" si="213"/>
        <v>1.019803902718557</v>
      </c>
      <c r="TCU7" s="9">
        <f t="shared" si="213"/>
        <v>1.019803902718557</v>
      </c>
      <c r="TCV7" s="9">
        <f t="shared" si="213"/>
        <v>1.019803902718557</v>
      </c>
      <c r="TCW7" s="9">
        <f t="shared" si="213"/>
        <v>1.019803902718557</v>
      </c>
      <c r="TCX7" s="9">
        <f t="shared" si="213"/>
        <v>1.019803902718557</v>
      </c>
      <c r="TCY7" s="9">
        <f t="shared" si="213"/>
        <v>1.019803902718557</v>
      </c>
      <c r="TCZ7" s="9">
        <f t="shared" si="213"/>
        <v>1.019803902718557</v>
      </c>
      <c r="TDA7" s="9">
        <f t="shared" si="213"/>
        <v>1.019803902718557</v>
      </c>
      <c r="TDB7" s="9">
        <f t="shared" si="213"/>
        <v>1.019803902718557</v>
      </c>
      <c r="TDC7" s="9">
        <f t="shared" si="213"/>
        <v>1.019803902718557</v>
      </c>
      <c r="TDD7" s="9">
        <f t="shared" si="213"/>
        <v>1.019803902718557</v>
      </c>
      <c r="TDE7" s="9">
        <f t="shared" si="213"/>
        <v>1.019803902718557</v>
      </c>
      <c r="TDF7" s="9">
        <f t="shared" si="213"/>
        <v>1.019803902718557</v>
      </c>
      <c r="TDG7" s="9">
        <f t="shared" si="213"/>
        <v>1.019803902718557</v>
      </c>
      <c r="TDH7" s="9">
        <f t="shared" si="213"/>
        <v>1.019803902718557</v>
      </c>
      <c r="TDI7" s="9">
        <f t="shared" si="213"/>
        <v>1.019803902718557</v>
      </c>
      <c r="TDJ7" s="9">
        <f t="shared" si="213"/>
        <v>1.019803902718557</v>
      </c>
      <c r="TDK7" s="9">
        <f t="shared" si="213"/>
        <v>1.019803902718557</v>
      </c>
      <c r="TDL7" s="9">
        <f t="shared" si="213"/>
        <v>1.019803902718557</v>
      </c>
      <c r="TDM7" s="9">
        <f t="shared" si="213"/>
        <v>1.019803902718557</v>
      </c>
      <c r="TDN7" s="9">
        <f t="shared" si="213"/>
        <v>1.019803902718557</v>
      </c>
      <c r="TDO7" s="9">
        <f t="shared" si="213"/>
        <v>1.019803902718557</v>
      </c>
      <c r="TDP7" s="9">
        <f t="shared" si="213"/>
        <v>1.019803902718557</v>
      </c>
      <c r="TDQ7" s="9">
        <f t="shared" si="213"/>
        <v>1.019803902718557</v>
      </c>
      <c r="TDR7" s="9">
        <f t="shared" ref="TDR7:TGC7" si="214">1/((1+$F$6) ^(TDR3-$F$7))</f>
        <v>1.019803902718557</v>
      </c>
      <c r="TDS7" s="9">
        <f t="shared" si="214"/>
        <v>1.019803902718557</v>
      </c>
      <c r="TDT7" s="9">
        <f t="shared" si="214"/>
        <v>1.019803902718557</v>
      </c>
      <c r="TDU7" s="9">
        <f t="shared" si="214"/>
        <v>1.019803902718557</v>
      </c>
      <c r="TDV7" s="9">
        <f t="shared" si="214"/>
        <v>1.019803902718557</v>
      </c>
      <c r="TDW7" s="9">
        <f t="shared" si="214"/>
        <v>1.019803902718557</v>
      </c>
      <c r="TDX7" s="9">
        <f t="shared" si="214"/>
        <v>1.019803902718557</v>
      </c>
      <c r="TDY7" s="9">
        <f t="shared" si="214"/>
        <v>1.019803902718557</v>
      </c>
      <c r="TDZ7" s="9">
        <f t="shared" si="214"/>
        <v>1.019803902718557</v>
      </c>
      <c r="TEA7" s="9">
        <f t="shared" si="214"/>
        <v>1.019803902718557</v>
      </c>
      <c r="TEB7" s="9">
        <f t="shared" si="214"/>
        <v>1.019803902718557</v>
      </c>
      <c r="TEC7" s="9">
        <f t="shared" si="214"/>
        <v>1.019803902718557</v>
      </c>
      <c r="TED7" s="9">
        <f t="shared" si="214"/>
        <v>1.019803902718557</v>
      </c>
      <c r="TEE7" s="9">
        <f t="shared" si="214"/>
        <v>1.019803902718557</v>
      </c>
      <c r="TEF7" s="9">
        <f t="shared" si="214"/>
        <v>1.019803902718557</v>
      </c>
      <c r="TEG7" s="9">
        <f t="shared" si="214"/>
        <v>1.019803902718557</v>
      </c>
      <c r="TEH7" s="9">
        <f t="shared" si="214"/>
        <v>1.019803902718557</v>
      </c>
      <c r="TEI7" s="9">
        <f t="shared" si="214"/>
        <v>1.019803902718557</v>
      </c>
      <c r="TEJ7" s="9">
        <f t="shared" si="214"/>
        <v>1.019803902718557</v>
      </c>
      <c r="TEK7" s="9">
        <f t="shared" si="214"/>
        <v>1.019803902718557</v>
      </c>
      <c r="TEL7" s="9">
        <f t="shared" si="214"/>
        <v>1.019803902718557</v>
      </c>
      <c r="TEM7" s="9">
        <f t="shared" si="214"/>
        <v>1.019803902718557</v>
      </c>
      <c r="TEN7" s="9">
        <f t="shared" si="214"/>
        <v>1.019803902718557</v>
      </c>
      <c r="TEO7" s="9">
        <f t="shared" si="214"/>
        <v>1.019803902718557</v>
      </c>
      <c r="TEP7" s="9">
        <f t="shared" si="214"/>
        <v>1.019803902718557</v>
      </c>
      <c r="TEQ7" s="9">
        <f t="shared" si="214"/>
        <v>1.019803902718557</v>
      </c>
      <c r="TER7" s="9">
        <f t="shared" si="214"/>
        <v>1.019803902718557</v>
      </c>
      <c r="TES7" s="9">
        <f t="shared" si="214"/>
        <v>1.019803902718557</v>
      </c>
      <c r="TET7" s="9">
        <f t="shared" si="214"/>
        <v>1.019803902718557</v>
      </c>
      <c r="TEU7" s="9">
        <f t="shared" si="214"/>
        <v>1.019803902718557</v>
      </c>
      <c r="TEV7" s="9">
        <f t="shared" si="214"/>
        <v>1.019803902718557</v>
      </c>
      <c r="TEW7" s="9">
        <f t="shared" si="214"/>
        <v>1.019803902718557</v>
      </c>
      <c r="TEX7" s="9">
        <f t="shared" si="214"/>
        <v>1.019803902718557</v>
      </c>
      <c r="TEY7" s="9">
        <f t="shared" si="214"/>
        <v>1.019803902718557</v>
      </c>
      <c r="TEZ7" s="9">
        <f t="shared" si="214"/>
        <v>1.019803902718557</v>
      </c>
      <c r="TFA7" s="9">
        <f t="shared" si="214"/>
        <v>1.019803902718557</v>
      </c>
      <c r="TFB7" s="9">
        <f t="shared" si="214"/>
        <v>1.019803902718557</v>
      </c>
      <c r="TFC7" s="9">
        <f t="shared" si="214"/>
        <v>1.019803902718557</v>
      </c>
      <c r="TFD7" s="9">
        <f t="shared" si="214"/>
        <v>1.019803902718557</v>
      </c>
      <c r="TFE7" s="9">
        <f t="shared" si="214"/>
        <v>1.019803902718557</v>
      </c>
      <c r="TFF7" s="9">
        <f t="shared" si="214"/>
        <v>1.019803902718557</v>
      </c>
      <c r="TFG7" s="9">
        <f t="shared" si="214"/>
        <v>1.019803902718557</v>
      </c>
      <c r="TFH7" s="9">
        <f t="shared" si="214"/>
        <v>1.019803902718557</v>
      </c>
      <c r="TFI7" s="9">
        <f t="shared" si="214"/>
        <v>1.019803902718557</v>
      </c>
      <c r="TFJ7" s="9">
        <f t="shared" si="214"/>
        <v>1.019803902718557</v>
      </c>
      <c r="TFK7" s="9">
        <f t="shared" si="214"/>
        <v>1.019803902718557</v>
      </c>
      <c r="TFL7" s="9">
        <f t="shared" si="214"/>
        <v>1.019803902718557</v>
      </c>
      <c r="TFM7" s="9">
        <f t="shared" si="214"/>
        <v>1.019803902718557</v>
      </c>
      <c r="TFN7" s="9">
        <f t="shared" si="214"/>
        <v>1.019803902718557</v>
      </c>
      <c r="TFO7" s="9">
        <f t="shared" si="214"/>
        <v>1.019803902718557</v>
      </c>
      <c r="TFP7" s="9">
        <f t="shared" si="214"/>
        <v>1.019803902718557</v>
      </c>
      <c r="TFQ7" s="9">
        <f t="shared" si="214"/>
        <v>1.019803902718557</v>
      </c>
      <c r="TFR7" s="9">
        <f t="shared" si="214"/>
        <v>1.019803902718557</v>
      </c>
      <c r="TFS7" s="9">
        <f t="shared" si="214"/>
        <v>1.019803902718557</v>
      </c>
      <c r="TFT7" s="9">
        <f t="shared" si="214"/>
        <v>1.019803902718557</v>
      </c>
      <c r="TFU7" s="9">
        <f t="shared" si="214"/>
        <v>1.019803902718557</v>
      </c>
      <c r="TFV7" s="9">
        <f t="shared" si="214"/>
        <v>1.019803902718557</v>
      </c>
      <c r="TFW7" s="9">
        <f t="shared" si="214"/>
        <v>1.019803902718557</v>
      </c>
      <c r="TFX7" s="9">
        <f t="shared" si="214"/>
        <v>1.019803902718557</v>
      </c>
      <c r="TFY7" s="9">
        <f t="shared" si="214"/>
        <v>1.019803902718557</v>
      </c>
      <c r="TFZ7" s="9">
        <f t="shared" si="214"/>
        <v>1.019803902718557</v>
      </c>
      <c r="TGA7" s="9">
        <f t="shared" si="214"/>
        <v>1.019803902718557</v>
      </c>
      <c r="TGB7" s="9">
        <f t="shared" si="214"/>
        <v>1.019803902718557</v>
      </c>
      <c r="TGC7" s="9">
        <f t="shared" si="214"/>
        <v>1.019803902718557</v>
      </c>
      <c r="TGD7" s="9">
        <f t="shared" ref="TGD7:TIO7" si="215">1/((1+$F$6) ^(TGD3-$F$7))</f>
        <v>1.019803902718557</v>
      </c>
      <c r="TGE7" s="9">
        <f t="shared" si="215"/>
        <v>1.019803902718557</v>
      </c>
      <c r="TGF7" s="9">
        <f t="shared" si="215"/>
        <v>1.019803902718557</v>
      </c>
      <c r="TGG7" s="9">
        <f t="shared" si="215"/>
        <v>1.019803902718557</v>
      </c>
      <c r="TGH7" s="9">
        <f t="shared" si="215"/>
        <v>1.019803902718557</v>
      </c>
      <c r="TGI7" s="9">
        <f t="shared" si="215"/>
        <v>1.019803902718557</v>
      </c>
      <c r="TGJ7" s="9">
        <f t="shared" si="215"/>
        <v>1.019803902718557</v>
      </c>
      <c r="TGK7" s="9">
        <f t="shared" si="215"/>
        <v>1.019803902718557</v>
      </c>
      <c r="TGL7" s="9">
        <f t="shared" si="215"/>
        <v>1.019803902718557</v>
      </c>
      <c r="TGM7" s="9">
        <f t="shared" si="215"/>
        <v>1.019803902718557</v>
      </c>
      <c r="TGN7" s="9">
        <f t="shared" si="215"/>
        <v>1.019803902718557</v>
      </c>
      <c r="TGO7" s="9">
        <f t="shared" si="215"/>
        <v>1.019803902718557</v>
      </c>
      <c r="TGP7" s="9">
        <f t="shared" si="215"/>
        <v>1.019803902718557</v>
      </c>
      <c r="TGQ7" s="9">
        <f t="shared" si="215"/>
        <v>1.019803902718557</v>
      </c>
      <c r="TGR7" s="9">
        <f t="shared" si="215"/>
        <v>1.019803902718557</v>
      </c>
      <c r="TGS7" s="9">
        <f t="shared" si="215"/>
        <v>1.019803902718557</v>
      </c>
      <c r="TGT7" s="9">
        <f t="shared" si="215"/>
        <v>1.019803902718557</v>
      </c>
      <c r="TGU7" s="9">
        <f t="shared" si="215"/>
        <v>1.019803902718557</v>
      </c>
      <c r="TGV7" s="9">
        <f t="shared" si="215"/>
        <v>1.019803902718557</v>
      </c>
      <c r="TGW7" s="9">
        <f t="shared" si="215"/>
        <v>1.019803902718557</v>
      </c>
      <c r="TGX7" s="9">
        <f t="shared" si="215"/>
        <v>1.019803902718557</v>
      </c>
      <c r="TGY7" s="9">
        <f t="shared" si="215"/>
        <v>1.019803902718557</v>
      </c>
      <c r="TGZ7" s="9">
        <f t="shared" si="215"/>
        <v>1.019803902718557</v>
      </c>
      <c r="THA7" s="9">
        <f t="shared" si="215"/>
        <v>1.019803902718557</v>
      </c>
      <c r="THB7" s="9">
        <f t="shared" si="215"/>
        <v>1.019803902718557</v>
      </c>
      <c r="THC7" s="9">
        <f t="shared" si="215"/>
        <v>1.019803902718557</v>
      </c>
      <c r="THD7" s="9">
        <f t="shared" si="215"/>
        <v>1.019803902718557</v>
      </c>
      <c r="THE7" s="9">
        <f t="shared" si="215"/>
        <v>1.019803902718557</v>
      </c>
      <c r="THF7" s="9">
        <f t="shared" si="215"/>
        <v>1.019803902718557</v>
      </c>
      <c r="THG7" s="9">
        <f t="shared" si="215"/>
        <v>1.019803902718557</v>
      </c>
      <c r="THH7" s="9">
        <f t="shared" si="215"/>
        <v>1.019803902718557</v>
      </c>
      <c r="THI7" s="9">
        <f t="shared" si="215"/>
        <v>1.019803902718557</v>
      </c>
      <c r="THJ7" s="9">
        <f t="shared" si="215"/>
        <v>1.019803902718557</v>
      </c>
      <c r="THK7" s="9">
        <f t="shared" si="215"/>
        <v>1.019803902718557</v>
      </c>
      <c r="THL7" s="9">
        <f t="shared" si="215"/>
        <v>1.019803902718557</v>
      </c>
      <c r="THM7" s="9">
        <f t="shared" si="215"/>
        <v>1.019803902718557</v>
      </c>
      <c r="THN7" s="9">
        <f t="shared" si="215"/>
        <v>1.019803902718557</v>
      </c>
      <c r="THO7" s="9">
        <f t="shared" si="215"/>
        <v>1.019803902718557</v>
      </c>
      <c r="THP7" s="9">
        <f t="shared" si="215"/>
        <v>1.019803902718557</v>
      </c>
      <c r="THQ7" s="9">
        <f t="shared" si="215"/>
        <v>1.019803902718557</v>
      </c>
      <c r="THR7" s="9">
        <f t="shared" si="215"/>
        <v>1.019803902718557</v>
      </c>
      <c r="THS7" s="9">
        <f t="shared" si="215"/>
        <v>1.019803902718557</v>
      </c>
      <c r="THT7" s="9">
        <f t="shared" si="215"/>
        <v>1.019803902718557</v>
      </c>
      <c r="THU7" s="9">
        <f t="shared" si="215"/>
        <v>1.019803902718557</v>
      </c>
      <c r="THV7" s="9">
        <f t="shared" si="215"/>
        <v>1.019803902718557</v>
      </c>
      <c r="THW7" s="9">
        <f t="shared" si="215"/>
        <v>1.019803902718557</v>
      </c>
      <c r="THX7" s="9">
        <f t="shared" si="215"/>
        <v>1.019803902718557</v>
      </c>
      <c r="THY7" s="9">
        <f t="shared" si="215"/>
        <v>1.019803902718557</v>
      </c>
      <c r="THZ7" s="9">
        <f t="shared" si="215"/>
        <v>1.019803902718557</v>
      </c>
      <c r="TIA7" s="9">
        <f t="shared" si="215"/>
        <v>1.019803902718557</v>
      </c>
      <c r="TIB7" s="9">
        <f t="shared" si="215"/>
        <v>1.019803902718557</v>
      </c>
      <c r="TIC7" s="9">
        <f t="shared" si="215"/>
        <v>1.019803902718557</v>
      </c>
      <c r="TID7" s="9">
        <f t="shared" si="215"/>
        <v>1.019803902718557</v>
      </c>
      <c r="TIE7" s="9">
        <f t="shared" si="215"/>
        <v>1.019803902718557</v>
      </c>
      <c r="TIF7" s="9">
        <f t="shared" si="215"/>
        <v>1.019803902718557</v>
      </c>
      <c r="TIG7" s="9">
        <f t="shared" si="215"/>
        <v>1.019803902718557</v>
      </c>
      <c r="TIH7" s="9">
        <f t="shared" si="215"/>
        <v>1.019803902718557</v>
      </c>
      <c r="TII7" s="9">
        <f t="shared" si="215"/>
        <v>1.019803902718557</v>
      </c>
      <c r="TIJ7" s="9">
        <f t="shared" si="215"/>
        <v>1.019803902718557</v>
      </c>
      <c r="TIK7" s="9">
        <f t="shared" si="215"/>
        <v>1.019803902718557</v>
      </c>
      <c r="TIL7" s="9">
        <f t="shared" si="215"/>
        <v>1.019803902718557</v>
      </c>
      <c r="TIM7" s="9">
        <f t="shared" si="215"/>
        <v>1.019803902718557</v>
      </c>
      <c r="TIN7" s="9">
        <f t="shared" si="215"/>
        <v>1.019803902718557</v>
      </c>
      <c r="TIO7" s="9">
        <f t="shared" si="215"/>
        <v>1.019803902718557</v>
      </c>
      <c r="TIP7" s="9">
        <f t="shared" ref="TIP7:TLA7" si="216">1/((1+$F$6) ^(TIP3-$F$7))</f>
        <v>1.019803902718557</v>
      </c>
      <c r="TIQ7" s="9">
        <f t="shared" si="216"/>
        <v>1.019803902718557</v>
      </c>
      <c r="TIR7" s="9">
        <f t="shared" si="216"/>
        <v>1.019803902718557</v>
      </c>
      <c r="TIS7" s="9">
        <f t="shared" si="216"/>
        <v>1.019803902718557</v>
      </c>
      <c r="TIT7" s="9">
        <f t="shared" si="216"/>
        <v>1.019803902718557</v>
      </c>
      <c r="TIU7" s="9">
        <f t="shared" si="216"/>
        <v>1.019803902718557</v>
      </c>
      <c r="TIV7" s="9">
        <f t="shared" si="216"/>
        <v>1.019803902718557</v>
      </c>
      <c r="TIW7" s="9">
        <f t="shared" si="216"/>
        <v>1.019803902718557</v>
      </c>
      <c r="TIX7" s="9">
        <f t="shared" si="216"/>
        <v>1.019803902718557</v>
      </c>
      <c r="TIY7" s="9">
        <f t="shared" si="216"/>
        <v>1.019803902718557</v>
      </c>
      <c r="TIZ7" s="9">
        <f t="shared" si="216"/>
        <v>1.019803902718557</v>
      </c>
      <c r="TJA7" s="9">
        <f t="shared" si="216"/>
        <v>1.019803902718557</v>
      </c>
      <c r="TJB7" s="9">
        <f t="shared" si="216"/>
        <v>1.019803902718557</v>
      </c>
      <c r="TJC7" s="9">
        <f t="shared" si="216"/>
        <v>1.019803902718557</v>
      </c>
      <c r="TJD7" s="9">
        <f t="shared" si="216"/>
        <v>1.019803902718557</v>
      </c>
      <c r="TJE7" s="9">
        <f t="shared" si="216"/>
        <v>1.019803902718557</v>
      </c>
      <c r="TJF7" s="9">
        <f t="shared" si="216"/>
        <v>1.019803902718557</v>
      </c>
      <c r="TJG7" s="9">
        <f t="shared" si="216"/>
        <v>1.019803902718557</v>
      </c>
      <c r="TJH7" s="9">
        <f t="shared" si="216"/>
        <v>1.019803902718557</v>
      </c>
      <c r="TJI7" s="9">
        <f t="shared" si="216"/>
        <v>1.019803902718557</v>
      </c>
      <c r="TJJ7" s="9">
        <f t="shared" si="216"/>
        <v>1.019803902718557</v>
      </c>
      <c r="TJK7" s="9">
        <f t="shared" si="216"/>
        <v>1.019803902718557</v>
      </c>
      <c r="TJL7" s="9">
        <f t="shared" si="216"/>
        <v>1.019803902718557</v>
      </c>
      <c r="TJM7" s="9">
        <f t="shared" si="216"/>
        <v>1.019803902718557</v>
      </c>
      <c r="TJN7" s="9">
        <f t="shared" si="216"/>
        <v>1.019803902718557</v>
      </c>
      <c r="TJO7" s="9">
        <f t="shared" si="216"/>
        <v>1.019803902718557</v>
      </c>
      <c r="TJP7" s="9">
        <f t="shared" si="216"/>
        <v>1.019803902718557</v>
      </c>
      <c r="TJQ7" s="9">
        <f t="shared" si="216"/>
        <v>1.019803902718557</v>
      </c>
      <c r="TJR7" s="9">
        <f t="shared" si="216"/>
        <v>1.019803902718557</v>
      </c>
      <c r="TJS7" s="9">
        <f t="shared" si="216"/>
        <v>1.019803902718557</v>
      </c>
      <c r="TJT7" s="9">
        <f t="shared" si="216"/>
        <v>1.019803902718557</v>
      </c>
      <c r="TJU7" s="9">
        <f t="shared" si="216"/>
        <v>1.019803902718557</v>
      </c>
      <c r="TJV7" s="9">
        <f t="shared" si="216"/>
        <v>1.019803902718557</v>
      </c>
      <c r="TJW7" s="9">
        <f t="shared" si="216"/>
        <v>1.019803902718557</v>
      </c>
      <c r="TJX7" s="9">
        <f t="shared" si="216"/>
        <v>1.019803902718557</v>
      </c>
      <c r="TJY7" s="9">
        <f t="shared" si="216"/>
        <v>1.019803902718557</v>
      </c>
      <c r="TJZ7" s="9">
        <f t="shared" si="216"/>
        <v>1.019803902718557</v>
      </c>
      <c r="TKA7" s="9">
        <f t="shared" si="216"/>
        <v>1.019803902718557</v>
      </c>
      <c r="TKB7" s="9">
        <f t="shared" si="216"/>
        <v>1.019803902718557</v>
      </c>
      <c r="TKC7" s="9">
        <f t="shared" si="216"/>
        <v>1.019803902718557</v>
      </c>
      <c r="TKD7" s="9">
        <f t="shared" si="216"/>
        <v>1.019803902718557</v>
      </c>
      <c r="TKE7" s="9">
        <f t="shared" si="216"/>
        <v>1.019803902718557</v>
      </c>
      <c r="TKF7" s="9">
        <f t="shared" si="216"/>
        <v>1.019803902718557</v>
      </c>
      <c r="TKG7" s="9">
        <f t="shared" si="216"/>
        <v>1.019803902718557</v>
      </c>
      <c r="TKH7" s="9">
        <f t="shared" si="216"/>
        <v>1.019803902718557</v>
      </c>
      <c r="TKI7" s="9">
        <f t="shared" si="216"/>
        <v>1.019803902718557</v>
      </c>
      <c r="TKJ7" s="9">
        <f t="shared" si="216"/>
        <v>1.019803902718557</v>
      </c>
      <c r="TKK7" s="9">
        <f t="shared" si="216"/>
        <v>1.019803902718557</v>
      </c>
      <c r="TKL7" s="9">
        <f t="shared" si="216"/>
        <v>1.019803902718557</v>
      </c>
      <c r="TKM7" s="9">
        <f t="shared" si="216"/>
        <v>1.019803902718557</v>
      </c>
      <c r="TKN7" s="9">
        <f t="shared" si="216"/>
        <v>1.019803902718557</v>
      </c>
      <c r="TKO7" s="9">
        <f t="shared" si="216"/>
        <v>1.019803902718557</v>
      </c>
      <c r="TKP7" s="9">
        <f t="shared" si="216"/>
        <v>1.019803902718557</v>
      </c>
      <c r="TKQ7" s="9">
        <f t="shared" si="216"/>
        <v>1.019803902718557</v>
      </c>
      <c r="TKR7" s="9">
        <f t="shared" si="216"/>
        <v>1.019803902718557</v>
      </c>
      <c r="TKS7" s="9">
        <f t="shared" si="216"/>
        <v>1.019803902718557</v>
      </c>
      <c r="TKT7" s="9">
        <f t="shared" si="216"/>
        <v>1.019803902718557</v>
      </c>
      <c r="TKU7" s="9">
        <f t="shared" si="216"/>
        <v>1.019803902718557</v>
      </c>
      <c r="TKV7" s="9">
        <f t="shared" si="216"/>
        <v>1.019803902718557</v>
      </c>
      <c r="TKW7" s="9">
        <f t="shared" si="216"/>
        <v>1.019803902718557</v>
      </c>
      <c r="TKX7" s="9">
        <f t="shared" si="216"/>
        <v>1.019803902718557</v>
      </c>
      <c r="TKY7" s="9">
        <f t="shared" si="216"/>
        <v>1.019803902718557</v>
      </c>
      <c r="TKZ7" s="9">
        <f t="shared" si="216"/>
        <v>1.019803902718557</v>
      </c>
      <c r="TLA7" s="9">
        <f t="shared" si="216"/>
        <v>1.019803902718557</v>
      </c>
      <c r="TLB7" s="9">
        <f t="shared" ref="TLB7:TNM7" si="217">1/((1+$F$6) ^(TLB3-$F$7))</f>
        <v>1.019803902718557</v>
      </c>
      <c r="TLC7" s="9">
        <f t="shared" si="217"/>
        <v>1.019803902718557</v>
      </c>
      <c r="TLD7" s="9">
        <f t="shared" si="217"/>
        <v>1.019803902718557</v>
      </c>
      <c r="TLE7" s="9">
        <f t="shared" si="217"/>
        <v>1.019803902718557</v>
      </c>
      <c r="TLF7" s="9">
        <f t="shared" si="217"/>
        <v>1.019803902718557</v>
      </c>
      <c r="TLG7" s="9">
        <f t="shared" si="217"/>
        <v>1.019803902718557</v>
      </c>
      <c r="TLH7" s="9">
        <f t="shared" si="217"/>
        <v>1.019803902718557</v>
      </c>
      <c r="TLI7" s="9">
        <f t="shared" si="217"/>
        <v>1.019803902718557</v>
      </c>
      <c r="TLJ7" s="9">
        <f t="shared" si="217"/>
        <v>1.019803902718557</v>
      </c>
      <c r="TLK7" s="9">
        <f t="shared" si="217"/>
        <v>1.019803902718557</v>
      </c>
      <c r="TLL7" s="9">
        <f t="shared" si="217"/>
        <v>1.019803902718557</v>
      </c>
      <c r="TLM7" s="9">
        <f t="shared" si="217"/>
        <v>1.019803902718557</v>
      </c>
      <c r="TLN7" s="9">
        <f t="shared" si="217"/>
        <v>1.019803902718557</v>
      </c>
      <c r="TLO7" s="9">
        <f t="shared" si="217"/>
        <v>1.019803902718557</v>
      </c>
      <c r="TLP7" s="9">
        <f t="shared" si="217"/>
        <v>1.019803902718557</v>
      </c>
      <c r="TLQ7" s="9">
        <f t="shared" si="217"/>
        <v>1.019803902718557</v>
      </c>
      <c r="TLR7" s="9">
        <f t="shared" si="217"/>
        <v>1.019803902718557</v>
      </c>
      <c r="TLS7" s="9">
        <f t="shared" si="217"/>
        <v>1.019803902718557</v>
      </c>
      <c r="TLT7" s="9">
        <f t="shared" si="217"/>
        <v>1.019803902718557</v>
      </c>
      <c r="TLU7" s="9">
        <f t="shared" si="217"/>
        <v>1.019803902718557</v>
      </c>
      <c r="TLV7" s="9">
        <f t="shared" si="217"/>
        <v>1.019803902718557</v>
      </c>
      <c r="TLW7" s="9">
        <f t="shared" si="217"/>
        <v>1.019803902718557</v>
      </c>
      <c r="TLX7" s="9">
        <f t="shared" si="217"/>
        <v>1.019803902718557</v>
      </c>
      <c r="TLY7" s="9">
        <f t="shared" si="217"/>
        <v>1.019803902718557</v>
      </c>
      <c r="TLZ7" s="9">
        <f t="shared" si="217"/>
        <v>1.019803902718557</v>
      </c>
      <c r="TMA7" s="9">
        <f t="shared" si="217"/>
        <v>1.019803902718557</v>
      </c>
      <c r="TMB7" s="9">
        <f t="shared" si="217"/>
        <v>1.019803902718557</v>
      </c>
      <c r="TMC7" s="9">
        <f t="shared" si="217"/>
        <v>1.019803902718557</v>
      </c>
      <c r="TMD7" s="9">
        <f t="shared" si="217"/>
        <v>1.019803902718557</v>
      </c>
      <c r="TME7" s="9">
        <f t="shared" si="217"/>
        <v>1.019803902718557</v>
      </c>
      <c r="TMF7" s="9">
        <f t="shared" si="217"/>
        <v>1.019803902718557</v>
      </c>
      <c r="TMG7" s="9">
        <f t="shared" si="217"/>
        <v>1.019803902718557</v>
      </c>
      <c r="TMH7" s="9">
        <f t="shared" si="217"/>
        <v>1.019803902718557</v>
      </c>
      <c r="TMI7" s="9">
        <f t="shared" si="217"/>
        <v>1.019803902718557</v>
      </c>
      <c r="TMJ7" s="9">
        <f t="shared" si="217"/>
        <v>1.019803902718557</v>
      </c>
      <c r="TMK7" s="9">
        <f t="shared" si="217"/>
        <v>1.019803902718557</v>
      </c>
      <c r="TML7" s="9">
        <f t="shared" si="217"/>
        <v>1.019803902718557</v>
      </c>
      <c r="TMM7" s="9">
        <f t="shared" si="217"/>
        <v>1.019803902718557</v>
      </c>
      <c r="TMN7" s="9">
        <f t="shared" si="217"/>
        <v>1.019803902718557</v>
      </c>
      <c r="TMO7" s="9">
        <f t="shared" si="217"/>
        <v>1.019803902718557</v>
      </c>
      <c r="TMP7" s="9">
        <f t="shared" si="217"/>
        <v>1.019803902718557</v>
      </c>
      <c r="TMQ7" s="9">
        <f t="shared" si="217"/>
        <v>1.019803902718557</v>
      </c>
      <c r="TMR7" s="9">
        <f t="shared" si="217"/>
        <v>1.019803902718557</v>
      </c>
      <c r="TMS7" s="9">
        <f t="shared" si="217"/>
        <v>1.019803902718557</v>
      </c>
      <c r="TMT7" s="9">
        <f t="shared" si="217"/>
        <v>1.019803902718557</v>
      </c>
      <c r="TMU7" s="9">
        <f t="shared" si="217"/>
        <v>1.019803902718557</v>
      </c>
      <c r="TMV7" s="9">
        <f t="shared" si="217"/>
        <v>1.019803902718557</v>
      </c>
      <c r="TMW7" s="9">
        <f t="shared" si="217"/>
        <v>1.019803902718557</v>
      </c>
      <c r="TMX7" s="9">
        <f t="shared" si="217"/>
        <v>1.019803902718557</v>
      </c>
      <c r="TMY7" s="9">
        <f t="shared" si="217"/>
        <v>1.019803902718557</v>
      </c>
      <c r="TMZ7" s="9">
        <f t="shared" si="217"/>
        <v>1.019803902718557</v>
      </c>
      <c r="TNA7" s="9">
        <f t="shared" si="217"/>
        <v>1.019803902718557</v>
      </c>
      <c r="TNB7" s="9">
        <f t="shared" si="217"/>
        <v>1.019803902718557</v>
      </c>
      <c r="TNC7" s="9">
        <f t="shared" si="217"/>
        <v>1.019803902718557</v>
      </c>
      <c r="TND7" s="9">
        <f t="shared" si="217"/>
        <v>1.019803902718557</v>
      </c>
      <c r="TNE7" s="9">
        <f t="shared" si="217"/>
        <v>1.019803902718557</v>
      </c>
      <c r="TNF7" s="9">
        <f t="shared" si="217"/>
        <v>1.019803902718557</v>
      </c>
      <c r="TNG7" s="9">
        <f t="shared" si="217"/>
        <v>1.019803902718557</v>
      </c>
      <c r="TNH7" s="9">
        <f t="shared" si="217"/>
        <v>1.019803902718557</v>
      </c>
      <c r="TNI7" s="9">
        <f t="shared" si="217"/>
        <v>1.019803902718557</v>
      </c>
      <c r="TNJ7" s="9">
        <f t="shared" si="217"/>
        <v>1.019803902718557</v>
      </c>
      <c r="TNK7" s="9">
        <f t="shared" si="217"/>
        <v>1.019803902718557</v>
      </c>
      <c r="TNL7" s="9">
        <f t="shared" si="217"/>
        <v>1.019803902718557</v>
      </c>
      <c r="TNM7" s="9">
        <f t="shared" si="217"/>
        <v>1.019803902718557</v>
      </c>
      <c r="TNN7" s="9">
        <f t="shared" ref="TNN7:TPY7" si="218">1/((1+$F$6) ^(TNN3-$F$7))</f>
        <v>1.019803902718557</v>
      </c>
      <c r="TNO7" s="9">
        <f t="shared" si="218"/>
        <v>1.019803902718557</v>
      </c>
      <c r="TNP7" s="9">
        <f t="shared" si="218"/>
        <v>1.019803902718557</v>
      </c>
      <c r="TNQ7" s="9">
        <f t="shared" si="218"/>
        <v>1.019803902718557</v>
      </c>
      <c r="TNR7" s="9">
        <f t="shared" si="218"/>
        <v>1.019803902718557</v>
      </c>
      <c r="TNS7" s="9">
        <f t="shared" si="218"/>
        <v>1.019803902718557</v>
      </c>
      <c r="TNT7" s="9">
        <f t="shared" si="218"/>
        <v>1.019803902718557</v>
      </c>
      <c r="TNU7" s="9">
        <f t="shared" si="218"/>
        <v>1.019803902718557</v>
      </c>
      <c r="TNV7" s="9">
        <f t="shared" si="218"/>
        <v>1.019803902718557</v>
      </c>
      <c r="TNW7" s="9">
        <f t="shared" si="218"/>
        <v>1.019803902718557</v>
      </c>
      <c r="TNX7" s="9">
        <f t="shared" si="218"/>
        <v>1.019803902718557</v>
      </c>
      <c r="TNY7" s="9">
        <f t="shared" si="218"/>
        <v>1.019803902718557</v>
      </c>
      <c r="TNZ7" s="9">
        <f t="shared" si="218"/>
        <v>1.019803902718557</v>
      </c>
      <c r="TOA7" s="9">
        <f t="shared" si="218"/>
        <v>1.019803902718557</v>
      </c>
      <c r="TOB7" s="9">
        <f t="shared" si="218"/>
        <v>1.019803902718557</v>
      </c>
      <c r="TOC7" s="9">
        <f t="shared" si="218"/>
        <v>1.019803902718557</v>
      </c>
      <c r="TOD7" s="9">
        <f t="shared" si="218"/>
        <v>1.019803902718557</v>
      </c>
      <c r="TOE7" s="9">
        <f t="shared" si="218"/>
        <v>1.019803902718557</v>
      </c>
      <c r="TOF7" s="9">
        <f t="shared" si="218"/>
        <v>1.019803902718557</v>
      </c>
      <c r="TOG7" s="9">
        <f t="shared" si="218"/>
        <v>1.019803902718557</v>
      </c>
      <c r="TOH7" s="9">
        <f t="shared" si="218"/>
        <v>1.019803902718557</v>
      </c>
      <c r="TOI7" s="9">
        <f t="shared" si="218"/>
        <v>1.019803902718557</v>
      </c>
      <c r="TOJ7" s="9">
        <f t="shared" si="218"/>
        <v>1.019803902718557</v>
      </c>
      <c r="TOK7" s="9">
        <f t="shared" si="218"/>
        <v>1.019803902718557</v>
      </c>
      <c r="TOL7" s="9">
        <f t="shared" si="218"/>
        <v>1.019803902718557</v>
      </c>
      <c r="TOM7" s="9">
        <f t="shared" si="218"/>
        <v>1.019803902718557</v>
      </c>
      <c r="TON7" s="9">
        <f t="shared" si="218"/>
        <v>1.019803902718557</v>
      </c>
      <c r="TOO7" s="9">
        <f t="shared" si="218"/>
        <v>1.019803902718557</v>
      </c>
      <c r="TOP7" s="9">
        <f t="shared" si="218"/>
        <v>1.019803902718557</v>
      </c>
      <c r="TOQ7" s="9">
        <f t="shared" si="218"/>
        <v>1.019803902718557</v>
      </c>
      <c r="TOR7" s="9">
        <f t="shared" si="218"/>
        <v>1.019803902718557</v>
      </c>
      <c r="TOS7" s="9">
        <f t="shared" si="218"/>
        <v>1.019803902718557</v>
      </c>
      <c r="TOT7" s="9">
        <f t="shared" si="218"/>
        <v>1.019803902718557</v>
      </c>
      <c r="TOU7" s="9">
        <f t="shared" si="218"/>
        <v>1.019803902718557</v>
      </c>
      <c r="TOV7" s="9">
        <f t="shared" si="218"/>
        <v>1.019803902718557</v>
      </c>
      <c r="TOW7" s="9">
        <f t="shared" si="218"/>
        <v>1.019803902718557</v>
      </c>
      <c r="TOX7" s="9">
        <f t="shared" si="218"/>
        <v>1.019803902718557</v>
      </c>
      <c r="TOY7" s="9">
        <f t="shared" si="218"/>
        <v>1.019803902718557</v>
      </c>
      <c r="TOZ7" s="9">
        <f t="shared" si="218"/>
        <v>1.019803902718557</v>
      </c>
      <c r="TPA7" s="9">
        <f t="shared" si="218"/>
        <v>1.019803902718557</v>
      </c>
      <c r="TPB7" s="9">
        <f t="shared" si="218"/>
        <v>1.019803902718557</v>
      </c>
      <c r="TPC7" s="9">
        <f t="shared" si="218"/>
        <v>1.019803902718557</v>
      </c>
      <c r="TPD7" s="9">
        <f t="shared" si="218"/>
        <v>1.019803902718557</v>
      </c>
      <c r="TPE7" s="9">
        <f t="shared" si="218"/>
        <v>1.019803902718557</v>
      </c>
      <c r="TPF7" s="9">
        <f t="shared" si="218"/>
        <v>1.019803902718557</v>
      </c>
      <c r="TPG7" s="9">
        <f t="shared" si="218"/>
        <v>1.019803902718557</v>
      </c>
      <c r="TPH7" s="9">
        <f t="shared" si="218"/>
        <v>1.019803902718557</v>
      </c>
      <c r="TPI7" s="9">
        <f t="shared" si="218"/>
        <v>1.019803902718557</v>
      </c>
      <c r="TPJ7" s="9">
        <f t="shared" si="218"/>
        <v>1.019803902718557</v>
      </c>
      <c r="TPK7" s="9">
        <f t="shared" si="218"/>
        <v>1.019803902718557</v>
      </c>
      <c r="TPL7" s="9">
        <f t="shared" si="218"/>
        <v>1.019803902718557</v>
      </c>
      <c r="TPM7" s="9">
        <f t="shared" si="218"/>
        <v>1.019803902718557</v>
      </c>
      <c r="TPN7" s="9">
        <f t="shared" si="218"/>
        <v>1.019803902718557</v>
      </c>
      <c r="TPO7" s="9">
        <f t="shared" si="218"/>
        <v>1.019803902718557</v>
      </c>
      <c r="TPP7" s="9">
        <f t="shared" si="218"/>
        <v>1.019803902718557</v>
      </c>
      <c r="TPQ7" s="9">
        <f t="shared" si="218"/>
        <v>1.019803902718557</v>
      </c>
      <c r="TPR7" s="9">
        <f t="shared" si="218"/>
        <v>1.019803902718557</v>
      </c>
      <c r="TPS7" s="9">
        <f t="shared" si="218"/>
        <v>1.019803902718557</v>
      </c>
      <c r="TPT7" s="9">
        <f t="shared" si="218"/>
        <v>1.019803902718557</v>
      </c>
      <c r="TPU7" s="9">
        <f t="shared" si="218"/>
        <v>1.019803902718557</v>
      </c>
      <c r="TPV7" s="9">
        <f t="shared" si="218"/>
        <v>1.019803902718557</v>
      </c>
      <c r="TPW7" s="9">
        <f t="shared" si="218"/>
        <v>1.019803902718557</v>
      </c>
      <c r="TPX7" s="9">
        <f t="shared" si="218"/>
        <v>1.019803902718557</v>
      </c>
      <c r="TPY7" s="9">
        <f t="shared" si="218"/>
        <v>1.019803902718557</v>
      </c>
      <c r="TPZ7" s="9">
        <f t="shared" ref="TPZ7:TSK7" si="219">1/((1+$F$6) ^(TPZ3-$F$7))</f>
        <v>1.019803902718557</v>
      </c>
      <c r="TQA7" s="9">
        <f t="shared" si="219"/>
        <v>1.019803902718557</v>
      </c>
      <c r="TQB7" s="9">
        <f t="shared" si="219"/>
        <v>1.019803902718557</v>
      </c>
      <c r="TQC7" s="9">
        <f t="shared" si="219"/>
        <v>1.019803902718557</v>
      </c>
      <c r="TQD7" s="9">
        <f t="shared" si="219"/>
        <v>1.019803902718557</v>
      </c>
      <c r="TQE7" s="9">
        <f t="shared" si="219"/>
        <v>1.019803902718557</v>
      </c>
      <c r="TQF7" s="9">
        <f t="shared" si="219"/>
        <v>1.019803902718557</v>
      </c>
      <c r="TQG7" s="9">
        <f t="shared" si="219"/>
        <v>1.019803902718557</v>
      </c>
      <c r="TQH7" s="9">
        <f t="shared" si="219"/>
        <v>1.019803902718557</v>
      </c>
      <c r="TQI7" s="9">
        <f t="shared" si="219"/>
        <v>1.019803902718557</v>
      </c>
      <c r="TQJ7" s="9">
        <f t="shared" si="219"/>
        <v>1.019803902718557</v>
      </c>
      <c r="TQK7" s="9">
        <f t="shared" si="219"/>
        <v>1.019803902718557</v>
      </c>
      <c r="TQL7" s="9">
        <f t="shared" si="219"/>
        <v>1.019803902718557</v>
      </c>
      <c r="TQM7" s="9">
        <f t="shared" si="219"/>
        <v>1.019803902718557</v>
      </c>
      <c r="TQN7" s="9">
        <f t="shared" si="219"/>
        <v>1.019803902718557</v>
      </c>
      <c r="TQO7" s="9">
        <f t="shared" si="219"/>
        <v>1.019803902718557</v>
      </c>
      <c r="TQP7" s="9">
        <f t="shared" si="219"/>
        <v>1.019803902718557</v>
      </c>
      <c r="TQQ7" s="9">
        <f t="shared" si="219"/>
        <v>1.019803902718557</v>
      </c>
      <c r="TQR7" s="9">
        <f t="shared" si="219"/>
        <v>1.019803902718557</v>
      </c>
      <c r="TQS7" s="9">
        <f t="shared" si="219"/>
        <v>1.019803902718557</v>
      </c>
      <c r="TQT7" s="9">
        <f t="shared" si="219"/>
        <v>1.019803902718557</v>
      </c>
      <c r="TQU7" s="9">
        <f t="shared" si="219"/>
        <v>1.019803902718557</v>
      </c>
      <c r="TQV7" s="9">
        <f t="shared" si="219"/>
        <v>1.019803902718557</v>
      </c>
      <c r="TQW7" s="9">
        <f t="shared" si="219"/>
        <v>1.019803902718557</v>
      </c>
      <c r="TQX7" s="9">
        <f t="shared" si="219"/>
        <v>1.019803902718557</v>
      </c>
      <c r="TQY7" s="9">
        <f t="shared" si="219"/>
        <v>1.019803902718557</v>
      </c>
      <c r="TQZ7" s="9">
        <f t="shared" si="219"/>
        <v>1.019803902718557</v>
      </c>
      <c r="TRA7" s="9">
        <f t="shared" si="219"/>
        <v>1.019803902718557</v>
      </c>
      <c r="TRB7" s="9">
        <f t="shared" si="219"/>
        <v>1.019803902718557</v>
      </c>
      <c r="TRC7" s="9">
        <f t="shared" si="219"/>
        <v>1.019803902718557</v>
      </c>
      <c r="TRD7" s="9">
        <f t="shared" si="219"/>
        <v>1.019803902718557</v>
      </c>
      <c r="TRE7" s="9">
        <f t="shared" si="219"/>
        <v>1.019803902718557</v>
      </c>
      <c r="TRF7" s="9">
        <f t="shared" si="219"/>
        <v>1.019803902718557</v>
      </c>
      <c r="TRG7" s="9">
        <f t="shared" si="219"/>
        <v>1.019803902718557</v>
      </c>
      <c r="TRH7" s="9">
        <f t="shared" si="219"/>
        <v>1.019803902718557</v>
      </c>
      <c r="TRI7" s="9">
        <f t="shared" si="219"/>
        <v>1.019803902718557</v>
      </c>
      <c r="TRJ7" s="9">
        <f t="shared" si="219"/>
        <v>1.019803902718557</v>
      </c>
      <c r="TRK7" s="9">
        <f t="shared" si="219"/>
        <v>1.019803902718557</v>
      </c>
      <c r="TRL7" s="9">
        <f t="shared" si="219"/>
        <v>1.019803902718557</v>
      </c>
      <c r="TRM7" s="9">
        <f t="shared" si="219"/>
        <v>1.019803902718557</v>
      </c>
      <c r="TRN7" s="9">
        <f t="shared" si="219"/>
        <v>1.019803902718557</v>
      </c>
      <c r="TRO7" s="9">
        <f t="shared" si="219"/>
        <v>1.019803902718557</v>
      </c>
      <c r="TRP7" s="9">
        <f t="shared" si="219"/>
        <v>1.019803902718557</v>
      </c>
      <c r="TRQ7" s="9">
        <f t="shared" si="219"/>
        <v>1.019803902718557</v>
      </c>
      <c r="TRR7" s="9">
        <f t="shared" si="219"/>
        <v>1.019803902718557</v>
      </c>
      <c r="TRS7" s="9">
        <f t="shared" si="219"/>
        <v>1.019803902718557</v>
      </c>
      <c r="TRT7" s="9">
        <f t="shared" si="219"/>
        <v>1.019803902718557</v>
      </c>
      <c r="TRU7" s="9">
        <f t="shared" si="219"/>
        <v>1.019803902718557</v>
      </c>
      <c r="TRV7" s="9">
        <f t="shared" si="219"/>
        <v>1.019803902718557</v>
      </c>
      <c r="TRW7" s="9">
        <f t="shared" si="219"/>
        <v>1.019803902718557</v>
      </c>
      <c r="TRX7" s="9">
        <f t="shared" si="219"/>
        <v>1.019803902718557</v>
      </c>
      <c r="TRY7" s="9">
        <f t="shared" si="219"/>
        <v>1.019803902718557</v>
      </c>
      <c r="TRZ7" s="9">
        <f t="shared" si="219"/>
        <v>1.019803902718557</v>
      </c>
      <c r="TSA7" s="9">
        <f t="shared" si="219"/>
        <v>1.019803902718557</v>
      </c>
      <c r="TSB7" s="9">
        <f t="shared" si="219"/>
        <v>1.019803902718557</v>
      </c>
      <c r="TSC7" s="9">
        <f t="shared" si="219"/>
        <v>1.019803902718557</v>
      </c>
      <c r="TSD7" s="9">
        <f t="shared" si="219"/>
        <v>1.019803902718557</v>
      </c>
      <c r="TSE7" s="9">
        <f t="shared" si="219"/>
        <v>1.019803902718557</v>
      </c>
      <c r="TSF7" s="9">
        <f t="shared" si="219"/>
        <v>1.019803902718557</v>
      </c>
      <c r="TSG7" s="9">
        <f t="shared" si="219"/>
        <v>1.019803902718557</v>
      </c>
      <c r="TSH7" s="9">
        <f t="shared" si="219"/>
        <v>1.019803902718557</v>
      </c>
      <c r="TSI7" s="9">
        <f t="shared" si="219"/>
        <v>1.019803902718557</v>
      </c>
      <c r="TSJ7" s="9">
        <f t="shared" si="219"/>
        <v>1.019803902718557</v>
      </c>
      <c r="TSK7" s="9">
        <f t="shared" si="219"/>
        <v>1.019803902718557</v>
      </c>
      <c r="TSL7" s="9">
        <f t="shared" ref="TSL7:TUW7" si="220">1/((1+$F$6) ^(TSL3-$F$7))</f>
        <v>1.019803902718557</v>
      </c>
      <c r="TSM7" s="9">
        <f t="shared" si="220"/>
        <v>1.019803902718557</v>
      </c>
      <c r="TSN7" s="9">
        <f t="shared" si="220"/>
        <v>1.019803902718557</v>
      </c>
      <c r="TSO7" s="9">
        <f t="shared" si="220"/>
        <v>1.019803902718557</v>
      </c>
      <c r="TSP7" s="9">
        <f t="shared" si="220"/>
        <v>1.019803902718557</v>
      </c>
      <c r="TSQ7" s="9">
        <f t="shared" si="220"/>
        <v>1.019803902718557</v>
      </c>
      <c r="TSR7" s="9">
        <f t="shared" si="220"/>
        <v>1.019803902718557</v>
      </c>
      <c r="TSS7" s="9">
        <f t="shared" si="220"/>
        <v>1.019803902718557</v>
      </c>
      <c r="TST7" s="9">
        <f t="shared" si="220"/>
        <v>1.019803902718557</v>
      </c>
      <c r="TSU7" s="9">
        <f t="shared" si="220"/>
        <v>1.019803902718557</v>
      </c>
      <c r="TSV7" s="9">
        <f t="shared" si="220"/>
        <v>1.019803902718557</v>
      </c>
      <c r="TSW7" s="9">
        <f t="shared" si="220"/>
        <v>1.019803902718557</v>
      </c>
      <c r="TSX7" s="9">
        <f t="shared" si="220"/>
        <v>1.019803902718557</v>
      </c>
      <c r="TSY7" s="9">
        <f t="shared" si="220"/>
        <v>1.019803902718557</v>
      </c>
      <c r="TSZ7" s="9">
        <f t="shared" si="220"/>
        <v>1.019803902718557</v>
      </c>
      <c r="TTA7" s="9">
        <f t="shared" si="220"/>
        <v>1.019803902718557</v>
      </c>
      <c r="TTB7" s="9">
        <f t="shared" si="220"/>
        <v>1.019803902718557</v>
      </c>
      <c r="TTC7" s="9">
        <f t="shared" si="220"/>
        <v>1.019803902718557</v>
      </c>
      <c r="TTD7" s="9">
        <f t="shared" si="220"/>
        <v>1.019803902718557</v>
      </c>
      <c r="TTE7" s="9">
        <f t="shared" si="220"/>
        <v>1.019803902718557</v>
      </c>
      <c r="TTF7" s="9">
        <f t="shared" si="220"/>
        <v>1.019803902718557</v>
      </c>
      <c r="TTG7" s="9">
        <f t="shared" si="220"/>
        <v>1.019803902718557</v>
      </c>
      <c r="TTH7" s="9">
        <f t="shared" si="220"/>
        <v>1.019803902718557</v>
      </c>
      <c r="TTI7" s="9">
        <f t="shared" si="220"/>
        <v>1.019803902718557</v>
      </c>
      <c r="TTJ7" s="9">
        <f t="shared" si="220"/>
        <v>1.019803902718557</v>
      </c>
      <c r="TTK7" s="9">
        <f t="shared" si="220"/>
        <v>1.019803902718557</v>
      </c>
      <c r="TTL7" s="9">
        <f t="shared" si="220"/>
        <v>1.019803902718557</v>
      </c>
      <c r="TTM7" s="9">
        <f t="shared" si="220"/>
        <v>1.019803902718557</v>
      </c>
      <c r="TTN7" s="9">
        <f t="shared" si="220"/>
        <v>1.019803902718557</v>
      </c>
      <c r="TTO7" s="9">
        <f t="shared" si="220"/>
        <v>1.019803902718557</v>
      </c>
      <c r="TTP7" s="9">
        <f t="shared" si="220"/>
        <v>1.019803902718557</v>
      </c>
      <c r="TTQ7" s="9">
        <f t="shared" si="220"/>
        <v>1.019803902718557</v>
      </c>
      <c r="TTR7" s="9">
        <f t="shared" si="220"/>
        <v>1.019803902718557</v>
      </c>
      <c r="TTS7" s="9">
        <f t="shared" si="220"/>
        <v>1.019803902718557</v>
      </c>
      <c r="TTT7" s="9">
        <f t="shared" si="220"/>
        <v>1.019803902718557</v>
      </c>
      <c r="TTU7" s="9">
        <f t="shared" si="220"/>
        <v>1.019803902718557</v>
      </c>
      <c r="TTV7" s="9">
        <f t="shared" si="220"/>
        <v>1.019803902718557</v>
      </c>
      <c r="TTW7" s="9">
        <f t="shared" si="220"/>
        <v>1.019803902718557</v>
      </c>
      <c r="TTX7" s="9">
        <f t="shared" si="220"/>
        <v>1.019803902718557</v>
      </c>
      <c r="TTY7" s="9">
        <f t="shared" si="220"/>
        <v>1.019803902718557</v>
      </c>
      <c r="TTZ7" s="9">
        <f t="shared" si="220"/>
        <v>1.019803902718557</v>
      </c>
      <c r="TUA7" s="9">
        <f t="shared" si="220"/>
        <v>1.019803902718557</v>
      </c>
      <c r="TUB7" s="9">
        <f t="shared" si="220"/>
        <v>1.019803902718557</v>
      </c>
      <c r="TUC7" s="9">
        <f t="shared" si="220"/>
        <v>1.019803902718557</v>
      </c>
      <c r="TUD7" s="9">
        <f t="shared" si="220"/>
        <v>1.019803902718557</v>
      </c>
      <c r="TUE7" s="9">
        <f t="shared" si="220"/>
        <v>1.019803902718557</v>
      </c>
      <c r="TUF7" s="9">
        <f t="shared" si="220"/>
        <v>1.019803902718557</v>
      </c>
      <c r="TUG7" s="9">
        <f t="shared" si="220"/>
        <v>1.019803902718557</v>
      </c>
      <c r="TUH7" s="9">
        <f t="shared" si="220"/>
        <v>1.019803902718557</v>
      </c>
      <c r="TUI7" s="9">
        <f t="shared" si="220"/>
        <v>1.019803902718557</v>
      </c>
      <c r="TUJ7" s="9">
        <f t="shared" si="220"/>
        <v>1.019803902718557</v>
      </c>
      <c r="TUK7" s="9">
        <f t="shared" si="220"/>
        <v>1.019803902718557</v>
      </c>
      <c r="TUL7" s="9">
        <f t="shared" si="220"/>
        <v>1.019803902718557</v>
      </c>
      <c r="TUM7" s="9">
        <f t="shared" si="220"/>
        <v>1.019803902718557</v>
      </c>
      <c r="TUN7" s="9">
        <f t="shared" si="220"/>
        <v>1.019803902718557</v>
      </c>
      <c r="TUO7" s="9">
        <f t="shared" si="220"/>
        <v>1.019803902718557</v>
      </c>
      <c r="TUP7" s="9">
        <f t="shared" si="220"/>
        <v>1.019803902718557</v>
      </c>
      <c r="TUQ7" s="9">
        <f t="shared" si="220"/>
        <v>1.019803902718557</v>
      </c>
      <c r="TUR7" s="9">
        <f t="shared" si="220"/>
        <v>1.019803902718557</v>
      </c>
      <c r="TUS7" s="9">
        <f t="shared" si="220"/>
        <v>1.019803902718557</v>
      </c>
      <c r="TUT7" s="9">
        <f t="shared" si="220"/>
        <v>1.019803902718557</v>
      </c>
      <c r="TUU7" s="9">
        <f t="shared" si="220"/>
        <v>1.019803902718557</v>
      </c>
      <c r="TUV7" s="9">
        <f t="shared" si="220"/>
        <v>1.019803902718557</v>
      </c>
      <c r="TUW7" s="9">
        <f t="shared" si="220"/>
        <v>1.019803902718557</v>
      </c>
      <c r="TUX7" s="9">
        <f t="shared" ref="TUX7:TXI7" si="221">1/((1+$F$6) ^(TUX3-$F$7))</f>
        <v>1.019803902718557</v>
      </c>
      <c r="TUY7" s="9">
        <f t="shared" si="221"/>
        <v>1.019803902718557</v>
      </c>
      <c r="TUZ7" s="9">
        <f t="shared" si="221"/>
        <v>1.019803902718557</v>
      </c>
      <c r="TVA7" s="9">
        <f t="shared" si="221"/>
        <v>1.019803902718557</v>
      </c>
      <c r="TVB7" s="9">
        <f t="shared" si="221"/>
        <v>1.019803902718557</v>
      </c>
      <c r="TVC7" s="9">
        <f t="shared" si="221"/>
        <v>1.019803902718557</v>
      </c>
      <c r="TVD7" s="9">
        <f t="shared" si="221"/>
        <v>1.019803902718557</v>
      </c>
      <c r="TVE7" s="9">
        <f t="shared" si="221"/>
        <v>1.019803902718557</v>
      </c>
      <c r="TVF7" s="9">
        <f t="shared" si="221"/>
        <v>1.019803902718557</v>
      </c>
      <c r="TVG7" s="9">
        <f t="shared" si="221"/>
        <v>1.019803902718557</v>
      </c>
      <c r="TVH7" s="9">
        <f t="shared" si="221"/>
        <v>1.019803902718557</v>
      </c>
      <c r="TVI7" s="9">
        <f t="shared" si="221"/>
        <v>1.019803902718557</v>
      </c>
      <c r="TVJ7" s="9">
        <f t="shared" si="221"/>
        <v>1.019803902718557</v>
      </c>
      <c r="TVK7" s="9">
        <f t="shared" si="221"/>
        <v>1.019803902718557</v>
      </c>
      <c r="TVL7" s="9">
        <f t="shared" si="221"/>
        <v>1.019803902718557</v>
      </c>
      <c r="TVM7" s="9">
        <f t="shared" si="221"/>
        <v>1.019803902718557</v>
      </c>
      <c r="TVN7" s="9">
        <f t="shared" si="221"/>
        <v>1.019803902718557</v>
      </c>
      <c r="TVO7" s="9">
        <f t="shared" si="221"/>
        <v>1.019803902718557</v>
      </c>
      <c r="TVP7" s="9">
        <f t="shared" si="221"/>
        <v>1.019803902718557</v>
      </c>
      <c r="TVQ7" s="9">
        <f t="shared" si="221"/>
        <v>1.019803902718557</v>
      </c>
      <c r="TVR7" s="9">
        <f t="shared" si="221"/>
        <v>1.019803902718557</v>
      </c>
      <c r="TVS7" s="9">
        <f t="shared" si="221"/>
        <v>1.019803902718557</v>
      </c>
      <c r="TVT7" s="9">
        <f t="shared" si="221"/>
        <v>1.019803902718557</v>
      </c>
      <c r="TVU7" s="9">
        <f t="shared" si="221"/>
        <v>1.019803902718557</v>
      </c>
      <c r="TVV7" s="9">
        <f t="shared" si="221"/>
        <v>1.019803902718557</v>
      </c>
      <c r="TVW7" s="9">
        <f t="shared" si="221"/>
        <v>1.019803902718557</v>
      </c>
      <c r="TVX7" s="9">
        <f t="shared" si="221"/>
        <v>1.019803902718557</v>
      </c>
      <c r="TVY7" s="9">
        <f t="shared" si="221"/>
        <v>1.019803902718557</v>
      </c>
      <c r="TVZ7" s="9">
        <f t="shared" si="221"/>
        <v>1.019803902718557</v>
      </c>
      <c r="TWA7" s="9">
        <f t="shared" si="221"/>
        <v>1.019803902718557</v>
      </c>
      <c r="TWB7" s="9">
        <f t="shared" si="221"/>
        <v>1.019803902718557</v>
      </c>
      <c r="TWC7" s="9">
        <f t="shared" si="221"/>
        <v>1.019803902718557</v>
      </c>
      <c r="TWD7" s="9">
        <f t="shared" si="221"/>
        <v>1.019803902718557</v>
      </c>
      <c r="TWE7" s="9">
        <f t="shared" si="221"/>
        <v>1.019803902718557</v>
      </c>
      <c r="TWF7" s="9">
        <f t="shared" si="221"/>
        <v>1.019803902718557</v>
      </c>
      <c r="TWG7" s="9">
        <f t="shared" si="221"/>
        <v>1.019803902718557</v>
      </c>
      <c r="TWH7" s="9">
        <f t="shared" si="221"/>
        <v>1.019803902718557</v>
      </c>
      <c r="TWI7" s="9">
        <f t="shared" si="221"/>
        <v>1.019803902718557</v>
      </c>
      <c r="TWJ7" s="9">
        <f t="shared" si="221"/>
        <v>1.019803902718557</v>
      </c>
      <c r="TWK7" s="9">
        <f t="shared" si="221"/>
        <v>1.019803902718557</v>
      </c>
      <c r="TWL7" s="9">
        <f t="shared" si="221"/>
        <v>1.019803902718557</v>
      </c>
      <c r="TWM7" s="9">
        <f t="shared" si="221"/>
        <v>1.019803902718557</v>
      </c>
      <c r="TWN7" s="9">
        <f t="shared" si="221"/>
        <v>1.019803902718557</v>
      </c>
      <c r="TWO7" s="9">
        <f t="shared" si="221"/>
        <v>1.019803902718557</v>
      </c>
      <c r="TWP7" s="9">
        <f t="shared" si="221"/>
        <v>1.019803902718557</v>
      </c>
      <c r="TWQ7" s="9">
        <f t="shared" si="221"/>
        <v>1.019803902718557</v>
      </c>
      <c r="TWR7" s="9">
        <f t="shared" si="221"/>
        <v>1.019803902718557</v>
      </c>
      <c r="TWS7" s="9">
        <f t="shared" si="221"/>
        <v>1.019803902718557</v>
      </c>
      <c r="TWT7" s="9">
        <f t="shared" si="221"/>
        <v>1.019803902718557</v>
      </c>
      <c r="TWU7" s="9">
        <f t="shared" si="221"/>
        <v>1.019803902718557</v>
      </c>
      <c r="TWV7" s="9">
        <f t="shared" si="221"/>
        <v>1.019803902718557</v>
      </c>
      <c r="TWW7" s="9">
        <f t="shared" si="221"/>
        <v>1.019803902718557</v>
      </c>
      <c r="TWX7" s="9">
        <f t="shared" si="221"/>
        <v>1.019803902718557</v>
      </c>
      <c r="TWY7" s="9">
        <f t="shared" si="221"/>
        <v>1.019803902718557</v>
      </c>
      <c r="TWZ7" s="9">
        <f t="shared" si="221"/>
        <v>1.019803902718557</v>
      </c>
      <c r="TXA7" s="9">
        <f t="shared" si="221"/>
        <v>1.019803902718557</v>
      </c>
      <c r="TXB7" s="9">
        <f t="shared" si="221"/>
        <v>1.019803902718557</v>
      </c>
      <c r="TXC7" s="9">
        <f t="shared" si="221"/>
        <v>1.019803902718557</v>
      </c>
      <c r="TXD7" s="9">
        <f t="shared" si="221"/>
        <v>1.019803902718557</v>
      </c>
      <c r="TXE7" s="9">
        <f t="shared" si="221"/>
        <v>1.019803902718557</v>
      </c>
      <c r="TXF7" s="9">
        <f t="shared" si="221"/>
        <v>1.019803902718557</v>
      </c>
      <c r="TXG7" s="9">
        <f t="shared" si="221"/>
        <v>1.019803902718557</v>
      </c>
      <c r="TXH7" s="9">
        <f t="shared" si="221"/>
        <v>1.019803902718557</v>
      </c>
      <c r="TXI7" s="9">
        <f t="shared" si="221"/>
        <v>1.019803902718557</v>
      </c>
      <c r="TXJ7" s="9">
        <f t="shared" ref="TXJ7:TZU7" si="222">1/((1+$F$6) ^(TXJ3-$F$7))</f>
        <v>1.019803902718557</v>
      </c>
      <c r="TXK7" s="9">
        <f t="shared" si="222"/>
        <v>1.019803902718557</v>
      </c>
      <c r="TXL7" s="9">
        <f t="shared" si="222"/>
        <v>1.019803902718557</v>
      </c>
      <c r="TXM7" s="9">
        <f t="shared" si="222"/>
        <v>1.019803902718557</v>
      </c>
      <c r="TXN7" s="9">
        <f t="shared" si="222"/>
        <v>1.019803902718557</v>
      </c>
      <c r="TXO7" s="9">
        <f t="shared" si="222"/>
        <v>1.019803902718557</v>
      </c>
      <c r="TXP7" s="9">
        <f t="shared" si="222"/>
        <v>1.019803902718557</v>
      </c>
      <c r="TXQ7" s="9">
        <f t="shared" si="222"/>
        <v>1.019803902718557</v>
      </c>
      <c r="TXR7" s="9">
        <f t="shared" si="222"/>
        <v>1.019803902718557</v>
      </c>
      <c r="TXS7" s="9">
        <f t="shared" si="222"/>
        <v>1.019803902718557</v>
      </c>
      <c r="TXT7" s="9">
        <f t="shared" si="222"/>
        <v>1.019803902718557</v>
      </c>
      <c r="TXU7" s="9">
        <f t="shared" si="222"/>
        <v>1.019803902718557</v>
      </c>
      <c r="TXV7" s="9">
        <f t="shared" si="222"/>
        <v>1.019803902718557</v>
      </c>
      <c r="TXW7" s="9">
        <f t="shared" si="222"/>
        <v>1.019803902718557</v>
      </c>
      <c r="TXX7" s="9">
        <f t="shared" si="222"/>
        <v>1.019803902718557</v>
      </c>
      <c r="TXY7" s="9">
        <f t="shared" si="222"/>
        <v>1.019803902718557</v>
      </c>
      <c r="TXZ7" s="9">
        <f t="shared" si="222"/>
        <v>1.019803902718557</v>
      </c>
      <c r="TYA7" s="9">
        <f t="shared" si="222"/>
        <v>1.019803902718557</v>
      </c>
      <c r="TYB7" s="9">
        <f t="shared" si="222"/>
        <v>1.019803902718557</v>
      </c>
      <c r="TYC7" s="9">
        <f t="shared" si="222"/>
        <v>1.019803902718557</v>
      </c>
      <c r="TYD7" s="9">
        <f t="shared" si="222"/>
        <v>1.019803902718557</v>
      </c>
      <c r="TYE7" s="9">
        <f t="shared" si="222"/>
        <v>1.019803902718557</v>
      </c>
      <c r="TYF7" s="9">
        <f t="shared" si="222"/>
        <v>1.019803902718557</v>
      </c>
      <c r="TYG7" s="9">
        <f t="shared" si="222"/>
        <v>1.019803902718557</v>
      </c>
      <c r="TYH7" s="9">
        <f t="shared" si="222"/>
        <v>1.019803902718557</v>
      </c>
      <c r="TYI7" s="9">
        <f t="shared" si="222"/>
        <v>1.019803902718557</v>
      </c>
      <c r="TYJ7" s="9">
        <f t="shared" si="222"/>
        <v>1.019803902718557</v>
      </c>
      <c r="TYK7" s="9">
        <f t="shared" si="222"/>
        <v>1.019803902718557</v>
      </c>
      <c r="TYL7" s="9">
        <f t="shared" si="222"/>
        <v>1.019803902718557</v>
      </c>
      <c r="TYM7" s="9">
        <f t="shared" si="222"/>
        <v>1.019803902718557</v>
      </c>
      <c r="TYN7" s="9">
        <f t="shared" si="222"/>
        <v>1.019803902718557</v>
      </c>
      <c r="TYO7" s="9">
        <f t="shared" si="222"/>
        <v>1.019803902718557</v>
      </c>
      <c r="TYP7" s="9">
        <f t="shared" si="222"/>
        <v>1.019803902718557</v>
      </c>
      <c r="TYQ7" s="9">
        <f t="shared" si="222"/>
        <v>1.019803902718557</v>
      </c>
      <c r="TYR7" s="9">
        <f t="shared" si="222"/>
        <v>1.019803902718557</v>
      </c>
      <c r="TYS7" s="9">
        <f t="shared" si="222"/>
        <v>1.019803902718557</v>
      </c>
      <c r="TYT7" s="9">
        <f t="shared" si="222"/>
        <v>1.019803902718557</v>
      </c>
      <c r="TYU7" s="9">
        <f t="shared" si="222"/>
        <v>1.019803902718557</v>
      </c>
      <c r="TYV7" s="9">
        <f t="shared" si="222"/>
        <v>1.019803902718557</v>
      </c>
      <c r="TYW7" s="9">
        <f t="shared" si="222"/>
        <v>1.019803902718557</v>
      </c>
      <c r="TYX7" s="9">
        <f t="shared" si="222"/>
        <v>1.019803902718557</v>
      </c>
      <c r="TYY7" s="9">
        <f t="shared" si="222"/>
        <v>1.019803902718557</v>
      </c>
      <c r="TYZ7" s="9">
        <f t="shared" si="222"/>
        <v>1.019803902718557</v>
      </c>
      <c r="TZA7" s="9">
        <f t="shared" si="222"/>
        <v>1.019803902718557</v>
      </c>
      <c r="TZB7" s="9">
        <f t="shared" si="222"/>
        <v>1.019803902718557</v>
      </c>
      <c r="TZC7" s="9">
        <f t="shared" si="222"/>
        <v>1.019803902718557</v>
      </c>
      <c r="TZD7" s="9">
        <f t="shared" si="222"/>
        <v>1.019803902718557</v>
      </c>
      <c r="TZE7" s="9">
        <f t="shared" si="222"/>
        <v>1.019803902718557</v>
      </c>
      <c r="TZF7" s="9">
        <f t="shared" si="222"/>
        <v>1.019803902718557</v>
      </c>
      <c r="TZG7" s="9">
        <f t="shared" si="222"/>
        <v>1.019803902718557</v>
      </c>
      <c r="TZH7" s="9">
        <f t="shared" si="222"/>
        <v>1.019803902718557</v>
      </c>
      <c r="TZI7" s="9">
        <f t="shared" si="222"/>
        <v>1.019803902718557</v>
      </c>
      <c r="TZJ7" s="9">
        <f t="shared" si="222"/>
        <v>1.019803902718557</v>
      </c>
      <c r="TZK7" s="9">
        <f t="shared" si="222"/>
        <v>1.019803902718557</v>
      </c>
      <c r="TZL7" s="9">
        <f t="shared" si="222"/>
        <v>1.019803902718557</v>
      </c>
      <c r="TZM7" s="9">
        <f t="shared" si="222"/>
        <v>1.019803902718557</v>
      </c>
      <c r="TZN7" s="9">
        <f t="shared" si="222"/>
        <v>1.019803902718557</v>
      </c>
      <c r="TZO7" s="9">
        <f t="shared" si="222"/>
        <v>1.019803902718557</v>
      </c>
      <c r="TZP7" s="9">
        <f t="shared" si="222"/>
        <v>1.019803902718557</v>
      </c>
      <c r="TZQ7" s="9">
        <f t="shared" si="222"/>
        <v>1.019803902718557</v>
      </c>
      <c r="TZR7" s="9">
        <f t="shared" si="222"/>
        <v>1.019803902718557</v>
      </c>
      <c r="TZS7" s="9">
        <f t="shared" si="222"/>
        <v>1.019803902718557</v>
      </c>
      <c r="TZT7" s="9">
        <f t="shared" si="222"/>
        <v>1.019803902718557</v>
      </c>
      <c r="TZU7" s="9">
        <f t="shared" si="222"/>
        <v>1.019803902718557</v>
      </c>
      <c r="TZV7" s="9">
        <f t="shared" ref="TZV7:UCG7" si="223">1/((1+$F$6) ^(TZV3-$F$7))</f>
        <v>1.019803902718557</v>
      </c>
      <c r="TZW7" s="9">
        <f t="shared" si="223"/>
        <v>1.019803902718557</v>
      </c>
      <c r="TZX7" s="9">
        <f t="shared" si="223"/>
        <v>1.019803902718557</v>
      </c>
      <c r="TZY7" s="9">
        <f t="shared" si="223"/>
        <v>1.019803902718557</v>
      </c>
      <c r="TZZ7" s="9">
        <f t="shared" si="223"/>
        <v>1.019803902718557</v>
      </c>
      <c r="UAA7" s="9">
        <f t="shared" si="223"/>
        <v>1.019803902718557</v>
      </c>
      <c r="UAB7" s="9">
        <f t="shared" si="223"/>
        <v>1.019803902718557</v>
      </c>
      <c r="UAC7" s="9">
        <f t="shared" si="223"/>
        <v>1.019803902718557</v>
      </c>
      <c r="UAD7" s="9">
        <f t="shared" si="223"/>
        <v>1.019803902718557</v>
      </c>
      <c r="UAE7" s="9">
        <f t="shared" si="223"/>
        <v>1.019803902718557</v>
      </c>
      <c r="UAF7" s="9">
        <f t="shared" si="223"/>
        <v>1.019803902718557</v>
      </c>
      <c r="UAG7" s="9">
        <f t="shared" si="223"/>
        <v>1.019803902718557</v>
      </c>
      <c r="UAH7" s="9">
        <f t="shared" si="223"/>
        <v>1.019803902718557</v>
      </c>
      <c r="UAI7" s="9">
        <f t="shared" si="223"/>
        <v>1.019803902718557</v>
      </c>
      <c r="UAJ7" s="9">
        <f t="shared" si="223"/>
        <v>1.019803902718557</v>
      </c>
      <c r="UAK7" s="9">
        <f t="shared" si="223"/>
        <v>1.019803902718557</v>
      </c>
      <c r="UAL7" s="9">
        <f t="shared" si="223"/>
        <v>1.019803902718557</v>
      </c>
      <c r="UAM7" s="9">
        <f t="shared" si="223"/>
        <v>1.019803902718557</v>
      </c>
      <c r="UAN7" s="9">
        <f t="shared" si="223"/>
        <v>1.019803902718557</v>
      </c>
      <c r="UAO7" s="9">
        <f t="shared" si="223"/>
        <v>1.019803902718557</v>
      </c>
      <c r="UAP7" s="9">
        <f t="shared" si="223"/>
        <v>1.019803902718557</v>
      </c>
      <c r="UAQ7" s="9">
        <f t="shared" si="223"/>
        <v>1.019803902718557</v>
      </c>
      <c r="UAR7" s="9">
        <f t="shared" si="223"/>
        <v>1.019803902718557</v>
      </c>
      <c r="UAS7" s="9">
        <f t="shared" si="223"/>
        <v>1.019803902718557</v>
      </c>
      <c r="UAT7" s="9">
        <f t="shared" si="223"/>
        <v>1.019803902718557</v>
      </c>
      <c r="UAU7" s="9">
        <f t="shared" si="223"/>
        <v>1.019803902718557</v>
      </c>
      <c r="UAV7" s="9">
        <f t="shared" si="223"/>
        <v>1.019803902718557</v>
      </c>
      <c r="UAW7" s="9">
        <f t="shared" si="223"/>
        <v>1.019803902718557</v>
      </c>
      <c r="UAX7" s="9">
        <f t="shared" si="223"/>
        <v>1.019803902718557</v>
      </c>
      <c r="UAY7" s="9">
        <f t="shared" si="223"/>
        <v>1.019803902718557</v>
      </c>
      <c r="UAZ7" s="9">
        <f t="shared" si="223"/>
        <v>1.019803902718557</v>
      </c>
      <c r="UBA7" s="9">
        <f t="shared" si="223"/>
        <v>1.019803902718557</v>
      </c>
      <c r="UBB7" s="9">
        <f t="shared" si="223"/>
        <v>1.019803902718557</v>
      </c>
      <c r="UBC7" s="9">
        <f t="shared" si="223"/>
        <v>1.019803902718557</v>
      </c>
      <c r="UBD7" s="9">
        <f t="shared" si="223"/>
        <v>1.019803902718557</v>
      </c>
      <c r="UBE7" s="9">
        <f t="shared" si="223"/>
        <v>1.019803902718557</v>
      </c>
      <c r="UBF7" s="9">
        <f t="shared" si="223"/>
        <v>1.019803902718557</v>
      </c>
      <c r="UBG7" s="9">
        <f t="shared" si="223"/>
        <v>1.019803902718557</v>
      </c>
      <c r="UBH7" s="9">
        <f t="shared" si="223"/>
        <v>1.019803902718557</v>
      </c>
      <c r="UBI7" s="9">
        <f t="shared" si="223"/>
        <v>1.019803902718557</v>
      </c>
      <c r="UBJ7" s="9">
        <f t="shared" si="223"/>
        <v>1.019803902718557</v>
      </c>
      <c r="UBK7" s="9">
        <f t="shared" si="223"/>
        <v>1.019803902718557</v>
      </c>
      <c r="UBL7" s="9">
        <f t="shared" si="223"/>
        <v>1.019803902718557</v>
      </c>
      <c r="UBM7" s="9">
        <f t="shared" si="223"/>
        <v>1.019803902718557</v>
      </c>
      <c r="UBN7" s="9">
        <f t="shared" si="223"/>
        <v>1.019803902718557</v>
      </c>
      <c r="UBO7" s="9">
        <f t="shared" si="223"/>
        <v>1.019803902718557</v>
      </c>
      <c r="UBP7" s="9">
        <f t="shared" si="223"/>
        <v>1.019803902718557</v>
      </c>
      <c r="UBQ7" s="9">
        <f t="shared" si="223"/>
        <v>1.019803902718557</v>
      </c>
      <c r="UBR7" s="9">
        <f t="shared" si="223"/>
        <v>1.019803902718557</v>
      </c>
      <c r="UBS7" s="9">
        <f t="shared" si="223"/>
        <v>1.019803902718557</v>
      </c>
      <c r="UBT7" s="9">
        <f t="shared" si="223"/>
        <v>1.019803902718557</v>
      </c>
      <c r="UBU7" s="9">
        <f t="shared" si="223"/>
        <v>1.019803902718557</v>
      </c>
      <c r="UBV7" s="9">
        <f t="shared" si="223"/>
        <v>1.019803902718557</v>
      </c>
      <c r="UBW7" s="9">
        <f t="shared" si="223"/>
        <v>1.019803902718557</v>
      </c>
      <c r="UBX7" s="9">
        <f t="shared" si="223"/>
        <v>1.019803902718557</v>
      </c>
      <c r="UBY7" s="9">
        <f t="shared" si="223"/>
        <v>1.019803902718557</v>
      </c>
      <c r="UBZ7" s="9">
        <f t="shared" si="223"/>
        <v>1.019803902718557</v>
      </c>
      <c r="UCA7" s="9">
        <f t="shared" si="223"/>
        <v>1.019803902718557</v>
      </c>
      <c r="UCB7" s="9">
        <f t="shared" si="223"/>
        <v>1.019803902718557</v>
      </c>
      <c r="UCC7" s="9">
        <f t="shared" si="223"/>
        <v>1.019803902718557</v>
      </c>
      <c r="UCD7" s="9">
        <f t="shared" si="223"/>
        <v>1.019803902718557</v>
      </c>
      <c r="UCE7" s="9">
        <f t="shared" si="223"/>
        <v>1.019803902718557</v>
      </c>
      <c r="UCF7" s="9">
        <f t="shared" si="223"/>
        <v>1.019803902718557</v>
      </c>
      <c r="UCG7" s="9">
        <f t="shared" si="223"/>
        <v>1.019803902718557</v>
      </c>
      <c r="UCH7" s="9">
        <f t="shared" ref="UCH7:UES7" si="224">1/((1+$F$6) ^(UCH3-$F$7))</f>
        <v>1.019803902718557</v>
      </c>
      <c r="UCI7" s="9">
        <f t="shared" si="224"/>
        <v>1.019803902718557</v>
      </c>
      <c r="UCJ7" s="9">
        <f t="shared" si="224"/>
        <v>1.019803902718557</v>
      </c>
      <c r="UCK7" s="9">
        <f t="shared" si="224"/>
        <v>1.019803902718557</v>
      </c>
      <c r="UCL7" s="9">
        <f t="shared" si="224"/>
        <v>1.019803902718557</v>
      </c>
      <c r="UCM7" s="9">
        <f t="shared" si="224"/>
        <v>1.019803902718557</v>
      </c>
      <c r="UCN7" s="9">
        <f t="shared" si="224"/>
        <v>1.019803902718557</v>
      </c>
      <c r="UCO7" s="9">
        <f t="shared" si="224"/>
        <v>1.019803902718557</v>
      </c>
      <c r="UCP7" s="9">
        <f t="shared" si="224"/>
        <v>1.019803902718557</v>
      </c>
      <c r="UCQ7" s="9">
        <f t="shared" si="224"/>
        <v>1.019803902718557</v>
      </c>
      <c r="UCR7" s="9">
        <f t="shared" si="224"/>
        <v>1.019803902718557</v>
      </c>
      <c r="UCS7" s="9">
        <f t="shared" si="224"/>
        <v>1.019803902718557</v>
      </c>
      <c r="UCT7" s="9">
        <f t="shared" si="224"/>
        <v>1.019803902718557</v>
      </c>
      <c r="UCU7" s="9">
        <f t="shared" si="224"/>
        <v>1.019803902718557</v>
      </c>
      <c r="UCV7" s="9">
        <f t="shared" si="224"/>
        <v>1.019803902718557</v>
      </c>
      <c r="UCW7" s="9">
        <f t="shared" si="224"/>
        <v>1.019803902718557</v>
      </c>
      <c r="UCX7" s="9">
        <f t="shared" si="224"/>
        <v>1.019803902718557</v>
      </c>
      <c r="UCY7" s="9">
        <f t="shared" si="224"/>
        <v>1.019803902718557</v>
      </c>
      <c r="UCZ7" s="9">
        <f t="shared" si="224"/>
        <v>1.019803902718557</v>
      </c>
      <c r="UDA7" s="9">
        <f t="shared" si="224"/>
        <v>1.019803902718557</v>
      </c>
      <c r="UDB7" s="9">
        <f t="shared" si="224"/>
        <v>1.019803902718557</v>
      </c>
      <c r="UDC7" s="9">
        <f t="shared" si="224"/>
        <v>1.019803902718557</v>
      </c>
      <c r="UDD7" s="9">
        <f t="shared" si="224"/>
        <v>1.019803902718557</v>
      </c>
      <c r="UDE7" s="9">
        <f t="shared" si="224"/>
        <v>1.019803902718557</v>
      </c>
      <c r="UDF7" s="9">
        <f t="shared" si="224"/>
        <v>1.019803902718557</v>
      </c>
      <c r="UDG7" s="9">
        <f t="shared" si="224"/>
        <v>1.019803902718557</v>
      </c>
      <c r="UDH7" s="9">
        <f t="shared" si="224"/>
        <v>1.019803902718557</v>
      </c>
      <c r="UDI7" s="9">
        <f t="shared" si="224"/>
        <v>1.019803902718557</v>
      </c>
      <c r="UDJ7" s="9">
        <f t="shared" si="224"/>
        <v>1.019803902718557</v>
      </c>
      <c r="UDK7" s="9">
        <f t="shared" si="224"/>
        <v>1.019803902718557</v>
      </c>
      <c r="UDL7" s="9">
        <f t="shared" si="224"/>
        <v>1.019803902718557</v>
      </c>
      <c r="UDM7" s="9">
        <f t="shared" si="224"/>
        <v>1.019803902718557</v>
      </c>
      <c r="UDN7" s="9">
        <f t="shared" si="224"/>
        <v>1.019803902718557</v>
      </c>
      <c r="UDO7" s="9">
        <f t="shared" si="224"/>
        <v>1.019803902718557</v>
      </c>
      <c r="UDP7" s="9">
        <f t="shared" si="224"/>
        <v>1.019803902718557</v>
      </c>
      <c r="UDQ7" s="9">
        <f t="shared" si="224"/>
        <v>1.019803902718557</v>
      </c>
      <c r="UDR7" s="9">
        <f t="shared" si="224"/>
        <v>1.019803902718557</v>
      </c>
      <c r="UDS7" s="9">
        <f t="shared" si="224"/>
        <v>1.019803902718557</v>
      </c>
      <c r="UDT7" s="9">
        <f t="shared" si="224"/>
        <v>1.019803902718557</v>
      </c>
      <c r="UDU7" s="9">
        <f t="shared" si="224"/>
        <v>1.019803902718557</v>
      </c>
      <c r="UDV7" s="9">
        <f t="shared" si="224"/>
        <v>1.019803902718557</v>
      </c>
      <c r="UDW7" s="9">
        <f t="shared" si="224"/>
        <v>1.019803902718557</v>
      </c>
      <c r="UDX7" s="9">
        <f t="shared" si="224"/>
        <v>1.019803902718557</v>
      </c>
      <c r="UDY7" s="9">
        <f t="shared" si="224"/>
        <v>1.019803902718557</v>
      </c>
      <c r="UDZ7" s="9">
        <f t="shared" si="224"/>
        <v>1.019803902718557</v>
      </c>
      <c r="UEA7" s="9">
        <f t="shared" si="224"/>
        <v>1.019803902718557</v>
      </c>
      <c r="UEB7" s="9">
        <f t="shared" si="224"/>
        <v>1.019803902718557</v>
      </c>
      <c r="UEC7" s="9">
        <f t="shared" si="224"/>
        <v>1.019803902718557</v>
      </c>
      <c r="UED7" s="9">
        <f t="shared" si="224"/>
        <v>1.019803902718557</v>
      </c>
      <c r="UEE7" s="9">
        <f t="shared" si="224"/>
        <v>1.019803902718557</v>
      </c>
      <c r="UEF7" s="9">
        <f t="shared" si="224"/>
        <v>1.019803902718557</v>
      </c>
      <c r="UEG7" s="9">
        <f t="shared" si="224"/>
        <v>1.019803902718557</v>
      </c>
      <c r="UEH7" s="9">
        <f t="shared" si="224"/>
        <v>1.019803902718557</v>
      </c>
      <c r="UEI7" s="9">
        <f t="shared" si="224"/>
        <v>1.019803902718557</v>
      </c>
      <c r="UEJ7" s="9">
        <f t="shared" si="224"/>
        <v>1.019803902718557</v>
      </c>
      <c r="UEK7" s="9">
        <f t="shared" si="224"/>
        <v>1.019803902718557</v>
      </c>
      <c r="UEL7" s="9">
        <f t="shared" si="224"/>
        <v>1.019803902718557</v>
      </c>
      <c r="UEM7" s="9">
        <f t="shared" si="224"/>
        <v>1.019803902718557</v>
      </c>
      <c r="UEN7" s="9">
        <f t="shared" si="224"/>
        <v>1.019803902718557</v>
      </c>
      <c r="UEO7" s="9">
        <f t="shared" si="224"/>
        <v>1.019803902718557</v>
      </c>
      <c r="UEP7" s="9">
        <f t="shared" si="224"/>
        <v>1.019803902718557</v>
      </c>
      <c r="UEQ7" s="9">
        <f t="shared" si="224"/>
        <v>1.019803902718557</v>
      </c>
      <c r="UER7" s="9">
        <f t="shared" si="224"/>
        <v>1.019803902718557</v>
      </c>
      <c r="UES7" s="9">
        <f t="shared" si="224"/>
        <v>1.019803902718557</v>
      </c>
      <c r="UET7" s="9">
        <f t="shared" ref="UET7:UHE7" si="225">1/((1+$F$6) ^(UET3-$F$7))</f>
        <v>1.019803902718557</v>
      </c>
      <c r="UEU7" s="9">
        <f t="shared" si="225"/>
        <v>1.019803902718557</v>
      </c>
      <c r="UEV7" s="9">
        <f t="shared" si="225"/>
        <v>1.019803902718557</v>
      </c>
      <c r="UEW7" s="9">
        <f t="shared" si="225"/>
        <v>1.019803902718557</v>
      </c>
      <c r="UEX7" s="9">
        <f t="shared" si="225"/>
        <v>1.019803902718557</v>
      </c>
      <c r="UEY7" s="9">
        <f t="shared" si="225"/>
        <v>1.019803902718557</v>
      </c>
      <c r="UEZ7" s="9">
        <f t="shared" si="225"/>
        <v>1.019803902718557</v>
      </c>
      <c r="UFA7" s="9">
        <f t="shared" si="225"/>
        <v>1.019803902718557</v>
      </c>
      <c r="UFB7" s="9">
        <f t="shared" si="225"/>
        <v>1.019803902718557</v>
      </c>
      <c r="UFC7" s="9">
        <f t="shared" si="225"/>
        <v>1.019803902718557</v>
      </c>
      <c r="UFD7" s="9">
        <f t="shared" si="225"/>
        <v>1.019803902718557</v>
      </c>
      <c r="UFE7" s="9">
        <f t="shared" si="225"/>
        <v>1.019803902718557</v>
      </c>
      <c r="UFF7" s="9">
        <f t="shared" si="225"/>
        <v>1.019803902718557</v>
      </c>
      <c r="UFG7" s="9">
        <f t="shared" si="225"/>
        <v>1.019803902718557</v>
      </c>
      <c r="UFH7" s="9">
        <f t="shared" si="225"/>
        <v>1.019803902718557</v>
      </c>
      <c r="UFI7" s="9">
        <f t="shared" si="225"/>
        <v>1.019803902718557</v>
      </c>
      <c r="UFJ7" s="9">
        <f t="shared" si="225"/>
        <v>1.019803902718557</v>
      </c>
      <c r="UFK7" s="9">
        <f t="shared" si="225"/>
        <v>1.019803902718557</v>
      </c>
      <c r="UFL7" s="9">
        <f t="shared" si="225"/>
        <v>1.019803902718557</v>
      </c>
      <c r="UFM7" s="9">
        <f t="shared" si="225"/>
        <v>1.019803902718557</v>
      </c>
      <c r="UFN7" s="9">
        <f t="shared" si="225"/>
        <v>1.019803902718557</v>
      </c>
      <c r="UFO7" s="9">
        <f t="shared" si="225"/>
        <v>1.019803902718557</v>
      </c>
      <c r="UFP7" s="9">
        <f t="shared" si="225"/>
        <v>1.019803902718557</v>
      </c>
      <c r="UFQ7" s="9">
        <f t="shared" si="225"/>
        <v>1.019803902718557</v>
      </c>
      <c r="UFR7" s="9">
        <f t="shared" si="225"/>
        <v>1.019803902718557</v>
      </c>
      <c r="UFS7" s="9">
        <f t="shared" si="225"/>
        <v>1.019803902718557</v>
      </c>
      <c r="UFT7" s="9">
        <f t="shared" si="225"/>
        <v>1.019803902718557</v>
      </c>
      <c r="UFU7" s="9">
        <f t="shared" si="225"/>
        <v>1.019803902718557</v>
      </c>
      <c r="UFV7" s="9">
        <f t="shared" si="225"/>
        <v>1.019803902718557</v>
      </c>
      <c r="UFW7" s="9">
        <f t="shared" si="225"/>
        <v>1.019803902718557</v>
      </c>
      <c r="UFX7" s="9">
        <f t="shared" si="225"/>
        <v>1.019803902718557</v>
      </c>
      <c r="UFY7" s="9">
        <f t="shared" si="225"/>
        <v>1.019803902718557</v>
      </c>
      <c r="UFZ7" s="9">
        <f t="shared" si="225"/>
        <v>1.019803902718557</v>
      </c>
      <c r="UGA7" s="9">
        <f t="shared" si="225"/>
        <v>1.019803902718557</v>
      </c>
      <c r="UGB7" s="9">
        <f t="shared" si="225"/>
        <v>1.019803902718557</v>
      </c>
      <c r="UGC7" s="9">
        <f t="shared" si="225"/>
        <v>1.019803902718557</v>
      </c>
      <c r="UGD7" s="9">
        <f t="shared" si="225"/>
        <v>1.019803902718557</v>
      </c>
      <c r="UGE7" s="9">
        <f t="shared" si="225"/>
        <v>1.019803902718557</v>
      </c>
      <c r="UGF7" s="9">
        <f t="shared" si="225"/>
        <v>1.019803902718557</v>
      </c>
      <c r="UGG7" s="9">
        <f t="shared" si="225"/>
        <v>1.019803902718557</v>
      </c>
      <c r="UGH7" s="9">
        <f t="shared" si="225"/>
        <v>1.019803902718557</v>
      </c>
      <c r="UGI7" s="9">
        <f t="shared" si="225"/>
        <v>1.019803902718557</v>
      </c>
      <c r="UGJ7" s="9">
        <f t="shared" si="225"/>
        <v>1.019803902718557</v>
      </c>
      <c r="UGK7" s="9">
        <f t="shared" si="225"/>
        <v>1.019803902718557</v>
      </c>
      <c r="UGL7" s="9">
        <f t="shared" si="225"/>
        <v>1.019803902718557</v>
      </c>
      <c r="UGM7" s="9">
        <f t="shared" si="225"/>
        <v>1.019803902718557</v>
      </c>
      <c r="UGN7" s="9">
        <f t="shared" si="225"/>
        <v>1.019803902718557</v>
      </c>
      <c r="UGO7" s="9">
        <f t="shared" si="225"/>
        <v>1.019803902718557</v>
      </c>
      <c r="UGP7" s="9">
        <f t="shared" si="225"/>
        <v>1.019803902718557</v>
      </c>
      <c r="UGQ7" s="9">
        <f t="shared" si="225"/>
        <v>1.019803902718557</v>
      </c>
      <c r="UGR7" s="9">
        <f t="shared" si="225"/>
        <v>1.019803902718557</v>
      </c>
      <c r="UGS7" s="9">
        <f t="shared" si="225"/>
        <v>1.019803902718557</v>
      </c>
      <c r="UGT7" s="9">
        <f t="shared" si="225"/>
        <v>1.019803902718557</v>
      </c>
      <c r="UGU7" s="9">
        <f t="shared" si="225"/>
        <v>1.019803902718557</v>
      </c>
      <c r="UGV7" s="9">
        <f t="shared" si="225"/>
        <v>1.019803902718557</v>
      </c>
      <c r="UGW7" s="9">
        <f t="shared" si="225"/>
        <v>1.019803902718557</v>
      </c>
      <c r="UGX7" s="9">
        <f t="shared" si="225"/>
        <v>1.019803902718557</v>
      </c>
      <c r="UGY7" s="9">
        <f t="shared" si="225"/>
        <v>1.019803902718557</v>
      </c>
      <c r="UGZ7" s="9">
        <f t="shared" si="225"/>
        <v>1.019803902718557</v>
      </c>
      <c r="UHA7" s="9">
        <f t="shared" si="225"/>
        <v>1.019803902718557</v>
      </c>
      <c r="UHB7" s="9">
        <f t="shared" si="225"/>
        <v>1.019803902718557</v>
      </c>
      <c r="UHC7" s="9">
        <f t="shared" si="225"/>
        <v>1.019803902718557</v>
      </c>
      <c r="UHD7" s="9">
        <f t="shared" si="225"/>
        <v>1.019803902718557</v>
      </c>
      <c r="UHE7" s="9">
        <f t="shared" si="225"/>
        <v>1.019803902718557</v>
      </c>
      <c r="UHF7" s="9">
        <f t="shared" ref="UHF7:UJQ7" si="226">1/((1+$F$6) ^(UHF3-$F$7))</f>
        <v>1.019803902718557</v>
      </c>
      <c r="UHG7" s="9">
        <f t="shared" si="226"/>
        <v>1.019803902718557</v>
      </c>
      <c r="UHH7" s="9">
        <f t="shared" si="226"/>
        <v>1.019803902718557</v>
      </c>
      <c r="UHI7" s="9">
        <f t="shared" si="226"/>
        <v>1.019803902718557</v>
      </c>
      <c r="UHJ7" s="9">
        <f t="shared" si="226"/>
        <v>1.019803902718557</v>
      </c>
      <c r="UHK7" s="9">
        <f t="shared" si="226"/>
        <v>1.019803902718557</v>
      </c>
      <c r="UHL7" s="9">
        <f t="shared" si="226"/>
        <v>1.019803902718557</v>
      </c>
      <c r="UHM7" s="9">
        <f t="shared" si="226"/>
        <v>1.019803902718557</v>
      </c>
      <c r="UHN7" s="9">
        <f t="shared" si="226"/>
        <v>1.019803902718557</v>
      </c>
      <c r="UHO7" s="9">
        <f t="shared" si="226"/>
        <v>1.019803902718557</v>
      </c>
      <c r="UHP7" s="9">
        <f t="shared" si="226"/>
        <v>1.019803902718557</v>
      </c>
      <c r="UHQ7" s="9">
        <f t="shared" si="226"/>
        <v>1.019803902718557</v>
      </c>
      <c r="UHR7" s="9">
        <f t="shared" si="226"/>
        <v>1.019803902718557</v>
      </c>
      <c r="UHS7" s="9">
        <f t="shared" si="226"/>
        <v>1.019803902718557</v>
      </c>
      <c r="UHT7" s="9">
        <f t="shared" si="226"/>
        <v>1.019803902718557</v>
      </c>
      <c r="UHU7" s="9">
        <f t="shared" si="226"/>
        <v>1.019803902718557</v>
      </c>
      <c r="UHV7" s="9">
        <f t="shared" si="226"/>
        <v>1.019803902718557</v>
      </c>
      <c r="UHW7" s="9">
        <f t="shared" si="226"/>
        <v>1.019803902718557</v>
      </c>
      <c r="UHX7" s="9">
        <f t="shared" si="226"/>
        <v>1.019803902718557</v>
      </c>
      <c r="UHY7" s="9">
        <f t="shared" si="226"/>
        <v>1.019803902718557</v>
      </c>
      <c r="UHZ7" s="9">
        <f t="shared" si="226"/>
        <v>1.019803902718557</v>
      </c>
      <c r="UIA7" s="9">
        <f t="shared" si="226"/>
        <v>1.019803902718557</v>
      </c>
      <c r="UIB7" s="9">
        <f t="shared" si="226"/>
        <v>1.019803902718557</v>
      </c>
      <c r="UIC7" s="9">
        <f t="shared" si="226"/>
        <v>1.019803902718557</v>
      </c>
      <c r="UID7" s="9">
        <f t="shared" si="226"/>
        <v>1.019803902718557</v>
      </c>
      <c r="UIE7" s="9">
        <f t="shared" si="226"/>
        <v>1.019803902718557</v>
      </c>
      <c r="UIF7" s="9">
        <f t="shared" si="226"/>
        <v>1.019803902718557</v>
      </c>
      <c r="UIG7" s="9">
        <f t="shared" si="226"/>
        <v>1.019803902718557</v>
      </c>
      <c r="UIH7" s="9">
        <f t="shared" si="226"/>
        <v>1.019803902718557</v>
      </c>
      <c r="UII7" s="9">
        <f t="shared" si="226"/>
        <v>1.019803902718557</v>
      </c>
      <c r="UIJ7" s="9">
        <f t="shared" si="226"/>
        <v>1.019803902718557</v>
      </c>
      <c r="UIK7" s="9">
        <f t="shared" si="226"/>
        <v>1.019803902718557</v>
      </c>
      <c r="UIL7" s="9">
        <f t="shared" si="226"/>
        <v>1.019803902718557</v>
      </c>
      <c r="UIM7" s="9">
        <f t="shared" si="226"/>
        <v>1.019803902718557</v>
      </c>
      <c r="UIN7" s="9">
        <f t="shared" si="226"/>
        <v>1.019803902718557</v>
      </c>
      <c r="UIO7" s="9">
        <f t="shared" si="226"/>
        <v>1.019803902718557</v>
      </c>
      <c r="UIP7" s="9">
        <f t="shared" si="226"/>
        <v>1.019803902718557</v>
      </c>
      <c r="UIQ7" s="9">
        <f t="shared" si="226"/>
        <v>1.019803902718557</v>
      </c>
      <c r="UIR7" s="9">
        <f t="shared" si="226"/>
        <v>1.019803902718557</v>
      </c>
      <c r="UIS7" s="9">
        <f t="shared" si="226"/>
        <v>1.019803902718557</v>
      </c>
      <c r="UIT7" s="9">
        <f t="shared" si="226"/>
        <v>1.019803902718557</v>
      </c>
      <c r="UIU7" s="9">
        <f t="shared" si="226"/>
        <v>1.019803902718557</v>
      </c>
      <c r="UIV7" s="9">
        <f t="shared" si="226"/>
        <v>1.019803902718557</v>
      </c>
      <c r="UIW7" s="9">
        <f t="shared" si="226"/>
        <v>1.019803902718557</v>
      </c>
      <c r="UIX7" s="9">
        <f t="shared" si="226"/>
        <v>1.019803902718557</v>
      </c>
      <c r="UIY7" s="9">
        <f t="shared" si="226"/>
        <v>1.019803902718557</v>
      </c>
      <c r="UIZ7" s="9">
        <f t="shared" si="226"/>
        <v>1.019803902718557</v>
      </c>
      <c r="UJA7" s="9">
        <f t="shared" si="226"/>
        <v>1.019803902718557</v>
      </c>
      <c r="UJB7" s="9">
        <f t="shared" si="226"/>
        <v>1.019803902718557</v>
      </c>
      <c r="UJC7" s="9">
        <f t="shared" si="226"/>
        <v>1.019803902718557</v>
      </c>
      <c r="UJD7" s="9">
        <f t="shared" si="226"/>
        <v>1.019803902718557</v>
      </c>
      <c r="UJE7" s="9">
        <f t="shared" si="226"/>
        <v>1.019803902718557</v>
      </c>
      <c r="UJF7" s="9">
        <f t="shared" si="226"/>
        <v>1.019803902718557</v>
      </c>
      <c r="UJG7" s="9">
        <f t="shared" si="226"/>
        <v>1.019803902718557</v>
      </c>
      <c r="UJH7" s="9">
        <f t="shared" si="226"/>
        <v>1.019803902718557</v>
      </c>
      <c r="UJI7" s="9">
        <f t="shared" si="226"/>
        <v>1.019803902718557</v>
      </c>
      <c r="UJJ7" s="9">
        <f t="shared" si="226"/>
        <v>1.019803902718557</v>
      </c>
      <c r="UJK7" s="9">
        <f t="shared" si="226"/>
        <v>1.019803902718557</v>
      </c>
      <c r="UJL7" s="9">
        <f t="shared" si="226"/>
        <v>1.019803902718557</v>
      </c>
      <c r="UJM7" s="9">
        <f t="shared" si="226"/>
        <v>1.019803902718557</v>
      </c>
      <c r="UJN7" s="9">
        <f t="shared" si="226"/>
        <v>1.019803902718557</v>
      </c>
      <c r="UJO7" s="9">
        <f t="shared" si="226"/>
        <v>1.019803902718557</v>
      </c>
      <c r="UJP7" s="9">
        <f t="shared" si="226"/>
        <v>1.019803902718557</v>
      </c>
      <c r="UJQ7" s="9">
        <f t="shared" si="226"/>
        <v>1.019803902718557</v>
      </c>
      <c r="UJR7" s="9">
        <f t="shared" ref="UJR7:UMC7" si="227">1/((1+$F$6) ^(UJR3-$F$7))</f>
        <v>1.019803902718557</v>
      </c>
      <c r="UJS7" s="9">
        <f t="shared" si="227"/>
        <v>1.019803902718557</v>
      </c>
      <c r="UJT7" s="9">
        <f t="shared" si="227"/>
        <v>1.019803902718557</v>
      </c>
      <c r="UJU7" s="9">
        <f t="shared" si="227"/>
        <v>1.019803902718557</v>
      </c>
      <c r="UJV7" s="9">
        <f t="shared" si="227"/>
        <v>1.019803902718557</v>
      </c>
      <c r="UJW7" s="9">
        <f t="shared" si="227"/>
        <v>1.019803902718557</v>
      </c>
      <c r="UJX7" s="9">
        <f t="shared" si="227"/>
        <v>1.019803902718557</v>
      </c>
      <c r="UJY7" s="9">
        <f t="shared" si="227"/>
        <v>1.019803902718557</v>
      </c>
      <c r="UJZ7" s="9">
        <f t="shared" si="227"/>
        <v>1.019803902718557</v>
      </c>
      <c r="UKA7" s="9">
        <f t="shared" si="227"/>
        <v>1.019803902718557</v>
      </c>
      <c r="UKB7" s="9">
        <f t="shared" si="227"/>
        <v>1.019803902718557</v>
      </c>
      <c r="UKC7" s="9">
        <f t="shared" si="227"/>
        <v>1.019803902718557</v>
      </c>
      <c r="UKD7" s="9">
        <f t="shared" si="227"/>
        <v>1.019803902718557</v>
      </c>
      <c r="UKE7" s="9">
        <f t="shared" si="227"/>
        <v>1.019803902718557</v>
      </c>
      <c r="UKF7" s="9">
        <f t="shared" si="227"/>
        <v>1.019803902718557</v>
      </c>
      <c r="UKG7" s="9">
        <f t="shared" si="227"/>
        <v>1.019803902718557</v>
      </c>
      <c r="UKH7" s="9">
        <f t="shared" si="227"/>
        <v>1.019803902718557</v>
      </c>
      <c r="UKI7" s="9">
        <f t="shared" si="227"/>
        <v>1.019803902718557</v>
      </c>
      <c r="UKJ7" s="9">
        <f t="shared" si="227"/>
        <v>1.019803902718557</v>
      </c>
      <c r="UKK7" s="9">
        <f t="shared" si="227"/>
        <v>1.019803902718557</v>
      </c>
      <c r="UKL7" s="9">
        <f t="shared" si="227"/>
        <v>1.019803902718557</v>
      </c>
      <c r="UKM7" s="9">
        <f t="shared" si="227"/>
        <v>1.019803902718557</v>
      </c>
      <c r="UKN7" s="9">
        <f t="shared" si="227"/>
        <v>1.019803902718557</v>
      </c>
      <c r="UKO7" s="9">
        <f t="shared" si="227"/>
        <v>1.019803902718557</v>
      </c>
      <c r="UKP7" s="9">
        <f t="shared" si="227"/>
        <v>1.019803902718557</v>
      </c>
      <c r="UKQ7" s="9">
        <f t="shared" si="227"/>
        <v>1.019803902718557</v>
      </c>
      <c r="UKR7" s="9">
        <f t="shared" si="227"/>
        <v>1.019803902718557</v>
      </c>
      <c r="UKS7" s="9">
        <f t="shared" si="227"/>
        <v>1.019803902718557</v>
      </c>
      <c r="UKT7" s="9">
        <f t="shared" si="227"/>
        <v>1.019803902718557</v>
      </c>
      <c r="UKU7" s="9">
        <f t="shared" si="227"/>
        <v>1.019803902718557</v>
      </c>
      <c r="UKV7" s="9">
        <f t="shared" si="227"/>
        <v>1.019803902718557</v>
      </c>
      <c r="UKW7" s="9">
        <f t="shared" si="227"/>
        <v>1.019803902718557</v>
      </c>
      <c r="UKX7" s="9">
        <f t="shared" si="227"/>
        <v>1.019803902718557</v>
      </c>
      <c r="UKY7" s="9">
        <f t="shared" si="227"/>
        <v>1.019803902718557</v>
      </c>
      <c r="UKZ7" s="9">
        <f t="shared" si="227"/>
        <v>1.019803902718557</v>
      </c>
      <c r="ULA7" s="9">
        <f t="shared" si="227"/>
        <v>1.019803902718557</v>
      </c>
      <c r="ULB7" s="9">
        <f t="shared" si="227"/>
        <v>1.019803902718557</v>
      </c>
      <c r="ULC7" s="9">
        <f t="shared" si="227"/>
        <v>1.019803902718557</v>
      </c>
      <c r="ULD7" s="9">
        <f t="shared" si="227"/>
        <v>1.019803902718557</v>
      </c>
      <c r="ULE7" s="9">
        <f t="shared" si="227"/>
        <v>1.019803902718557</v>
      </c>
      <c r="ULF7" s="9">
        <f t="shared" si="227"/>
        <v>1.019803902718557</v>
      </c>
      <c r="ULG7" s="9">
        <f t="shared" si="227"/>
        <v>1.019803902718557</v>
      </c>
      <c r="ULH7" s="9">
        <f t="shared" si="227"/>
        <v>1.019803902718557</v>
      </c>
      <c r="ULI7" s="9">
        <f t="shared" si="227"/>
        <v>1.019803902718557</v>
      </c>
      <c r="ULJ7" s="9">
        <f t="shared" si="227"/>
        <v>1.019803902718557</v>
      </c>
      <c r="ULK7" s="9">
        <f t="shared" si="227"/>
        <v>1.019803902718557</v>
      </c>
      <c r="ULL7" s="9">
        <f t="shared" si="227"/>
        <v>1.019803902718557</v>
      </c>
      <c r="ULM7" s="9">
        <f t="shared" si="227"/>
        <v>1.019803902718557</v>
      </c>
      <c r="ULN7" s="9">
        <f t="shared" si="227"/>
        <v>1.019803902718557</v>
      </c>
      <c r="ULO7" s="9">
        <f t="shared" si="227"/>
        <v>1.019803902718557</v>
      </c>
      <c r="ULP7" s="9">
        <f t="shared" si="227"/>
        <v>1.019803902718557</v>
      </c>
      <c r="ULQ7" s="9">
        <f t="shared" si="227"/>
        <v>1.019803902718557</v>
      </c>
      <c r="ULR7" s="9">
        <f t="shared" si="227"/>
        <v>1.019803902718557</v>
      </c>
      <c r="ULS7" s="9">
        <f t="shared" si="227"/>
        <v>1.019803902718557</v>
      </c>
      <c r="ULT7" s="9">
        <f t="shared" si="227"/>
        <v>1.019803902718557</v>
      </c>
      <c r="ULU7" s="9">
        <f t="shared" si="227"/>
        <v>1.019803902718557</v>
      </c>
      <c r="ULV7" s="9">
        <f t="shared" si="227"/>
        <v>1.019803902718557</v>
      </c>
      <c r="ULW7" s="9">
        <f t="shared" si="227"/>
        <v>1.019803902718557</v>
      </c>
      <c r="ULX7" s="9">
        <f t="shared" si="227"/>
        <v>1.019803902718557</v>
      </c>
      <c r="ULY7" s="9">
        <f t="shared" si="227"/>
        <v>1.019803902718557</v>
      </c>
      <c r="ULZ7" s="9">
        <f t="shared" si="227"/>
        <v>1.019803902718557</v>
      </c>
      <c r="UMA7" s="9">
        <f t="shared" si="227"/>
        <v>1.019803902718557</v>
      </c>
      <c r="UMB7" s="9">
        <f t="shared" si="227"/>
        <v>1.019803902718557</v>
      </c>
      <c r="UMC7" s="9">
        <f t="shared" si="227"/>
        <v>1.019803902718557</v>
      </c>
      <c r="UMD7" s="9">
        <f t="shared" ref="UMD7:UOO7" si="228">1/((1+$F$6) ^(UMD3-$F$7))</f>
        <v>1.019803902718557</v>
      </c>
      <c r="UME7" s="9">
        <f t="shared" si="228"/>
        <v>1.019803902718557</v>
      </c>
      <c r="UMF7" s="9">
        <f t="shared" si="228"/>
        <v>1.019803902718557</v>
      </c>
      <c r="UMG7" s="9">
        <f t="shared" si="228"/>
        <v>1.019803902718557</v>
      </c>
      <c r="UMH7" s="9">
        <f t="shared" si="228"/>
        <v>1.019803902718557</v>
      </c>
      <c r="UMI7" s="9">
        <f t="shared" si="228"/>
        <v>1.019803902718557</v>
      </c>
      <c r="UMJ7" s="9">
        <f t="shared" si="228"/>
        <v>1.019803902718557</v>
      </c>
      <c r="UMK7" s="9">
        <f t="shared" si="228"/>
        <v>1.019803902718557</v>
      </c>
      <c r="UML7" s="9">
        <f t="shared" si="228"/>
        <v>1.019803902718557</v>
      </c>
      <c r="UMM7" s="9">
        <f t="shared" si="228"/>
        <v>1.019803902718557</v>
      </c>
      <c r="UMN7" s="9">
        <f t="shared" si="228"/>
        <v>1.019803902718557</v>
      </c>
      <c r="UMO7" s="9">
        <f t="shared" si="228"/>
        <v>1.019803902718557</v>
      </c>
      <c r="UMP7" s="9">
        <f t="shared" si="228"/>
        <v>1.019803902718557</v>
      </c>
      <c r="UMQ7" s="9">
        <f t="shared" si="228"/>
        <v>1.019803902718557</v>
      </c>
      <c r="UMR7" s="9">
        <f t="shared" si="228"/>
        <v>1.019803902718557</v>
      </c>
      <c r="UMS7" s="9">
        <f t="shared" si="228"/>
        <v>1.019803902718557</v>
      </c>
      <c r="UMT7" s="9">
        <f t="shared" si="228"/>
        <v>1.019803902718557</v>
      </c>
      <c r="UMU7" s="9">
        <f t="shared" si="228"/>
        <v>1.019803902718557</v>
      </c>
      <c r="UMV7" s="9">
        <f t="shared" si="228"/>
        <v>1.019803902718557</v>
      </c>
      <c r="UMW7" s="9">
        <f t="shared" si="228"/>
        <v>1.019803902718557</v>
      </c>
      <c r="UMX7" s="9">
        <f t="shared" si="228"/>
        <v>1.019803902718557</v>
      </c>
      <c r="UMY7" s="9">
        <f t="shared" si="228"/>
        <v>1.019803902718557</v>
      </c>
      <c r="UMZ7" s="9">
        <f t="shared" si="228"/>
        <v>1.019803902718557</v>
      </c>
      <c r="UNA7" s="9">
        <f t="shared" si="228"/>
        <v>1.019803902718557</v>
      </c>
      <c r="UNB7" s="9">
        <f t="shared" si="228"/>
        <v>1.019803902718557</v>
      </c>
      <c r="UNC7" s="9">
        <f t="shared" si="228"/>
        <v>1.019803902718557</v>
      </c>
      <c r="UND7" s="9">
        <f t="shared" si="228"/>
        <v>1.019803902718557</v>
      </c>
      <c r="UNE7" s="9">
        <f t="shared" si="228"/>
        <v>1.019803902718557</v>
      </c>
      <c r="UNF7" s="9">
        <f t="shared" si="228"/>
        <v>1.019803902718557</v>
      </c>
      <c r="UNG7" s="9">
        <f t="shared" si="228"/>
        <v>1.019803902718557</v>
      </c>
      <c r="UNH7" s="9">
        <f t="shared" si="228"/>
        <v>1.019803902718557</v>
      </c>
      <c r="UNI7" s="9">
        <f t="shared" si="228"/>
        <v>1.019803902718557</v>
      </c>
      <c r="UNJ7" s="9">
        <f t="shared" si="228"/>
        <v>1.019803902718557</v>
      </c>
      <c r="UNK7" s="9">
        <f t="shared" si="228"/>
        <v>1.019803902718557</v>
      </c>
      <c r="UNL7" s="9">
        <f t="shared" si="228"/>
        <v>1.019803902718557</v>
      </c>
      <c r="UNM7" s="9">
        <f t="shared" si="228"/>
        <v>1.019803902718557</v>
      </c>
      <c r="UNN7" s="9">
        <f t="shared" si="228"/>
        <v>1.019803902718557</v>
      </c>
      <c r="UNO7" s="9">
        <f t="shared" si="228"/>
        <v>1.019803902718557</v>
      </c>
      <c r="UNP7" s="9">
        <f t="shared" si="228"/>
        <v>1.019803902718557</v>
      </c>
      <c r="UNQ7" s="9">
        <f t="shared" si="228"/>
        <v>1.019803902718557</v>
      </c>
      <c r="UNR7" s="9">
        <f t="shared" si="228"/>
        <v>1.019803902718557</v>
      </c>
      <c r="UNS7" s="9">
        <f t="shared" si="228"/>
        <v>1.019803902718557</v>
      </c>
      <c r="UNT7" s="9">
        <f t="shared" si="228"/>
        <v>1.019803902718557</v>
      </c>
      <c r="UNU7" s="9">
        <f t="shared" si="228"/>
        <v>1.019803902718557</v>
      </c>
      <c r="UNV7" s="9">
        <f t="shared" si="228"/>
        <v>1.019803902718557</v>
      </c>
      <c r="UNW7" s="9">
        <f t="shared" si="228"/>
        <v>1.019803902718557</v>
      </c>
      <c r="UNX7" s="9">
        <f t="shared" si="228"/>
        <v>1.019803902718557</v>
      </c>
      <c r="UNY7" s="9">
        <f t="shared" si="228"/>
        <v>1.019803902718557</v>
      </c>
      <c r="UNZ7" s="9">
        <f t="shared" si="228"/>
        <v>1.019803902718557</v>
      </c>
      <c r="UOA7" s="9">
        <f t="shared" si="228"/>
        <v>1.019803902718557</v>
      </c>
      <c r="UOB7" s="9">
        <f t="shared" si="228"/>
        <v>1.019803902718557</v>
      </c>
      <c r="UOC7" s="9">
        <f t="shared" si="228"/>
        <v>1.019803902718557</v>
      </c>
      <c r="UOD7" s="9">
        <f t="shared" si="228"/>
        <v>1.019803902718557</v>
      </c>
      <c r="UOE7" s="9">
        <f t="shared" si="228"/>
        <v>1.019803902718557</v>
      </c>
      <c r="UOF7" s="9">
        <f t="shared" si="228"/>
        <v>1.019803902718557</v>
      </c>
      <c r="UOG7" s="9">
        <f t="shared" si="228"/>
        <v>1.019803902718557</v>
      </c>
      <c r="UOH7" s="9">
        <f t="shared" si="228"/>
        <v>1.019803902718557</v>
      </c>
      <c r="UOI7" s="9">
        <f t="shared" si="228"/>
        <v>1.019803902718557</v>
      </c>
      <c r="UOJ7" s="9">
        <f t="shared" si="228"/>
        <v>1.019803902718557</v>
      </c>
      <c r="UOK7" s="9">
        <f t="shared" si="228"/>
        <v>1.019803902718557</v>
      </c>
      <c r="UOL7" s="9">
        <f t="shared" si="228"/>
        <v>1.019803902718557</v>
      </c>
      <c r="UOM7" s="9">
        <f t="shared" si="228"/>
        <v>1.019803902718557</v>
      </c>
      <c r="UON7" s="9">
        <f t="shared" si="228"/>
        <v>1.019803902718557</v>
      </c>
      <c r="UOO7" s="9">
        <f t="shared" si="228"/>
        <v>1.019803902718557</v>
      </c>
      <c r="UOP7" s="9">
        <f t="shared" ref="UOP7:URA7" si="229">1/((1+$F$6) ^(UOP3-$F$7))</f>
        <v>1.019803902718557</v>
      </c>
      <c r="UOQ7" s="9">
        <f t="shared" si="229"/>
        <v>1.019803902718557</v>
      </c>
      <c r="UOR7" s="9">
        <f t="shared" si="229"/>
        <v>1.019803902718557</v>
      </c>
      <c r="UOS7" s="9">
        <f t="shared" si="229"/>
        <v>1.019803902718557</v>
      </c>
      <c r="UOT7" s="9">
        <f t="shared" si="229"/>
        <v>1.019803902718557</v>
      </c>
      <c r="UOU7" s="9">
        <f t="shared" si="229"/>
        <v>1.019803902718557</v>
      </c>
      <c r="UOV7" s="9">
        <f t="shared" si="229"/>
        <v>1.019803902718557</v>
      </c>
      <c r="UOW7" s="9">
        <f t="shared" si="229"/>
        <v>1.019803902718557</v>
      </c>
      <c r="UOX7" s="9">
        <f t="shared" si="229"/>
        <v>1.019803902718557</v>
      </c>
      <c r="UOY7" s="9">
        <f t="shared" si="229"/>
        <v>1.019803902718557</v>
      </c>
      <c r="UOZ7" s="9">
        <f t="shared" si="229"/>
        <v>1.019803902718557</v>
      </c>
      <c r="UPA7" s="9">
        <f t="shared" si="229"/>
        <v>1.019803902718557</v>
      </c>
      <c r="UPB7" s="9">
        <f t="shared" si="229"/>
        <v>1.019803902718557</v>
      </c>
      <c r="UPC7" s="9">
        <f t="shared" si="229"/>
        <v>1.019803902718557</v>
      </c>
      <c r="UPD7" s="9">
        <f t="shared" si="229"/>
        <v>1.019803902718557</v>
      </c>
      <c r="UPE7" s="9">
        <f t="shared" si="229"/>
        <v>1.019803902718557</v>
      </c>
      <c r="UPF7" s="9">
        <f t="shared" si="229"/>
        <v>1.019803902718557</v>
      </c>
      <c r="UPG7" s="9">
        <f t="shared" si="229"/>
        <v>1.019803902718557</v>
      </c>
      <c r="UPH7" s="9">
        <f t="shared" si="229"/>
        <v>1.019803902718557</v>
      </c>
      <c r="UPI7" s="9">
        <f t="shared" si="229"/>
        <v>1.019803902718557</v>
      </c>
      <c r="UPJ7" s="9">
        <f t="shared" si="229"/>
        <v>1.019803902718557</v>
      </c>
      <c r="UPK7" s="9">
        <f t="shared" si="229"/>
        <v>1.019803902718557</v>
      </c>
      <c r="UPL7" s="9">
        <f t="shared" si="229"/>
        <v>1.019803902718557</v>
      </c>
      <c r="UPM7" s="9">
        <f t="shared" si="229"/>
        <v>1.019803902718557</v>
      </c>
      <c r="UPN7" s="9">
        <f t="shared" si="229"/>
        <v>1.019803902718557</v>
      </c>
      <c r="UPO7" s="9">
        <f t="shared" si="229"/>
        <v>1.019803902718557</v>
      </c>
      <c r="UPP7" s="9">
        <f t="shared" si="229"/>
        <v>1.019803902718557</v>
      </c>
      <c r="UPQ7" s="9">
        <f t="shared" si="229"/>
        <v>1.019803902718557</v>
      </c>
      <c r="UPR7" s="9">
        <f t="shared" si="229"/>
        <v>1.019803902718557</v>
      </c>
      <c r="UPS7" s="9">
        <f t="shared" si="229"/>
        <v>1.019803902718557</v>
      </c>
      <c r="UPT7" s="9">
        <f t="shared" si="229"/>
        <v>1.019803902718557</v>
      </c>
      <c r="UPU7" s="9">
        <f t="shared" si="229"/>
        <v>1.019803902718557</v>
      </c>
      <c r="UPV7" s="9">
        <f t="shared" si="229"/>
        <v>1.019803902718557</v>
      </c>
      <c r="UPW7" s="9">
        <f t="shared" si="229"/>
        <v>1.019803902718557</v>
      </c>
      <c r="UPX7" s="9">
        <f t="shared" si="229"/>
        <v>1.019803902718557</v>
      </c>
      <c r="UPY7" s="9">
        <f t="shared" si="229"/>
        <v>1.019803902718557</v>
      </c>
      <c r="UPZ7" s="9">
        <f t="shared" si="229"/>
        <v>1.019803902718557</v>
      </c>
      <c r="UQA7" s="9">
        <f t="shared" si="229"/>
        <v>1.019803902718557</v>
      </c>
      <c r="UQB7" s="9">
        <f t="shared" si="229"/>
        <v>1.019803902718557</v>
      </c>
      <c r="UQC7" s="9">
        <f t="shared" si="229"/>
        <v>1.019803902718557</v>
      </c>
      <c r="UQD7" s="9">
        <f t="shared" si="229"/>
        <v>1.019803902718557</v>
      </c>
      <c r="UQE7" s="9">
        <f t="shared" si="229"/>
        <v>1.019803902718557</v>
      </c>
      <c r="UQF7" s="9">
        <f t="shared" si="229"/>
        <v>1.019803902718557</v>
      </c>
      <c r="UQG7" s="9">
        <f t="shared" si="229"/>
        <v>1.019803902718557</v>
      </c>
      <c r="UQH7" s="9">
        <f t="shared" si="229"/>
        <v>1.019803902718557</v>
      </c>
      <c r="UQI7" s="9">
        <f t="shared" si="229"/>
        <v>1.019803902718557</v>
      </c>
      <c r="UQJ7" s="9">
        <f t="shared" si="229"/>
        <v>1.019803902718557</v>
      </c>
      <c r="UQK7" s="9">
        <f t="shared" si="229"/>
        <v>1.019803902718557</v>
      </c>
      <c r="UQL7" s="9">
        <f t="shared" si="229"/>
        <v>1.019803902718557</v>
      </c>
      <c r="UQM7" s="9">
        <f t="shared" si="229"/>
        <v>1.019803902718557</v>
      </c>
      <c r="UQN7" s="9">
        <f t="shared" si="229"/>
        <v>1.019803902718557</v>
      </c>
      <c r="UQO7" s="9">
        <f t="shared" si="229"/>
        <v>1.019803902718557</v>
      </c>
      <c r="UQP7" s="9">
        <f t="shared" si="229"/>
        <v>1.019803902718557</v>
      </c>
      <c r="UQQ7" s="9">
        <f t="shared" si="229"/>
        <v>1.019803902718557</v>
      </c>
      <c r="UQR7" s="9">
        <f t="shared" si="229"/>
        <v>1.019803902718557</v>
      </c>
      <c r="UQS7" s="9">
        <f t="shared" si="229"/>
        <v>1.019803902718557</v>
      </c>
      <c r="UQT7" s="9">
        <f t="shared" si="229"/>
        <v>1.019803902718557</v>
      </c>
      <c r="UQU7" s="9">
        <f t="shared" si="229"/>
        <v>1.019803902718557</v>
      </c>
      <c r="UQV7" s="9">
        <f t="shared" si="229"/>
        <v>1.019803902718557</v>
      </c>
      <c r="UQW7" s="9">
        <f t="shared" si="229"/>
        <v>1.019803902718557</v>
      </c>
      <c r="UQX7" s="9">
        <f t="shared" si="229"/>
        <v>1.019803902718557</v>
      </c>
      <c r="UQY7" s="9">
        <f t="shared" si="229"/>
        <v>1.019803902718557</v>
      </c>
      <c r="UQZ7" s="9">
        <f t="shared" si="229"/>
        <v>1.019803902718557</v>
      </c>
      <c r="URA7" s="9">
        <f t="shared" si="229"/>
        <v>1.019803902718557</v>
      </c>
      <c r="URB7" s="9">
        <f t="shared" ref="URB7:UTM7" si="230">1/((1+$F$6) ^(URB3-$F$7))</f>
        <v>1.019803902718557</v>
      </c>
      <c r="URC7" s="9">
        <f t="shared" si="230"/>
        <v>1.019803902718557</v>
      </c>
      <c r="URD7" s="9">
        <f t="shared" si="230"/>
        <v>1.019803902718557</v>
      </c>
      <c r="URE7" s="9">
        <f t="shared" si="230"/>
        <v>1.019803902718557</v>
      </c>
      <c r="URF7" s="9">
        <f t="shared" si="230"/>
        <v>1.019803902718557</v>
      </c>
      <c r="URG7" s="9">
        <f t="shared" si="230"/>
        <v>1.019803902718557</v>
      </c>
      <c r="URH7" s="9">
        <f t="shared" si="230"/>
        <v>1.019803902718557</v>
      </c>
      <c r="URI7" s="9">
        <f t="shared" si="230"/>
        <v>1.019803902718557</v>
      </c>
      <c r="URJ7" s="9">
        <f t="shared" si="230"/>
        <v>1.019803902718557</v>
      </c>
      <c r="URK7" s="9">
        <f t="shared" si="230"/>
        <v>1.019803902718557</v>
      </c>
      <c r="URL7" s="9">
        <f t="shared" si="230"/>
        <v>1.019803902718557</v>
      </c>
      <c r="URM7" s="9">
        <f t="shared" si="230"/>
        <v>1.019803902718557</v>
      </c>
      <c r="URN7" s="9">
        <f t="shared" si="230"/>
        <v>1.019803902718557</v>
      </c>
      <c r="URO7" s="9">
        <f t="shared" si="230"/>
        <v>1.019803902718557</v>
      </c>
      <c r="URP7" s="9">
        <f t="shared" si="230"/>
        <v>1.019803902718557</v>
      </c>
      <c r="URQ7" s="9">
        <f t="shared" si="230"/>
        <v>1.019803902718557</v>
      </c>
      <c r="URR7" s="9">
        <f t="shared" si="230"/>
        <v>1.019803902718557</v>
      </c>
      <c r="URS7" s="9">
        <f t="shared" si="230"/>
        <v>1.019803902718557</v>
      </c>
      <c r="URT7" s="9">
        <f t="shared" si="230"/>
        <v>1.019803902718557</v>
      </c>
      <c r="URU7" s="9">
        <f t="shared" si="230"/>
        <v>1.019803902718557</v>
      </c>
      <c r="URV7" s="9">
        <f t="shared" si="230"/>
        <v>1.019803902718557</v>
      </c>
      <c r="URW7" s="9">
        <f t="shared" si="230"/>
        <v>1.019803902718557</v>
      </c>
      <c r="URX7" s="9">
        <f t="shared" si="230"/>
        <v>1.019803902718557</v>
      </c>
      <c r="URY7" s="9">
        <f t="shared" si="230"/>
        <v>1.019803902718557</v>
      </c>
      <c r="URZ7" s="9">
        <f t="shared" si="230"/>
        <v>1.019803902718557</v>
      </c>
      <c r="USA7" s="9">
        <f t="shared" si="230"/>
        <v>1.019803902718557</v>
      </c>
      <c r="USB7" s="9">
        <f t="shared" si="230"/>
        <v>1.019803902718557</v>
      </c>
      <c r="USC7" s="9">
        <f t="shared" si="230"/>
        <v>1.019803902718557</v>
      </c>
      <c r="USD7" s="9">
        <f t="shared" si="230"/>
        <v>1.019803902718557</v>
      </c>
      <c r="USE7" s="9">
        <f t="shared" si="230"/>
        <v>1.019803902718557</v>
      </c>
      <c r="USF7" s="9">
        <f t="shared" si="230"/>
        <v>1.019803902718557</v>
      </c>
      <c r="USG7" s="9">
        <f t="shared" si="230"/>
        <v>1.019803902718557</v>
      </c>
      <c r="USH7" s="9">
        <f t="shared" si="230"/>
        <v>1.019803902718557</v>
      </c>
      <c r="USI7" s="9">
        <f t="shared" si="230"/>
        <v>1.019803902718557</v>
      </c>
      <c r="USJ7" s="9">
        <f t="shared" si="230"/>
        <v>1.019803902718557</v>
      </c>
      <c r="USK7" s="9">
        <f t="shared" si="230"/>
        <v>1.019803902718557</v>
      </c>
      <c r="USL7" s="9">
        <f t="shared" si="230"/>
        <v>1.019803902718557</v>
      </c>
      <c r="USM7" s="9">
        <f t="shared" si="230"/>
        <v>1.019803902718557</v>
      </c>
      <c r="USN7" s="9">
        <f t="shared" si="230"/>
        <v>1.019803902718557</v>
      </c>
      <c r="USO7" s="9">
        <f t="shared" si="230"/>
        <v>1.019803902718557</v>
      </c>
      <c r="USP7" s="9">
        <f t="shared" si="230"/>
        <v>1.019803902718557</v>
      </c>
      <c r="USQ7" s="9">
        <f t="shared" si="230"/>
        <v>1.019803902718557</v>
      </c>
      <c r="USR7" s="9">
        <f t="shared" si="230"/>
        <v>1.019803902718557</v>
      </c>
      <c r="USS7" s="9">
        <f t="shared" si="230"/>
        <v>1.019803902718557</v>
      </c>
      <c r="UST7" s="9">
        <f t="shared" si="230"/>
        <v>1.019803902718557</v>
      </c>
      <c r="USU7" s="9">
        <f t="shared" si="230"/>
        <v>1.019803902718557</v>
      </c>
      <c r="USV7" s="9">
        <f t="shared" si="230"/>
        <v>1.019803902718557</v>
      </c>
      <c r="USW7" s="9">
        <f t="shared" si="230"/>
        <v>1.019803902718557</v>
      </c>
      <c r="USX7" s="9">
        <f t="shared" si="230"/>
        <v>1.019803902718557</v>
      </c>
      <c r="USY7" s="9">
        <f t="shared" si="230"/>
        <v>1.019803902718557</v>
      </c>
      <c r="USZ7" s="9">
        <f t="shared" si="230"/>
        <v>1.019803902718557</v>
      </c>
      <c r="UTA7" s="9">
        <f t="shared" si="230"/>
        <v>1.019803902718557</v>
      </c>
      <c r="UTB7" s="9">
        <f t="shared" si="230"/>
        <v>1.019803902718557</v>
      </c>
      <c r="UTC7" s="9">
        <f t="shared" si="230"/>
        <v>1.019803902718557</v>
      </c>
      <c r="UTD7" s="9">
        <f t="shared" si="230"/>
        <v>1.019803902718557</v>
      </c>
      <c r="UTE7" s="9">
        <f t="shared" si="230"/>
        <v>1.019803902718557</v>
      </c>
      <c r="UTF7" s="9">
        <f t="shared" si="230"/>
        <v>1.019803902718557</v>
      </c>
      <c r="UTG7" s="9">
        <f t="shared" si="230"/>
        <v>1.019803902718557</v>
      </c>
      <c r="UTH7" s="9">
        <f t="shared" si="230"/>
        <v>1.019803902718557</v>
      </c>
      <c r="UTI7" s="9">
        <f t="shared" si="230"/>
        <v>1.019803902718557</v>
      </c>
      <c r="UTJ7" s="9">
        <f t="shared" si="230"/>
        <v>1.019803902718557</v>
      </c>
      <c r="UTK7" s="9">
        <f t="shared" si="230"/>
        <v>1.019803902718557</v>
      </c>
      <c r="UTL7" s="9">
        <f t="shared" si="230"/>
        <v>1.019803902718557</v>
      </c>
      <c r="UTM7" s="9">
        <f t="shared" si="230"/>
        <v>1.019803902718557</v>
      </c>
      <c r="UTN7" s="9">
        <f t="shared" ref="UTN7:UVY7" si="231">1/((1+$F$6) ^(UTN3-$F$7))</f>
        <v>1.019803902718557</v>
      </c>
      <c r="UTO7" s="9">
        <f t="shared" si="231"/>
        <v>1.019803902718557</v>
      </c>
      <c r="UTP7" s="9">
        <f t="shared" si="231"/>
        <v>1.019803902718557</v>
      </c>
      <c r="UTQ7" s="9">
        <f t="shared" si="231"/>
        <v>1.019803902718557</v>
      </c>
      <c r="UTR7" s="9">
        <f t="shared" si="231"/>
        <v>1.019803902718557</v>
      </c>
      <c r="UTS7" s="9">
        <f t="shared" si="231"/>
        <v>1.019803902718557</v>
      </c>
      <c r="UTT7" s="9">
        <f t="shared" si="231"/>
        <v>1.019803902718557</v>
      </c>
      <c r="UTU7" s="9">
        <f t="shared" si="231"/>
        <v>1.019803902718557</v>
      </c>
      <c r="UTV7" s="9">
        <f t="shared" si="231"/>
        <v>1.019803902718557</v>
      </c>
      <c r="UTW7" s="9">
        <f t="shared" si="231"/>
        <v>1.019803902718557</v>
      </c>
      <c r="UTX7" s="9">
        <f t="shared" si="231"/>
        <v>1.019803902718557</v>
      </c>
      <c r="UTY7" s="9">
        <f t="shared" si="231"/>
        <v>1.019803902718557</v>
      </c>
      <c r="UTZ7" s="9">
        <f t="shared" si="231"/>
        <v>1.019803902718557</v>
      </c>
      <c r="UUA7" s="9">
        <f t="shared" si="231"/>
        <v>1.019803902718557</v>
      </c>
      <c r="UUB7" s="9">
        <f t="shared" si="231"/>
        <v>1.019803902718557</v>
      </c>
      <c r="UUC7" s="9">
        <f t="shared" si="231"/>
        <v>1.019803902718557</v>
      </c>
      <c r="UUD7" s="9">
        <f t="shared" si="231"/>
        <v>1.019803902718557</v>
      </c>
      <c r="UUE7" s="9">
        <f t="shared" si="231"/>
        <v>1.019803902718557</v>
      </c>
      <c r="UUF7" s="9">
        <f t="shared" si="231"/>
        <v>1.019803902718557</v>
      </c>
      <c r="UUG7" s="9">
        <f t="shared" si="231"/>
        <v>1.019803902718557</v>
      </c>
      <c r="UUH7" s="9">
        <f t="shared" si="231"/>
        <v>1.019803902718557</v>
      </c>
      <c r="UUI7" s="9">
        <f t="shared" si="231"/>
        <v>1.019803902718557</v>
      </c>
      <c r="UUJ7" s="9">
        <f t="shared" si="231"/>
        <v>1.019803902718557</v>
      </c>
      <c r="UUK7" s="9">
        <f t="shared" si="231"/>
        <v>1.019803902718557</v>
      </c>
      <c r="UUL7" s="9">
        <f t="shared" si="231"/>
        <v>1.019803902718557</v>
      </c>
      <c r="UUM7" s="9">
        <f t="shared" si="231"/>
        <v>1.019803902718557</v>
      </c>
      <c r="UUN7" s="9">
        <f t="shared" si="231"/>
        <v>1.019803902718557</v>
      </c>
      <c r="UUO7" s="9">
        <f t="shared" si="231"/>
        <v>1.019803902718557</v>
      </c>
      <c r="UUP7" s="9">
        <f t="shared" si="231"/>
        <v>1.019803902718557</v>
      </c>
      <c r="UUQ7" s="9">
        <f t="shared" si="231"/>
        <v>1.019803902718557</v>
      </c>
      <c r="UUR7" s="9">
        <f t="shared" si="231"/>
        <v>1.019803902718557</v>
      </c>
      <c r="UUS7" s="9">
        <f t="shared" si="231"/>
        <v>1.019803902718557</v>
      </c>
      <c r="UUT7" s="9">
        <f t="shared" si="231"/>
        <v>1.019803902718557</v>
      </c>
      <c r="UUU7" s="9">
        <f t="shared" si="231"/>
        <v>1.019803902718557</v>
      </c>
      <c r="UUV7" s="9">
        <f t="shared" si="231"/>
        <v>1.019803902718557</v>
      </c>
      <c r="UUW7" s="9">
        <f t="shared" si="231"/>
        <v>1.019803902718557</v>
      </c>
      <c r="UUX7" s="9">
        <f t="shared" si="231"/>
        <v>1.019803902718557</v>
      </c>
      <c r="UUY7" s="9">
        <f t="shared" si="231"/>
        <v>1.019803902718557</v>
      </c>
      <c r="UUZ7" s="9">
        <f t="shared" si="231"/>
        <v>1.019803902718557</v>
      </c>
      <c r="UVA7" s="9">
        <f t="shared" si="231"/>
        <v>1.019803902718557</v>
      </c>
      <c r="UVB7" s="9">
        <f t="shared" si="231"/>
        <v>1.019803902718557</v>
      </c>
      <c r="UVC7" s="9">
        <f t="shared" si="231"/>
        <v>1.019803902718557</v>
      </c>
      <c r="UVD7" s="9">
        <f t="shared" si="231"/>
        <v>1.019803902718557</v>
      </c>
      <c r="UVE7" s="9">
        <f t="shared" si="231"/>
        <v>1.019803902718557</v>
      </c>
      <c r="UVF7" s="9">
        <f t="shared" si="231"/>
        <v>1.019803902718557</v>
      </c>
      <c r="UVG7" s="9">
        <f t="shared" si="231"/>
        <v>1.019803902718557</v>
      </c>
      <c r="UVH7" s="9">
        <f t="shared" si="231"/>
        <v>1.019803902718557</v>
      </c>
      <c r="UVI7" s="9">
        <f t="shared" si="231"/>
        <v>1.019803902718557</v>
      </c>
      <c r="UVJ7" s="9">
        <f t="shared" si="231"/>
        <v>1.019803902718557</v>
      </c>
      <c r="UVK7" s="9">
        <f t="shared" si="231"/>
        <v>1.019803902718557</v>
      </c>
      <c r="UVL7" s="9">
        <f t="shared" si="231"/>
        <v>1.019803902718557</v>
      </c>
      <c r="UVM7" s="9">
        <f t="shared" si="231"/>
        <v>1.019803902718557</v>
      </c>
      <c r="UVN7" s="9">
        <f t="shared" si="231"/>
        <v>1.019803902718557</v>
      </c>
      <c r="UVO7" s="9">
        <f t="shared" si="231"/>
        <v>1.019803902718557</v>
      </c>
      <c r="UVP7" s="9">
        <f t="shared" si="231"/>
        <v>1.019803902718557</v>
      </c>
      <c r="UVQ7" s="9">
        <f t="shared" si="231"/>
        <v>1.019803902718557</v>
      </c>
      <c r="UVR7" s="9">
        <f t="shared" si="231"/>
        <v>1.019803902718557</v>
      </c>
      <c r="UVS7" s="9">
        <f t="shared" si="231"/>
        <v>1.019803902718557</v>
      </c>
      <c r="UVT7" s="9">
        <f t="shared" si="231"/>
        <v>1.019803902718557</v>
      </c>
      <c r="UVU7" s="9">
        <f t="shared" si="231"/>
        <v>1.019803902718557</v>
      </c>
      <c r="UVV7" s="9">
        <f t="shared" si="231"/>
        <v>1.019803902718557</v>
      </c>
      <c r="UVW7" s="9">
        <f t="shared" si="231"/>
        <v>1.019803902718557</v>
      </c>
      <c r="UVX7" s="9">
        <f t="shared" si="231"/>
        <v>1.019803902718557</v>
      </c>
      <c r="UVY7" s="9">
        <f t="shared" si="231"/>
        <v>1.019803902718557</v>
      </c>
      <c r="UVZ7" s="9">
        <f t="shared" ref="UVZ7:UYK7" si="232">1/((1+$F$6) ^(UVZ3-$F$7))</f>
        <v>1.019803902718557</v>
      </c>
      <c r="UWA7" s="9">
        <f t="shared" si="232"/>
        <v>1.019803902718557</v>
      </c>
      <c r="UWB7" s="9">
        <f t="shared" si="232"/>
        <v>1.019803902718557</v>
      </c>
      <c r="UWC7" s="9">
        <f t="shared" si="232"/>
        <v>1.019803902718557</v>
      </c>
      <c r="UWD7" s="9">
        <f t="shared" si="232"/>
        <v>1.019803902718557</v>
      </c>
      <c r="UWE7" s="9">
        <f t="shared" si="232"/>
        <v>1.019803902718557</v>
      </c>
      <c r="UWF7" s="9">
        <f t="shared" si="232"/>
        <v>1.019803902718557</v>
      </c>
      <c r="UWG7" s="9">
        <f t="shared" si="232"/>
        <v>1.019803902718557</v>
      </c>
      <c r="UWH7" s="9">
        <f t="shared" si="232"/>
        <v>1.019803902718557</v>
      </c>
      <c r="UWI7" s="9">
        <f t="shared" si="232"/>
        <v>1.019803902718557</v>
      </c>
      <c r="UWJ7" s="9">
        <f t="shared" si="232"/>
        <v>1.019803902718557</v>
      </c>
      <c r="UWK7" s="9">
        <f t="shared" si="232"/>
        <v>1.019803902718557</v>
      </c>
      <c r="UWL7" s="9">
        <f t="shared" si="232"/>
        <v>1.019803902718557</v>
      </c>
      <c r="UWM7" s="9">
        <f t="shared" si="232"/>
        <v>1.019803902718557</v>
      </c>
      <c r="UWN7" s="9">
        <f t="shared" si="232"/>
        <v>1.019803902718557</v>
      </c>
      <c r="UWO7" s="9">
        <f t="shared" si="232"/>
        <v>1.019803902718557</v>
      </c>
      <c r="UWP7" s="9">
        <f t="shared" si="232"/>
        <v>1.019803902718557</v>
      </c>
      <c r="UWQ7" s="9">
        <f t="shared" si="232"/>
        <v>1.019803902718557</v>
      </c>
      <c r="UWR7" s="9">
        <f t="shared" si="232"/>
        <v>1.019803902718557</v>
      </c>
      <c r="UWS7" s="9">
        <f t="shared" si="232"/>
        <v>1.019803902718557</v>
      </c>
      <c r="UWT7" s="9">
        <f t="shared" si="232"/>
        <v>1.019803902718557</v>
      </c>
      <c r="UWU7" s="9">
        <f t="shared" si="232"/>
        <v>1.019803902718557</v>
      </c>
      <c r="UWV7" s="9">
        <f t="shared" si="232"/>
        <v>1.019803902718557</v>
      </c>
      <c r="UWW7" s="9">
        <f t="shared" si="232"/>
        <v>1.019803902718557</v>
      </c>
      <c r="UWX7" s="9">
        <f t="shared" si="232"/>
        <v>1.019803902718557</v>
      </c>
      <c r="UWY7" s="9">
        <f t="shared" si="232"/>
        <v>1.019803902718557</v>
      </c>
      <c r="UWZ7" s="9">
        <f t="shared" si="232"/>
        <v>1.019803902718557</v>
      </c>
      <c r="UXA7" s="9">
        <f t="shared" si="232"/>
        <v>1.019803902718557</v>
      </c>
      <c r="UXB7" s="9">
        <f t="shared" si="232"/>
        <v>1.019803902718557</v>
      </c>
      <c r="UXC7" s="9">
        <f t="shared" si="232"/>
        <v>1.019803902718557</v>
      </c>
      <c r="UXD7" s="9">
        <f t="shared" si="232"/>
        <v>1.019803902718557</v>
      </c>
      <c r="UXE7" s="9">
        <f t="shared" si="232"/>
        <v>1.019803902718557</v>
      </c>
      <c r="UXF7" s="9">
        <f t="shared" si="232"/>
        <v>1.019803902718557</v>
      </c>
      <c r="UXG7" s="9">
        <f t="shared" si="232"/>
        <v>1.019803902718557</v>
      </c>
      <c r="UXH7" s="9">
        <f t="shared" si="232"/>
        <v>1.019803902718557</v>
      </c>
      <c r="UXI7" s="9">
        <f t="shared" si="232"/>
        <v>1.019803902718557</v>
      </c>
      <c r="UXJ7" s="9">
        <f t="shared" si="232"/>
        <v>1.019803902718557</v>
      </c>
      <c r="UXK7" s="9">
        <f t="shared" si="232"/>
        <v>1.019803902718557</v>
      </c>
      <c r="UXL7" s="9">
        <f t="shared" si="232"/>
        <v>1.019803902718557</v>
      </c>
      <c r="UXM7" s="9">
        <f t="shared" si="232"/>
        <v>1.019803902718557</v>
      </c>
      <c r="UXN7" s="9">
        <f t="shared" si="232"/>
        <v>1.019803902718557</v>
      </c>
      <c r="UXO7" s="9">
        <f t="shared" si="232"/>
        <v>1.019803902718557</v>
      </c>
      <c r="UXP7" s="9">
        <f t="shared" si="232"/>
        <v>1.019803902718557</v>
      </c>
      <c r="UXQ7" s="9">
        <f t="shared" si="232"/>
        <v>1.019803902718557</v>
      </c>
      <c r="UXR7" s="9">
        <f t="shared" si="232"/>
        <v>1.019803902718557</v>
      </c>
      <c r="UXS7" s="9">
        <f t="shared" si="232"/>
        <v>1.019803902718557</v>
      </c>
      <c r="UXT7" s="9">
        <f t="shared" si="232"/>
        <v>1.019803902718557</v>
      </c>
      <c r="UXU7" s="9">
        <f t="shared" si="232"/>
        <v>1.019803902718557</v>
      </c>
      <c r="UXV7" s="9">
        <f t="shared" si="232"/>
        <v>1.019803902718557</v>
      </c>
      <c r="UXW7" s="9">
        <f t="shared" si="232"/>
        <v>1.019803902718557</v>
      </c>
      <c r="UXX7" s="9">
        <f t="shared" si="232"/>
        <v>1.019803902718557</v>
      </c>
      <c r="UXY7" s="9">
        <f t="shared" si="232"/>
        <v>1.019803902718557</v>
      </c>
      <c r="UXZ7" s="9">
        <f t="shared" si="232"/>
        <v>1.019803902718557</v>
      </c>
      <c r="UYA7" s="9">
        <f t="shared" si="232"/>
        <v>1.019803902718557</v>
      </c>
      <c r="UYB7" s="9">
        <f t="shared" si="232"/>
        <v>1.019803902718557</v>
      </c>
      <c r="UYC7" s="9">
        <f t="shared" si="232"/>
        <v>1.019803902718557</v>
      </c>
      <c r="UYD7" s="9">
        <f t="shared" si="232"/>
        <v>1.019803902718557</v>
      </c>
      <c r="UYE7" s="9">
        <f t="shared" si="232"/>
        <v>1.019803902718557</v>
      </c>
      <c r="UYF7" s="9">
        <f t="shared" si="232"/>
        <v>1.019803902718557</v>
      </c>
      <c r="UYG7" s="9">
        <f t="shared" si="232"/>
        <v>1.019803902718557</v>
      </c>
      <c r="UYH7" s="9">
        <f t="shared" si="232"/>
        <v>1.019803902718557</v>
      </c>
      <c r="UYI7" s="9">
        <f t="shared" si="232"/>
        <v>1.019803902718557</v>
      </c>
      <c r="UYJ7" s="9">
        <f t="shared" si="232"/>
        <v>1.019803902718557</v>
      </c>
      <c r="UYK7" s="9">
        <f t="shared" si="232"/>
        <v>1.019803902718557</v>
      </c>
      <c r="UYL7" s="9">
        <f t="shared" ref="UYL7:VAW7" si="233">1/((1+$F$6) ^(UYL3-$F$7))</f>
        <v>1.019803902718557</v>
      </c>
      <c r="UYM7" s="9">
        <f t="shared" si="233"/>
        <v>1.019803902718557</v>
      </c>
      <c r="UYN7" s="9">
        <f t="shared" si="233"/>
        <v>1.019803902718557</v>
      </c>
      <c r="UYO7" s="9">
        <f t="shared" si="233"/>
        <v>1.019803902718557</v>
      </c>
      <c r="UYP7" s="9">
        <f t="shared" si="233"/>
        <v>1.019803902718557</v>
      </c>
      <c r="UYQ7" s="9">
        <f t="shared" si="233"/>
        <v>1.019803902718557</v>
      </c>
      <c r="UYR7" s="9">
        <f t="shared" si="233"/>
        <v>1.019803902718557</v>
      </c>
      <c r="UYS7" s="9">
        <f t="shared" si="233"/>
        <v>1.019803902718557</v>
      </c>
      <c r="UYT7" s="9">
        <f t="shared" si="233"/>
        <v>1.019803902718557</v>
      </c>
      <c r="UYU7" s="9">
        <f t="shared" si="233"/>
        <v>1.019803902718557</v>
      </c>
      <c r="UYV7" s="9">
        <f t="shared" si="233"/>
        <v>1.019803902718557</v>
      </c>
      <c r="UYW7" s="9">
        <f t="shared" si="233"/>
        <v>1.019803902718557</v>
      </c>
      <c r="UYX7" s="9">
        <f t="shared" si="233"/>
        <v>1.019803902718557</v>
      </c>
      <c r="UYY7" s="9">
        <f t="shared" si="233"/>
        <v>1.019803902718557</v>
      </c>
      <c r="UYZ7" s="9">
        <f t="shared" si="233"/>
        <v>1.019803902718557</v>
      </c>
      <c r="UZA7" s="9">
        <f t="shared" si="233"/>
        <v>1.019803902718557</v>
      </c>
      <c r="UZB7" s="9">
        <f t="shared" si="233"/>
        <v>1.019803902718557</v>
      </c>
      <c r="UZC7" s="9">
        <f t="shared" si="233"/>
        <v>1.019803902718557</v>
      </c>
      <c r="UZD7" s="9">
        <f t="shared" si="233"/>
        <v>1.019803902718557</v>
      </c>
      <c r="UZE7" s="9">
        <f t="shared" si="233"/>
        <v>1.019803902718557</v>
      </c>
      <c r="UZF7" s="9">
        <f t="shared" si="233"/>
        <v>1.019803902718557</v>
      </c>
      <c r="UZG7" s="9">
        <f t="shared" si="233"/>
        <v>1.019803902718557</v>
      </c>
      <c r="UZH7" s="9">
        <f t="shared" si="233"/>
        <v>1.019803902718557</v>
      </c>
      <c r="UZI7" s="9">
        <f t="shared" si="233"/>
        <v>1.019803902718557</v>
      </c>
      <c r="UZJ7" s="9">
        <f t="shared" si="233"/>
        <v>1.019803902718557</v>
      </c>
      <c r="UZK7" s="9">
        <f t="shared" si="233"/>
        <v>1.019803902718557</v>
      </c>
      <c r="UZL7" s="9">
        <f t="shared" si="233"/>
        <v>1.019803902718557</v>
      </c>
      <c r="UZM7" s="9">
        <f t="shared" si="233"/>
        <v>1.019803902718557</v>
      </c>
      <c r="UZN7" s="9">
        <f t="shared" si="233"/>
        <v>1.019803902718557</v>
      </c>
      <c r="UZO7" s="9">
        <f t="shared" si="233"/>
        <v>1.019803902718557</v>
      </c>
      <c r="UZP7" s="9">
        <f t="shared" si="233"/>
        <v>1.019803902718557</v>
      </c>
      <c r="UZQ7" s="9">
        <f t="shared" si="233"/>
        <v>1.019803902718557</v>
      </c>
      <c r="UZR7" s="9">
        <f t="shared" si="233"/>
        <v>1.019803902718557</v>
      </c>
      <c r="UZS7" s="9">
        <f t="shared" si="233"/>
        <v>1.019803902718557</v>
      </c>
      <c r="UZT7" s="9">
        <f t="shared" si="233"/>
        <v>1.019803902718557</v>
      </c>
      <c r="UZU7" s="9">
        <f t="shared" si="233"/>
        <v>1.019803902718557</v>
      </c>
      <c r="UZV7" s="9">
        <f t="shared" si="233"/>
        <v>1.019803902718557</v>
      </c>
      <c r="UZW7" s="9">
        <f t="shared" si="233"/>
        <v>1.019803902718557</v>
      </c>
      <c r="UZX7" s="9">
        <f t="shared" si="233"/>
        <v>1.019803902718557</v>
      </c>
      <c r="UZY7" s="9">
        <f t="shared" si="233"/>
        <v>1.019803902718557</v>
      </c>
      <c r="UZZ7" s="9">
        <f t="shared" si="233"/>
        <v>1.019803902718557</v>
      </c>
      <c r="VAA7" s="9">
        <f t="shared" si="233"/>
        <v>1.019803902718557</v>
      </c>
      <c r="VAB7" s="9">
        <f t="shared" si="233"/>
        <v>1.019803902718557</v>
      </c>
      <c r="VAC7" s="9">
        <f t="shared" si="233"/>
        <v>1.019803902718557</v>
      </c>
      <c r="VAD7" s="9">
        <f t="shared" si="233"/>
        <v>1.019803902718557</v>
      </c>
      <c r="VAE7" s="9">
        <f t="shared" si="233"/>
        <v>1.019803902718557</v>
      </c>
      <c r="VAF7" s="9">
        <f t="shared" si="233"/>
        <v>1.019803902718557</v>
      </c>
      <c r="VAG7" s="9">
        <f t="shared" si="233"/>
        <v>1.019803902718557</v>
      </c>
      <c r="VAH7" s="9">
        <f t="shared" si="233"/>
        <v>1.019803902718557</v>
      </c>
      <c r="VAI7" s="9">
        <f t="shared" si="233"/>
        <v>1.019803902718557</v>
      </c>
      <c r="VAJ7" s="9">
        <f t="shared" si="233"/>
        <v>1.019803902718557</v>
      </c>
      <c r="VAK7" s="9">
        <f t="shared" si="233"/>
        <v>1.019803902718557</v>
      </c>
      <c r="VAL7" s="9">
        <f t="shared" si="233"/>
        <v>1.019803902718557</v>
      </c>
      <c r="VAM7" s="9">
        <f t="shared" si="233"/>
        <v>1.019803902718557</v>
      </c>
      <c r="VAN7" s="9">
        <f t="shared" si="233"/>
        <v>1.019803902718557</v>
      </c>
      <c r="VAO7" s="9">
        <f t="shared" si="233"/>
        <v>1.019803902718557</v>
      </c>
      <c r="VAP7" s="9">
        <f t="shared" si="233"/>
        <v>1.019803902718557</v>
      </c>
      <c r="VAQ7" s="9">
        <f t="shared" si="233"/>
        <v>1.019803902718557</v>
      </c>
      <c r="VAR7" s="9">
        <f t="shared" si="233"/>
        <v>1.019803902718557</v>
      </c>
      <c r="VAS7" s="9">
        <f t="shared" si="233"/>
        <v>1.019803902718557</v>
      </c>
      <c r="VAT7" s="9">
        <f t="shared" si="233"/>
        <v>1.019803902718557</v>
      </c>
      <c r="VAU7" s="9">
        <f t="shared" si="233"/>
        <v>1.019803902718557</v>
      </c>
      <c r="VAV7" s="9">
        <f t="shared" si="233"/>
        <v>1.019803902718557</v>
      </c>
      <c r="VAW7" s="9">
        <f t="shared" si="233"/>
        <v>1.019803902718557</v>
      </c>
      <c r="VAX7" s="9">
        <f t="shared" ref="VAX7:VDI7" si="234">1/((1+$F$6) ^(VAX3-$F$7))</f>
        <v>1.019803902718557</v>
      </c>
      <c r="VAY7" s="9">
        <f t="shared" si="234"/>
        <v>1.019803902718557</v>
      </c>
      <c r="VAZ7" s="9">
        <f t="shared" si="234"/>
        <v>1.019803902718557</v>
      </c>
      <c r="VBA7" s="9">
        <f t="shared" si="234"/>
        <v>1.019803902718557</v>
      </c>
      <c r="VBB7" s="9">
        <f t="shared" si="234"/>
        <v>1.019803902718557</v>
      </c>
      <c r="VBC7" s="9">
        <f t="shared" si="234"/>
        <v>1.019803902718557</v>
      </c>
      <c r="VBD7" s="9">
        <f t="shared" si="234"/>
        <v>1.019803902718557</v>
      </c>
      <c r="VBE7" s="9">
        <f t="shared" si="234"/>
        <v>1.019803902718557</v>
      </c>
      <c r="VBF7" s="9">
        <f t="shared" si="234"/>
        <v>1.019803902718557</v>
      </c>
      <c r="VBG7" s="9">
        <f t="shared" si="234"/>
        <v>1.019803902718557</v>
      </c>
      <c r="VBH7" s="9">
        <f t="shared" si="234"/>
        <v>1.019803902718557</v>
      </c>
      <c r="VBI7" s="9">
        <f t="shared" si="234"/>
        <v>1.019803902718557</v>
      </c>
      <c r="VBJ7" s="9">
        <f t="shared" si="234"/>
        <v>1.019803902718557</v>
      </c>
      <c r="VBK7" s="9">
        <f t="shared" si="234"/>
        <v>1.019803902718557</v>
      </c>
      <c r="VBL7" s="9">
        <f t="shared" si="234"/>
        <v>1.019803902718557</v>
      </c>
      <c r="VBM7" s="9">
        <f t="shared" si="234"/>
        <v>1.019803902718557</v>
      </c>
      <c r="VBN7" s="9">
        <f t="shared" si="234"/>
        <v>1.019803902718557</v>
      </c>
      <c r="VBO7" s="9">
        <f t="shared" si="234"/>
        <v>1.019803902718557</v>
      </c>
      <c r="VBP7" s="9">
        <f t="shared" si="234"/>
        <v>1.019803902718557</v>
      </c>
      <c r="VBQ7" s="9">
        <f t="shared" si="234"/>
        <v>1.019803902718557</v>
      </c>
      <c r="VBR7" s="9">
        <f t="shared" si="234"/>
        <v>1.019803902718557</v>
      </c>
      <c r="VBS7" s="9">
        <f t="shared" si="234"/>
        <v>1.019803902718557</v>
      </c>
      <c r="VBT7" s="9">
        <f t="shared" si="234"/>
        <v>1.019803902718557</v>
      </c>
      <c r="VBU7" s="9">
        <f t="shared" si="234"/>
        <v>1.019803902718557</v>
      </c>
      <c r="VBV7" s="9">
        <f t="shared" si="234"/>
        <v>1.019803902718557</v>
      </c>
      <c r="VBW7" s="9">
        <f t="shared" si="234"/>
        <v>1.019803902718557</v>
      </c>
      <c r="VBX7" s="9">
        <f t="shared" si="234"/>
        <v>1.019803902718557</v>
      </c>
      <c r="VBY7" s="9">
        <f t="shared" si="234"/>
        <v>1.019803902718557</v>
      </c>
      <c r="VBZ7" s="9">
        <f t="shared" si="234"/>
        <v>1.019803902718557</v>
      </c>
      <c r="VCA7" s="9">
        <f t="shared" si="234"/>
        <v>1.019803902718557</v>
      </c>
      <c r="VCB7" s="9">
        <f t="shared" si="234"/>
        <v>1.019803902718557</v>
      </c>
      <c r="VCC7" s="9">
        <f t="shared" si="234"/>
        <v>1.019803902718557</v>
      </c>
      <c r="VCD7" s="9">
        <f t="shared" si="234"/>
        <v>1.019803902718557</v>
      </c>
      <c r="VCE7" s="9">
        <f t="shared" si="234"/>
        <v>1.019803902718557</v>
      </c>
      <c r="VCF7" s="9">
        <f t="shared" si="234"/>
        <v>1.019803902718557</v>
      </c>
      <c r="VCG7" s="9">
        <f t="shared" si="234"/>
        <v>1.019803902718557</v>
      </c>
      <c r="VCH7" s="9">
        <f t="shared" si="234"/>
        <v>1.019803902718557</v>
      </c>
      <c r="VCI7" s="9">
        <f t="shared" si="234"/>
        <v>1.019803902718557</v>
      </c>
      <c r="VCJ7" s="9">
        <f t="shared" si="234"/>
        <v>1.019803902718557</v>
      </c>
      <c r="VCK7" s="9">
        <f t="shared" si="234"/>
        <v>1.019803902718557</v>
      </c>
      <c r="VCL7" s="9">
        <f t="shared" si="234"/>
        <v>1.019803902718557</v>
      </c>
      <c r="VCM7" s="9">
        <f t="shared" si="234"/>
        <v>1.019803902718557</v>
      </c>
      <c r="VCN7" s="9">
        <f t="shared" si="234"/>
        <v>1.019803902718557</v>
      </c>
      <c r="VCO7" s="9">
        <f t="shared" si="234"/>
        <v>1.019803902718557</v>
      </c>
      <c r="VCP7" s="9">
        <f t="shared" si="234"/>
        <v>1.019803902718557</v>
      </c>
      <c r="VCQ7" s="9">
        <f t="shared" si="234"/>
        <v>1.019803902718557</v>
      </c>
      <c r="VCR7" s="9">
        <f t="shared" si="234"/>
        <v>1.019803902718557</v>
      </c>
      <c r="VCS7" s="9">
        <f t="shared" si="234"/>
        <v>1.019803902718557</v>
      </c>
      <c r="VCT7" s="9">
        <f t="shared" si="234"/>
        <v>1.019803902718557</v>
      </c>
      <c r="VCU7" s="9">
        <f t="shared" si="234"/>
        <v>1.019803902718557</v>
      </c>
      <c r="VCV7" s="9">
        <f t="shared" si="234"/>
        <v>1.019803902718557</v>
      </c>
      <c r="VCW7" s="9">
        <f t="shared" si="234"/>
        <v>1.019803902718557</v>
      </c>
      <c r="VCX7" s="9">
        <f t="shared" si="234"/>
        <v>1.019803902718557</v>
      </c>
      <c r="VCY7" s="9">
        <f t="shared" si="234"/>
        <v>1.019803902718557</v>
      </c>
      <c r="VCZ7" s="9">
        <f t="shared" si="234"/>
        <v>1.019803902718557</v>
      </c>
      <c r="VDA7" s="9">
        <f t="shared" si="234"/>
        <v>1.019803902718557</v>
      </c>
      <c r="VDB7" s="9">
        <f t="shared" si="234"/>
        <v>1.019803902718557</v>
      </c>
      <c r="VDC7" s="9">
        <f t="shared" si="234"/>
        <v>1.019803902718557</v>
      </c>
      <c r="VDD7" s="9">
        <f t="shared" si="234"/>
        <v>1.019803902718557</v>
      </c>
      <c r="VDE7" s="9">
        <f t="shared" si="234"/>
        <v>1.019803902718557</v>
      </c>
      <c r="VDF7" s="9">
        <f t="shared" si="234"/>
        <v>1.019803902718557</v>
      </c>
      <c r="VDG7" s="9">
        <f t="shared" si="234"/>
        <v>1.019803902718557</v>
      </c>
      <c r="VDH7" s="9">
        <f t="shared" si="234"/>
        <v>1.019803902718557</v>
      </c>
      <c r="VDI7" s="9">
        <f t="shared" si="234"/>
        <v>1.019803902718557</v>
      </c>
      <c r="VDJ7" s="9">
        <f t="shared" ref="VDJ7:VFU7" si="235">1/((1+$F$6) ^(VDJ3-$F$7))</f>
        <v>1.019803902718557</v>
      </c>
      <c r="VDK7" s="9">
        <f t="shared" si="235"/>
        <v>1.019803902718557</v>
      </c>
      <c r="VDL7" s="9">
        <f t="shared" si="235"/>
        <v>1.019803902718557</v>
      </c>
      <c r="VDM7" s="9">
        <f t="shared" si="235"/>
        <v>1.019803902718557</v>
      </c>
      <c r="VDN7" s="9">
        <f t="shared" si="235"/>
        <v>1.019803902718557</v>
      </c>
      <c r="VDO7" s="9">
        <f t="shared" si="235"/>
        <v>1.019803902718557</v>
      </c>
      <c r="VDP7" s="9">
        <f t="shared" si="235"/>
        <v>1.019803902718557</v>
      </c>
      <c r="VDQ7" s="9">
        <f t="shared" si="235"/>
        <v>1.019803902718557</v>
      </c>
      <c r="VDR7" s="9">
        <f t="shared" si="235"/>
        <v>1.019803902718557</v>
      </c>
      <c r="VDS7" s="9">
        <f t="shared" si="235"/>
        <v>1.019803902718557</v>
      </c>
      <c r="VDT7" s="9">
        <f t="shared" si="235"/>
        <v>1.019803902718557</v>
      </c>
      <c r="VDU7" s="9">
        <f t="shared" si="235"/>
        <v>1.019803902718557</v>
      </c>
      <c r="VDV7" s="9">
        <f t="shared" si="235"/>
        <v>1.019803902718557</v>
      </c>
      <c r="VDW7" s="9">
        <f t="shared" si="235"/>
        <v>1.019803902718557</v>
      </c>
      <c r="VDX7" s="9">
        <f t="shared" si="235"/>
        <v>1.019803902718557</v>
      </c>
      <c r="VDY7" s="9">
        <f t="shared" si="235"/>
        <v>1.019803902718557</v>
      </c>
      <c r="VDZ7" s="9">
        <f t="shared" si="235"/>
        <v>1.019803902718557</v>
      </c>
      <c r="VEA7" s="9">
        <f t="shared" si="235"/>
        <v>1.019803902718557</v>
      </c>
      <c r="VEB7" s="9">
        <f t="shared" si="235"/>
        <v>1.019803902718557</v>
      </c>
      <c r="VEC7" s="9">
        <f t="shared" si="235"/>
        <v>1.019803902718557</v>
      </c>
      <c r="VED7" s="9">
        <f t="shared" si="235"/>
        <v>1.019803902718557</v>
      </c>
      <c r="VEE7" s="9">
        <f t="shared" si="235"/>
        <v>1.019803902718557</v>
      </c>
      <c r="VEF7" s="9">
        <f t="shared" si="235"/>
        <v>1.019803902718557</v>
      </c>
      <c r="VEG7" s="9">
        <f t="shared" si="235"/>
        <v>1.019803902718557</v>
      </c>
      <c r="VEH7" s="9">
        <f t="shared" si="235"/>
        <v>1.019803902718557</v>
      </c>
      <c r="VEI7" s="9">
        <f t="shared" si="235"/>
        <v>1.019803902718557</v>
      </c>
      <c r="VEJ7" s="9">
        <f t="shared" si="235"/>
        <v>1.019803902718557</v>
      </c>
      <c r="VEK7" s="9">
        <f t="shared" si="235"/>
        <v>1.019803902718557</v>
      </c>
      <c r="VEL7" s="9">
        <f t="shared" si="235"/>
        <v>1.019803902718557</v>
      </c>
      <c r="VEM7" s="9">
        <f t="shared" si="235"/>
        <v>1.019803902718557</v>
      </c>
      <c r="VEN7" s="9">
        <f t="shared" si="235"/>
        <v>1.019803902718557</v>
      </c>
      <c r="VEO7" s="9">
        <f t="shared" si="235"/>
        <v>1.019803902718557</v>
      </c>
      <c r="VEP7" s="9">
        <f t="shared" si="235"/>
        <v>1.019803902718557</v>
      </c>
      <c r="VEQ7" s="9">
        <f t="shared" si="235"/>
        <v>1.019803902718557</v>
      </c>
      <c r="VER7" s="9">
        <f t="shared" si="235"/>
        <v>1.019803902718557</v>
      </c>
      <c r="VES7" s="9">
        <f t="shared" si="235"/>
        <v>1.019803902718557</v>
      </c>
      <c r="VET7" s="9">
        <f t="shared" si="235"/>
        <v>1.019803902718557</v>
      </c>
      <c r="VEU7" s="9">
        <f t="shared" si="235"/>
        <v>1.019803902718557</v>
      </c>
      <c r="VEV7" s="9">
        <f t="shared" si="235"/>
        <v>1.019803902718557</v>
      </c>
      <c r="VEW7" s="9">
        <f t="shared" si="235"/>
        <v>1.019803902718557</v>
      </c>
      <c r="VEX7" s="9">
        <f t="shared" si="235"/>
        <v>1.019803902718557</v>
      </c>
      <c r="VEY7" s="9">
        <f t="shared" si="235"/>
        <v>1.019803902718557</v>
      </c>
      <c r="VEZ7" s="9">
        <f t="shared" si="235"/>
        <v>1.019803902718557</v>
      </c>
      <c r="VFA7" s="9">
        <f t="shared" si="235"/>
        <v>1.019803902718557</v>
      </c>
      <c r="VFB7" s="9">
        <f t="shared" si="235"/>
        <v>1.019803902718557</v>
      </c>
      <c r="VFC7" s="9">
        <f t="shared" si="235"/>
        <v>1.019803902718557</v>
      </c>
      <c r="VFD7" s="9">
        <f t="shared" si="235"/>
        <v>1.019803902718557</v>
      </c>
      <c r="VFE7" s="9">
        <f t="shared" si="235"/>
        <v>1.019803902718557</v>
      </c>
      <c r="VFF7" s="9">
        <f t="shared" si="235"/>
        <v>1.019803902718557</v>
      </c>
      <c r="VFG7" s="9">
        <f t="shared" si="235"/>
        <v>1.019803902718557</v>
      </c>
      <c r="VFH7" s="9">
        <f t="shared" si="235"/>
        <v>1.019803902718557</v>
      </c>
      <c r="VFI7" s="9">
        <f t="shared" si="235"/>
        <v>1.019803902718557</v>
      </c>
      <c r="VFJ7" s="9">
        <f t="shared" si="235"/>
        <v>1.019803902718557</v>
      </c>
      <c r="VFK7" s="9">
        <f t="shared" si="235"/>
        <v>1.019803902718557</v>
      </c>
      <c r="VFL7" s="9">
        <f t="shared" si="235"/>
        <v>1.019803902718557</v>
      </c>
      <c r="VFM7" s="9">
        <f t="shared" si="235"/>
        <v>1.019803902718557</v>
      </c>
      <c r="VFN7" s="9">
        <f t="shared" si="235"/>
        <v>1.019803902718557</v>
      </c>
      <c r="VFO7" s="9">
        <f t="shared" si="235"/>
        <v>1.019803902718557</v>
      </c>
      <c r="VFP7" s="9">
        <f t="shared" si="235"/>
        <v>1.019803902718557</v>
      </c>
      <c r="VFQ7" s="9">
        <f t="shared" si="235"/>
        <v>1.019803902718557</v>
      </c>
      <c r="VFR7" s="9">
        <f t="shared" si="235"/>
        <v>1.019803902718557</v>
      </c>
      <c r="VFS7" s="9">
        <f t="shared" si="235"/>
        <v>1.019803902718557</v>
      </c>
      <c r="VFT7" s="9">
        <f t="shared" si="235"/>
        <v>1.019803902718557</v>
      </c>
      <c r="VFU7" s="9">
        <f t="shared" si="235"/>
        <v>1.019803902718557</v>
      </c>
      <c r="VFV7" s="9">
        <f t="shared" ref="VFV7:VIG7" si="236">1/((1+$F$6) ^(VFV3-$F$7))</f>
        <v>1.019803902718557</v>
      </c>
      <c r="VFW7" s="9">
        <f t="shared" si="236"/>
        <v>1.019803902718557</v>
      </c>
      <c r="VFX7" s="9">
        <f t="shared" si="236"/>
        <v>1.019803902718557</v>
      </c>
      <c r="VFY7" s="9">
        <f t="shared" si="236"/>
        <v>1.019803902718557</v>
      </c>
      <c r="VFZ7" s="9">
        <f t="shared" si="236"/>
        <v>1.019803902718557</v>
      </c>
      <c r="VGA7" s="9">
        <f t="shared" si="236"/>
        <v>1.019803902718557</v>
      </c>
      <c r="VGB7" s="9">
        <f t="shared" si="236"/>
        <v>1.019803902718557</v>
      </c>
      <c r="VGC7" s="9">
        <f t="shared" si="236"/>
        <v>1.019803902718557</v>
      </c>
      <c r="VGD7" s="9">
        <f t="shared" si="236"/>
        <v>1.019803902718557</v>
      </c>
      <c r="VGE7" s="9">
        <f t="shared" si="236"/>
        <v>1.019803902718557</v>
      </c>
      <c r="VGF7" s="9">
        <f t="shared" si="236"/>
        <v>1.019803902718557</v>
      </c>
      <c r="VGG7" s="9">
        <f t="shared" si="236"/>
        <v>1.019803902718557</v>
      </c>
      <c r="VGH7" s="9">
        <f t="shared" si="236"/>
        <v>1.019803902718557</v>
      </c>
      <c r="VGI7" s="9">
        <f t="shared" si="236"/>
        <v>1.019803902718557</v>
      </c>
      <c r="VGJ7" s="9">
        <f t="shared" si="236"/>
        <v>1.019803902718557</v>
      </c>
      <c r="VGK7" s="9">
        <f t="shared" si="236"/>
        <v>1.019803902718557</v>
      </c>
      <c r="VGL7" s="9">
        <f t="shared" si="236"/>
        <v>1.019803902718557</v>
      </c>
      <c r="VGM7" s="9">
        <f t="shared" si="236"/>
        <v>1.019803902718557</v>
      </c>
      <c r="VGN7" s="9">
        <f t="shared" si="236"/>
        <v>1.019803902718557</v>
      </c>
      <c r="VGO7" s="9">
        <f t="shared" si="236"/>
        <v>1.019803902718557</v>
      </c>
      <c r="VGP7" s="9">
        <f t="shared" si="236"/>
        <v>1.019803902718557</v>
      </c>
      <c r="VGQ7" s="9">
        <f t="shared" si="236"/>
        <v>1.019803902718557</v>
      </c>
      <c r="VGR7" s="9">
        <f t="shared" si="236"/>
        <v>1.019803902718557</v>
      </c>
      <c r="VGS7" s="9">
        <f t="shared" si="236"/>
        <v>1.019803902718557</v>
      </c>
      <c r="VGT7" s="9">
        <f t="shared" si="236"/>
        <v>1.019803902718557</v>
      </c>
      <c r="VGU7" s="9">
        <f t="shared" si="236"/>
        <v>1.019803902718557</v>
      </c>
      <c r="VGV7" s="9">
        <f t="shared" si="236"/>
        <v>1.019803902718557</v>
      </c>
      <c r="VGW7" s="9">
        <f t="shared" si="236"/>
        <v>1.019803902718557</v>
      </c>
      <c r="VGX7" s="9">
        <f t="shared" si="236"/>
        <v>1.019803902718557</v>
      </c>
      <c r="VGY7" s="9">
        <f t="shared" si="236"/>
        <v>1.019803902718557</v>
      </c>
      <c r="VGZ7" s="9">
        <f t="shared" si="236"/>
        <v>1.019803902718557</v>
      </c>
      <c r="VHA7" s="9">
        <f t="shared" si="236"/>
        <v>1.019803902718557</v>
      </c>
      <c r="VHB7" s="9">
        <f t="shared" si="236"/>
        <v>1.019803902718557</v>
      </c>
      <c r="VHC7" s="9">
        <f t="shared" si="236"/>
        <v>1.019803902718557</v>
      </c>
      <c r="VHD7" s="9">
        <f t="shared" si="236"/>
        <v>1.019803902718557</v>
      </c>
      <c r="VHE7" s="9">
        <f t="shared" si="236"/>
        <v>1.019803902718557</v>
      </c>
      <c r="VHF7" s="9">
        <f t="shared" si="236"/>
        <v>1.019803902718557</v>
      </c>
      <c r="VHG7" s="9">
        <f t="shared" si="236"/>
        <v>1.019803902718557</v>
      </c>
      <c r="VHH7" s="9">
        <f t="shared" si="236"/>
        <v>1.019803902718557</v>
      </c>
      <c r="VHI7" s="9">
        <f t="shared" si="236"/>
        <v>1.019803902718557</v>
      </c>
      <c r="VHJ7" s="9">
        <f t="shared" si="236"/>
        <v>1.019803902718557</v>
      </c>
      <c r="VHK7" s="9">
        <f t="shared" si="236"/>
        <v>1.019803902718557</v>
      </c>
      <c r="VHL7" s="9">
        <f t="shared" si="236"/>
        <v>1.019803902718557</v>
      </c>
      <c r="VHM7" s="9">
        <f t="shared" si="236"/>
        <v>1.019803902718557</v>
      </c>
      <c r="VHN7" s="9">
        <f t="shared" si="236"/>
        <v>1.019803902718557</v>
      </c>
      <c r="VHO7" s="9">
        <f t="shared" si="236"/>
        <v>1.019803902718557</v>
      </c>
      <c r="VHP7" s="9">
        <f t="shared" si="236"/>
        <v>1.019803902718557</v>
      </c>
      <c r="VHQ7" s="9">
        <f t="shared" si="236"/>
        <v>1.019803902718557</v>
      </c>
      <c r="VHR7" s="9">
        <f t="shared" si="236"/>
        <v>1.019803902718557</v>
      </c>
      <c r="VHS7" s="9">
        <f t="shared" si="236"/>
        <v>1.019803902718557</v>
      </c>
      <c r="VHT7" s="9">
        <f t="shared" si="236"/>
        <v>1.019803902718557</v>
      </c>
      <c r="VHU7" s="9">
        <f t="shared" si="236"/>
        <v>1.019803902718557</v>
      </c>
      <c r="VHV7" s="9">
        <f t="shared" si="236"/>
        <v>1.019803902718557</v>
      </c>
      <c r="VHW7" s="9">
        <f t="shared" si="236"/>
        <v>1.019803902718557</v>
      </c>
      <c r="VHX7" s="9">
        <f t="shared" si="236"/>
        <v>1.019803902718557</v>
      </c>
      <c r="VHY7" s="9">
        <f t="shared" si="236"/>
        <v>1.019803902718557</v>
      </c>
      <c r="VHZ7" s="9">
        <f t="shared" si="236"/>
        <v>1.019803902718557</v>
      </c>
      <c r="VIA7" s="9">
        <f t="shared" si="236"/>
        <v>1.019803902718557</v>
      </c>
      <c r="VIB7" s="9">
        <f t="shared" si="236"/>
        <v>1.019803902718557</v>
      </c>
      <c r="VIC7" s="9">
        <f t="shared" si="236"/>
        <v>1.019803902718557</v>
      </c>
      <c r="VID7" s="9">
        <f t="shared" si="236"/>
        <v>1.019803902718557</v>
      </c>
      <c r="VIE7" s="9">
        <f t="shared" si="236"/>
        <v>1.019803902718557</v>
      </c>
      <c r="VIF7" s="9">
        <f t="shared" si="236"/>
        <v>1.019803902718557</v>
      </c>
      <c r="VIG7" s="9">
        <f t="shared" si="236"/>
        <v>1.019803902718557</v>
      </c>
      <c r="VIH7" s="9">
        <f t="shared" ref="VIH7:VKS7" si="237">1/((1+$F$6) ^(VIH3-$F$7))</f>
        <v>1.019803902718557</v>
      </c>
      <c r="VII7" s="9">
        <f t="shared" si="237"/>
        <v>1.019803902718557</v>
      </c>
      <c r="VIJ7" s="9">
        <f t="shared" si="237"/>
        <v>1.019803902718557</v>
      </c>
      <c r="VIK7" s="9">
        <f t="shared" si="237"/>
        <v>1.019803902718557</v>
      </c>
      <c r="VIL7" s="9">
        <f t="shared" si="237"/>
        <v>1.019803902718557</v>
      </c>
      <c r="VIM7" s="9">
        <f t="shared" si="237"/>
        <v>1.019803902718557</v>
      </c>
      <c r="VIN7" s="9">
        <f t="shared" si="237"/>
        <v>1.019803902718557</v>
      </c>
      <c r="VIO7" s="9">
        <f t="shared" si="237"/>
        <v>1.019803902718557</v>
      </c>
      <c r="VIP7" s="9">
        <f t="shared" si="237"/>
        <v>1.019803902718557</v>
      </c>
      <c r="VIQ7" s="9">
        <f t="shared" si="237"/>
        <v>1.019803902718557</v>
      </c>
      <c r="VIR7" s="9">
        <f t="shared" si="237"/>
        <v>1.019803902718557</v>
      </c>
      <c r="VIS7" s="9">
        <f t="shared" si="237"/>
        <v>1.019803902718557</v>
      </c>
      <c r="VIT7" s="9">
        <f t="shared" si="237"/>
        <v>1.019803902718557</v>
      </c>
      <c r="VIU7" s="9">
        <f t="shared" si="237"/>
        <v>1.019803902718557</v>
      </c>
      <c r="VIV7" s="9">
        <f t="shared" si="237"/>
        <v>1.019803902718557</v>
      </c>
      <c r="VIW7" s="9">
        <f t="shared" si="237"/>
        <v>1.019803902718557</v>
      </c>
      <c r="VIX7" s="9">
        <f t="shared" si="237"/>
        <v>1.019803902718557</v>
      </c>
      <c r="VIY7" s="9">
        <f t="shared" si="237"/>
        <v>1.019803902718557</v>
      </c>
      <c r="VIZ7" s="9">
        <f t="shared" si="237"/>
        <v>1.019803902718557</v>
      </c>
      <c r="VJA7" s="9">
        <f t="shared" si="237"/>
        <v>1.019803902718557</v>
      </c>
      <c r="VJB7" s="9">
        <f t="shared" si="237"/>
        <v>1.019803902718557</v>
      </c>
      <c r="VJC7" s="9">
        <f t="shared" si="237"/>
        <v>1.019803902718557</v>
      </c>
      <c r="VJD7" s="9">
        <f t="shared" si="237"/>
        <v>1.019803902718557</v>
      </c>
      <c r="VJE7" s="9">
        <f t="shared" si="237"/>
        <v>1.019803902718557</v>
      </c>
      <c r="VJF7" s="9">
        <f t="shared" si="237"/>
        <v>1.019803902718557</v>
      </c>
      <c r="VJG7" s="9">
        <f t="shared" si="237"/>
        <v>1.019803902718557</v>
      </c>
      <c r="VJH7" s="9">
        <f t="shared" si="237"/>
        <v>1.019803902718557</v>
      </c>
      <c r="VJI7" s="9">
        <f t="shared" si="237"/>
        <v>1.019803902718557</v>
      </c>
      <c r="VJJ7" s="9">
        <f t="shared" si="237"/>
        <v>1.019803902718557</v>
      </c>
      <c r="VJK7" s="9">
        <f t="shared" si="237"/>
        <v>1.019803902718557</v>
      </c>
      <c r="VJL7" s="9">
        <f t="shared" si="237"/>
        <v>1.019803902718557</v>
      </c>
      <c r="VJM7" s="9">
        <f t="shared" si="237"/>
        <v>1.019803902718557</v>
      </c>
      <c r="VJN7" s="9">
        <f t="shared" si="237"/>
        <v>1.019803902718557</v>
      </c>
      <c r="VJO7" s="9">
        <f t="shared" si="237"/>
        <v>1.019803902718557</v>
      </c>
      <c r="VJP7" s="9">
        <f t="shared" si="237"/>
        <v>1.019803902718557</v>
      </c>
      <c r="VJQ7" s="9">
        <f t="shared" si="237"/>
        <v>1.019803902718557</v>
      </c>
      <c r="VJR7" s="9">
        <f t="shared" si="237"/>
        <v>1.019803902718557</v>
      </c>
      <c r="VJS7" s="9">
        <f t="shared" si="237"/>
        <v>1.019803902718557</v>
      </c>
      <c r="VJT7" s="9">
        <f t="shared" si="237"/>
        <v>1.019803902718557</v>
      </c>
      <c r="VJU7" s="9">
        <f t="shared" si="237"/>
        <v>1.019803902718557</v>
      </c>
      <c r="VJV7" s="9">
        <f t="shared" si="237"/>
        <v>1.019803902718557</v>
      </c>
      <c r="VJW7" s="9">
        <f t="shared" si="237"/>
        <v>1.019803902718557</v>
      </c>
      <c r="VJX7" s="9">
        <f t="shared" si="237"/>
        <v>1.019803902718557</v>
      </c>
      <c r="VJY7" s="9">
        <f t="shared" si="237"/>
        <v>1.019803902718557</v>
      </c>
      <c r="VJZ7" s="9">
        <f t="shared" si="237"/>
        <v>1.019803902718557</v>
      </c>
      <c r="VKA7" s="9">
        <f t="shared" si="237"/>
        <v>1.019803902718557</v>
      </c>
      <c r="VKB7" s="9">
        <f t="shared" si="237"/>
        <v>1.019803902718557</v>
      </c>
      <c r="VKC7" s="9">
        <f t="shared" si="237"/>
        <v>1.019803902718557</v>
      </c>
      <c r="VKD7" s="9">
        <f t="shared" si="237"/>
        <v>1.019803902718557</v>
      </c>
      <c r="VKE7" s="9">
        <f t="shared" si="237"/>
        <v>1.019803902718557</v>
      </c>
      <c r="VKF7" s="9">
        <f t="shared" si="237"/>
        <v>1.019803902718557</v>
      </c>
      <c r="VKG7" s="9">
        <f t="shared" si="237"/>
        <v>1.019803902718557</v>
      </c>
      <c r="VKH7" s="9">
        <f t="shared" si="237"/>
        <v>1.019803902718557</v>
      </c>
      <c r="VKI7" s="9">
        <f t="shared" si="237"/>
        <v>1.019803902718557</v>
      </c>
      <c r="VKJ7" s="9">
        <f t="shared" si="237"/>
        <v>1.019803902718557</v>
      </c>
      <c r="VKK7" s="9">
        <f t="shared" si="237"/>
        <v>1.019803902718557</v>
      </c>
      <c r="VKL7" s="9">
        <f t="shared" si="237"/>
        <v>1.019803902718557</v>
      </c>
      <c r="VKM7" s="9">
        <f t="shared" si="237"/>
        <v>1.019803902718557</v>
      </c>
      <c r="VKN7" s="9">
        <f t="shared" si="237"/>
        <v>1.019803902718557</v>
      </c>
      <c r="VKO7" s="9">
        <f t="shared" si="237"/>
        <v>1.019803902718557</v>
      </c>
      <c r="VKP7" s="9">
        <f t="shared" si="237"/>
        <v>1.019803902718557</v>
      </c>
      <c r="VKQ7" s="9">
        <f t="shared" si="237"/>
        <v>1.019803902718557</v>
      </c>
      <c r="VKR7" s="9">
        <f t="shared" si="237"/>
        <v>1.019803902718557</v>
      </c>
      <c r="VKS7" s="9">
        <f t="shared" si="237"/>
        <v>1.019803902718557</v>
      </c>
      <c r="VKT7" s="9">
        <f t="shared" ref="VKT7:VNE7" si="238">1/((1+$F$6) ^(VKT3-$F$7))</f>
        <v>1.019803902718557</v>
      </c>
      <c r="VKU7" s="9">
        <f t="shared" si="238"/>
        <v>1.019803902718557</v>
      </c>
      <c r="VKV7" s="9">
        <f t="shared" si="238"/>
        <v>1.019803902718557</v>
      </c>
      <c r="VKW7" s="9">
        <f t="shared" si="238"/>
        <v>1.019803902718557</v>
      </c>
      <c r="VKX7" s="9">
        <f t="shared" si="238"/>
        <v>1.019803902718557</v>
      </c>
      <c r="VKY7" s="9">
        <f t="shared" si="238"/>
        <v>1.019803902718557</v>
      </c>
      <c r="VKZ7" s="9">
        <f t="shared" si="238"/>
        <v>1.019803902718557</v>
      </c>
      <c r="VLA7" s="9">
        <f t="shared" si="238"/>
        <v>1.019803902718557</v>
      </c>
      <c r="VLB7" s="9">
        <f t="shared" si="238"/>
        <v>1.019803902718557</v>
      </c>
      <c r="VLC7" s="9">
        <f t="shared" si="238"/>
        <v>1.019803902718557</v>
      </c>
      <c r="VLD7" s="9">
        <f t="shared" si="238"/>
        <v>1.019803902718557</v>
      </c>
      <c r="VLE7" s="9">
        <f t="shared" si="238"/>
        <v>1.019803902718557</v>
      </c>
      <c r="VLF7" s="9">
        <f t="shared" si="238"/>
        <v>1.019803902718557</v>
      </c>
      <c r="VLG7" s="9">
        <f t="shared" si="238"/>
        <v>1.019803902718557</v>
      </c>
      <c r="VLH7" s="9">
        <f t="shared" si="238"/>
        <v>1.019803902718557</v>
      </c>
      <c r="VLI7" s="9">
        <f t="shared" si="238"/>
        <v>1.019803902718557</v>
      </c>
      <c r="VLJ7" s="9">
        <f t="shared" si="238"/>
        <v>1.019803902718557</v>
      </c>
      <c r="VLK7" s="9">
        <f t="shared" si="238"/>
        <v>1.019803902718557</v>
      </c>
      <c r="VLL7" s="9">
        <f t="shared" si="238"/>
        <v>1.019803902718557</v>
      </c>
      <c r="VLM7" s="9">
        <f t="shared" si="238"/>
        <v>1.019803902718557</v>
      </c>
      <c r="VLN7" s="9">
        <f t="shared" si="238"/>
        <v>1.019803902718557</v>
      </c>
      <c r="VLO7" s="9">
        <f t="shared" si="238"/>
        <v>1.019803902718557</v>
      </c>
      <c r="VLP7" s="9">
        <f t="shared" si="238"/>
        <v>1.019803902718557</v>
      </c>
      <c r="VLQ7" s="9">
        <f t="shared" si="238"/>
        <v>1.019803902718557</v>
      </c>
      <c r="VLR7" s="9">
        <f t="shared" si="238"/>
        <v>1.019803902718557</v>
      </c>
      <c r="VLS7" s="9">
        <f t="shared" si="238"/>
        <v>1.019803902718557</v>
      </c>
      <c r="VLT7" s="9">
        <f t="shared" si="238"/>
        <v>1.019803902718557</v>
      </c>
      <c r="VLU7" s="9">
        <f t="shared" si="238"/>
        <v>1.019803902718557</v>
      </c>
      <c r="VLV7" s="9">
        <f t="shared" si="238"/>
        <v>1.019803902718557</v>
      </c>
      <c r="VLW7" s="9">
        <f t="shared" si="238"/>
        <v>1.019803902718557</v>
      </c>
      <c r="VLX7" s="9">
        <f t="shared" si="238"/>
        <v>1.019803902718557</v>
      </c>
      <c r="VLY7" s="9">
        <f t="shared" si="238"/>
        <v>1.019803902718557</v>
      </c>
      <c r="VLZ7" s="9">
        <f t="shared" si="238"/>
        <v>1.019803902718557</v>
      </c>
      <c r="VMA7" s="9">
        <f t="shared" si="238"/>
        <v>1.019803902718557</v>
      </c>
      <c r="VMB7" s="9">
        <f t="shared" si="238"/>
        <v>1.019803902718557</v>
      </c>
      <c r="VMC7" s="9">
        <f t="shared" si="238"/>
        <v>1.019803902718557</v>
      </c>
      <c r="VMD7" s="9">
        <f t="shared" si="238"/>
        <v>1.019803902718557</v>
      </c>
      <c r="VME7" s="9">
        <f t="shared" si="238"/>
        <v>1.019803902718557</v>
      </c>
      <c r="VMF7" s="9">
        <f t="shared" si="238"/>
        <v>1.019803902718557</v>
      </c>
      <c r="VMG7" s="9">
        <f t="shared" si="238"/>
        <v>1.019803902718557</v>
      </c>
      <c r="VMH7" s="9">
        <f t="shared" si="238"/>
        <v>1.019803902718557</v>
      </c>
      <c r="VMI7" s="9">
        <f t="shared" si="238"/>
        <v>1.019803902718557</v>
      </c>
      <c r="VMJ7" s="9">
        <f t="shared" si="238"/>
        <v>1.019803902718557</v>
      </c>
      <c r="VMK7" s="9">
        <f t="shared" si="238"/>
        <v>1.019803902718557</v>
      </c>
      <c r="VML7" s="9">
        <f t="shared" si="238"/>
        <v>1.019803902718557</v>
      </c>
      <c r="VMM7" s="9">
        <f t="shared" si="238"/>
        <v>1.019803902718557</v>
      </c>
      <c r="VMN7" s="9">
        <f t="shared" si="238"/>
        <v>1.019803902718557</v>
      </c>
      <c r="VMO7" s="9">
        <f t="shared" si="238"/>
        <v>1.019803902718557</v>
      </c>
      <c r="VMP7" s="9">
        <f t="shared" si="238"/>
        <v>1.019803902718557</v>
      </c>
      <c r="VMQ7" s="9">
        <f t="shared" si="238"/>
        <v>1.019803902718557</v>
      </c>
      <c r="VMR7" s="9">
        <f t="shared" si="238"/>
        <v>1.019803902718557</v>
      </c>
      <c r="VMS7" s="9">
        <f t="shared" si="238"/>
        <v>1.019803902718557</v>
      </c>
      <c r="VMT7" s="9">
        <f t="shared" si="238"/>
        <v>1.019803902718557</v>
      </c>
      <c r="VMU7" s="9">
        <f t="shared" si="238"/>
        <v>1.019803902718557</v>
      </c>
      <c r="VMV7" s="9">
        <f t="shared" si="238"/>
        <v>1.019803902718557</v>
      </c>
      <c r="VMW7" s="9">
        <f t="shared" si="238"/>
        <v>1.019803902718557</v>
      </c>
      <c r="VMX7" s="9">
        <f t="shared" si="238"/>
        <v>1.019803902718557</v>
      </c>
      <c r="VMY7" s="9">
        <f t="shared" si="238"/>
        <v>1.019803902718557</v>
      </c>
      <c r="VMZ7" s="9">
        <f t="shared" si="238"/>
        <v>1.019803902718557</v>
      </c>
      <c r="VNA7" s="9">
        <f t="shared" si="238"/>
        <v>1.019803902718557</v>
      </c>
      <c r="VNB7" s="9">
        <f t="shared" si="238"/>
        <v>1.019803902718557</v>
      </c>
      <c r="VNC7" s="9">
        <f t="shared" si="238"/>
        <v>1.019803902718557</v>
      </c>
      <c r="VND7" s="9">
        <f t="shared" si="238"/>
        <v>1.019803902718557</v>
      </c>
      <c r="VNE7" s="9">
        <f t="shared" si="238"/>
        <v>1.019803902718557</v>
      </c>
      <c r="VNF7" s="9">
        <f t="shared" ref="VNF7:VPQ7" si="239">1/((1+$F$6) ^(VNF3-$F$7))</f>
        <v>1.019803902718557</v>
      </c>
      <c r="VNG7" s="9">
        <f t="shared" si="239"/>
        <v>1.019803902718557</v>
      </c>
      <c r="VNH7" s="9">
        <f t="shared" si="239"/>
        <v>1.019803902718557</v>
      </c>
      <c r="VNI7" s="9">
        <f t="shared" si="239"/>
        <v>1.019803902718557</v>
      </c>
      <c r="VNJ7" s="9">
        <f t="shared" si="239"/>
        <v>1.019803902718557</v>
      </c>
      <c r="VNK7" s="9">
        <f t="shared" si="239"/>
        <v>1.019803902718557</v>
      </c>
      <c r="VNL7" s="9">
        <f t="shared" si="239"/>
        <v>1.019803902718557</v>
      </c>
      <c r="VNM7" s="9">
        <f t="shared" si="239"/>
        <v>1.019803902718557</v>
      </c>
      <c r="VNN7" s="9">
        <f t="shared" si="239"/>
        <v>1.019803902718557</v>
      </c>
      <c r="VNO7" s="9">
        <f t="shared" si="239"/>
        <v>1.019803902718557</v>
      </c>
      <c r="VNP7" s="9">
        <f t="shared" si="239"/>
        <v>1.019803902718557</v>
      </c>
      <c r="VNQ7" s="9">
        <f t="shared" si="239"/>
        <v>1.019803902718557</v>
      </c>
      <c r="VNR7" s="9">
        <f t="shared" si="239"/>
        <v>1.019803902718557</v>
      </c>
      <c r="VNS7" s="9">
        <f t="shared" si="239"/>
        <v>1.019803902718557</v>
      </c>
      <c r="VNT7" s="9">
        <f t="shared" si="239"/>
        <v>1.019803902718557</v>
      </c>
      <c r="VNU7" s="9">
        <f t="shared" si="239"/>
        <v>1.019803902718557</v>
      </c>
      <c r="VNV7" s="9">
        <f t="shared" si="239"/>
        <v>1.019803902718557</v>
      </c>
      <c r="VNW7" s="9">
        <f t="shared" si="239"/>
        <v>1.019803902718557</v>
      </c>
      <c r="VNX7" s="9">
        <f t="shared" si="239"/>
        <v>1.019803902718557</v>
      </c>
      <c r="VNY7" s="9">
        <f t="shared" si="239"/>
        <v>1.019803902718557</v>
      </c>
      <c r="VNZ7" s="9">
        <f t="shared" si="239"/>
        <v>1.019803902718557</v>
      </c>
      <c r="VOA7" s="9">
        <f t="shared" si="239"/>
        <v>1.019803902718557</v>
      </c>
      <c r="VOB7" s="9">
        <f t="shared" si="239"/>
        <v>1.019803902718557</v>
      </c>
      <c r="VOC7" s="9">
        <f t="shared" si="239"/>
        <v>1.019803902718557</v>
      </c>
      <c r="VOD7" s="9">
        <f t="shared" si="239"/>
        <v>1.019803902718557</v>
      </c>
      <c r="VOE7" s="9">
        <f t="shared" si="239"/>
        <v>1.019803902718557</v>
      </c>
      <c r="VOF7" s="9">
        <f t="shared" si="239"/>
        <v>1.019803902718557</v>
      </c>
      <c r="VOG7" s="9">
        <f t="shared" si="239"/>
        <v>1.019803902718557</v>
      </c>
      <c r="VOH7" s="9">
        <f t="shared" si="239"/>
        <v>1.019803902718557</v>
      </c>
      <c r="VOI7" s="9">
        <f t="shared" si="239"/>
        <v>1.019803902718557</v>
      </c>
      <c r="VOJ7" s="9">
        <f t="shared" si="239"/>
        <v>1.019803902718557</v>
      </c>
      <c r="VOK7" s="9">
        <f t="shared" si="239"/>
        <v>1.019803902718557</v>
      </c>
      <c r="VOL7" s="9">
        <f t="shared" si="239"/>
        <v>1.019803902718557</v>
      </c>
      <c r="VOM7" s="9">
        <f t="shared" si="239"/>
        <v>1.019803902718557</v>
      </c>
      <c r="VON7" s="9">
        <f t="shared" si="239"/>
        <v>1.019803902718557</v>
      </c>
      <c r="VOO7" s="9">
        <f t="shared" si="239"/>
        <v>1.019803902718557</v>
      </c>
      <c r="VOP7" s="9">
        <f t="shared" si="239"/>
        <v>1.019803902718557</v>
      </c>
      <c r="VOQ7" s="9">
        <f t="shared" si="239"/>
        <v>1.019803902718557</v>
      </c>
      <c r="VOR7" s="9">
        <f t="shared" si="239"/>
        <v>1.019803902718557</v>
      </c>
      <c r="VOS7" s="9">
        <f t="shared" si="239"/>
        <v>1.019803902718557</v>
      </c>
      <c r="VOT7" s="9">
        <f t="shared" si="239"/>
        <v>1.019803902718557</v>
      </c>
      <c r="VOU7" s="9">
        <f t="shared" si="239"/>
        <v>1.019803902718557</v>
      </c>
      <c r="VOV7" s="9">
        <f t="shared" si="239"/>
        <v>1.019803902718557</v>
      </c>
      <c r="VOW7" s="9">
        <f t="shared" si="239"/>
        <v>1.019803902718557</v>
      </c>
      <c r="VOX7" s="9">
        <f t="shared" si="239"/>
        <v>1.019803902718557</v>
      </c>
      <c r="VOY7" s="9">
        <f t="shared" si="239"/>
        <v>1.019803902718557</v>
      </c>
      <c r="VOZ7" s="9">
        <f t="shared" si="239"/>
        <v>1.019803902718557</v>
      </c>
      <c r="VPA7" s="9">
        <f t="shared" si="239"/>
        <v>1.019803902718557</v>
      </c>
      <c r="VPB7" s="9">
        <f t="shared" si="239"/>
        <v>1.019803902718557</v>
      </c>
      <c r="VPC7" s="9">
        <f t="shared" si="239"/>
        <v>1.019803902718557</v>
      </c>
      <c r="VPD7" s="9">
        <f t="shared" si="239"/>
        <v>1.019803902718557</v>
      </c>
      <c r="VPE7" s="9">
        <f t="shared" si="239"/>
        <v>1.019803902718557</v>
      </c>
      <c r="VPF7" s="9">
        <f t="shared" si="239"/>
        <v>1.019803902718557</v>
      </c>
      <c r="VPG7" s="9">
        <f t="shared" si="239"/>
        <v>1.019803902718557</v>
      </c>
      <c r="VPH7" s="9">
        <f t="shared" si="239"/>
        <v>1.019803902718557</v>
      </c>
      <c r="VPI7" s="9">
        <f t="shared" si="239"/>
        <v>1.019803902718557</v>
      </c>
      <c r="VPJ7" s="9">
        <f t="shared" si="239"/>
        <v>1.019803902718557</v>
      </c>
      <c r="VPK7" s="9">
        <f t="shared" si="239"/>
        <v>1.019803902718557</v>
      </c>
      <c r="VPL7" s="9">
        <f t="shared" si="239"/>
        <v>1.019803902718557</v>
      </c>
      <c r="VPM7" s="9">
        <f t="shared" si="239"/>
        <v>1.019803902718557</v>
      </c>
      <c r="VPN7" s="9">
        <f t="shared" si="239"/>
        <v>1.019803902718557</v>
      </c>
      <c r="VPO7" s="9">
        <f t="shared" si="239"/>
        <v>1.019803902718557</v>
      </c>
      <c r="VPP7" s="9">
        <f t="shared" si="239"/>
        <v>1.019803902718557</v>
      </c>
      <c r="VPQ7" s="9">
        <f t="shared" si="239"/>
        <v>1.019803902718557</v>
      </c>
      <c r="VPR7" s="9">
        <f t="shared" ref="VPR7:VSC7" si="240">1/((1+$F$6) ^(VPR3-$F$7))</f>
        <v>1.019803902718557</v>
      </c>
      <c r="VPS7" s="9">
        <f t="shared" si="240"/>
        <v>1.019803902718557</v>
      </c>
      <c r="VPT7" s="9">
        <f t="shared" si="240"/>
        <v>1.019803902718557</v>
      </c>
      <c r="VPU7" s="9">
        <f t="shared" si="240"/>
        <v>1.019803902718557</v>
      </c>
      <c r="VPV7" s="9">
        <f t="shared" si="240"/>
        <v>1.019803902718557</v>
      </c>
      <c r="VPW7" s="9">
        <f t="shared" si="240"/>
        <v>1.019803902718557</v>
      </c>
      <c r="VPX7" s="9">
        <f t="shared" si="240"/>
        <v>1.019803902718557</v>
      </c>
      <c r="VPY7" s="9">
        <f t="shared" si="240"/>
        <v>1.019803902718557</v>
      </c>
      <c r="VPZ7" s="9">
        <f t="shared" si="240"/>
        <v>1.019803902718557</v>
      </c>
      <c r="VQA7" s="9">
        <f t="shared" si="240"/>
        <v>1.019803902718557</v>
      </c>
      <c r="VQB7" s="9">
        <f t="shared" si="240"/>
        <v>1.019803902718557</v>
      </c>
      <c r="VQC7" s="9">
        <f t="shared" si="240"/>
        <v>1.019803902718557</v>
      </c>
      <c r="VQD7" s="9">
        <f t="shared" si="240"/>
        <v>1.019803902718557</v>
      </c>
      <c r="VQE7" s="9">
        <f t="shared" si="240"/>
        <v>1.019803902718557</v>
      </c>
      <c r="VQF7" s="9">
        <f t="shared" si="240"/>
        <v>1.019803902718557</v>
      </c>
      <c r="VQG7" s="9">
        <f t="shared" si="240"/>
        <v>1.019803902718557</v>
      </c>
      <c r="VQH7" s="9">
        <f t="shared" si="240"/>
        <v>1.019803902718557</v>
      </c>
      <c r="VQI7" s="9">
        <f t="shared" si="240"/>
        <v>1.019803902718557</v>
      </c>
      <c r="VQJ7" s="9">
        <f t="shared" si="240"/>
        <v>1.019803902718557</v>
      </c>
      <c r="VQK7" s="9">
        <f t="shared" si="240"/>
        <v>1.019803902718557</v>
      </c>
      <c r="VQL7" s="9">
        <f t="shared" si="240"/>
        <v>1.019803902718557</v>
      </c>
      <c r="VQM7" s="9">
        <f t="shared" si="240"/>
        <v>1.019803902718557</v>
      </c>
      <c r="VQN7" s="9">
        <f t="shared" si="240"/>
        <v>1.019803902718557</v>
      </c>
      <c r="VQO7" s="9">
        <f t="shared" si="240"/>
        <v>1.019803902718557</v>
      </c>
      <c r="VQP7" s="9">
        <f t="shared" si="240"/>
        <v>1.019803902718557</v>
      </c>
      <c r="VQQ7" s="9">
        <f t="shared" si="240"/>
        <v>1.019803902718557</v>
      </c>
      <c r="VQR7" s="9">
        <f t="shared" si="240"/>
        <v>1.019803902718557</v>
      </c>
      <c r="VQS7" s="9">
        <f t="shared" si="240"/>
        <v>1.019803902718557</v>
      </c>
      <c r="VQT7" s="9">
        <f t="shared" si="240"/>
        <v>1.019803902718557</v>
      </c>
      <c r="VQU7" s="9">
        <f t="shared" si="240"/>
        <v>1.019803902718557</v>
      </c>
      <c r="VQV7" s="9">
        <f t="shared" si="240"/>
        <v>1.019803902718557</v>
      </c>
      <c r="VQW7" s="9">
        <f t="shared" si="240"/>
        <v>1.019803902718557</v>
      </c>
      <c r="VQX7" s="9">
        <f t="shared" si="240"/>
        <v>1.019803902718557</v>
      </c>
      <c r="VQY7" s="9">
        <f t="shared" si="240"/>
        <v>1.019803902718557</v>
      </c>
      <c r="VQZ7" s="9">
        <f t="shared" si="240"/>
        <v>1.019803902718557</v>
      </c>
      <c r="VRA7" s="9">
        <f t="shared" si="240"/>
        <v>1.019803902718557</v>
      </c>
      <c r="VRB7" s="9">
        <f t="shared" si="240"/>
        <v>1.019803902718557</v>
      </c>
      <c r="VRC7" s="9">
        <f t="shared" si="240"/>
        <v>1.019803902718557</v>
      </c>
      <c r="VRD7" s="9">
        <f t="shared" si="240"/>
        <v>1.019803902718557</v>
      </c>
      <c r="VRE7" s="9">
        <f t="shared" si="240"/>
        <v>1.019803902718557</v>
      </c>
      <c r="VRF7" s="9">
        <f t="shared" si="240"/>
        <v>1.019803902718557</v>
      </c>
      <c r="VRG7" s="9">
        <f t="shared" si="240"/>
        <v>1.019803902718557</v>
      </c>
      <c r="VRH7" s="9">
        <f t="shared" si="240"/>
        <v>1.019803902718557</v>
      </c>
      <c r="VRI7" s="9">
        <f t="shared" si="240"/>
        <v>1.019803902718557</v>
      </c>
      <c r="VRJ7" s="9">
        <f t="shared" si="240"/>
        <v>1.019803902718557</v>
      </c>
      <c r="VRK7" s="9">
        <f t="shared" si="240"/>
        <v>1.019803902718557</v>
      </c>
      <c r="VRL7" s="9">
        <f t="shared" si="240"/>
        <v>1.019803902718557</v>
      </c>
      <c r="VRM7" s="9">
        <f t="shared" si="240"/>
        <v>1.019803902718557</v>
      </c>
      <c r="VRN7" s="9">
        <f t="shared" si="240"/>
        <v>1.019803902718557</v>
      </c>
      <c r="VRO7" s="9">
        <f t="shared" si="240"/>
        <v>1.019803902718557</v>
      </c>
      <c r="VRP7" s="9">
        <f t="shared" si="240"/>
        <v>1.019803902718557</v>
      </c>
      <c r="VRQ7" s="9">
        <f t="shared" si="240"/>
        <v>1.019803902718557</v>
      </c>
      <c r="VRR7" s="9">
        <f t="shared" si="240"/>
        <v>1.019803902718557</v>
      </c>
      <c r="VRS7" s="9">
        <f t="shared" si="240"/>
        <v>1.019803902718557</v>
      </c>
      <c r="VRT7" s="9">
        <f t="shared" si="240"/>
        <v>1.019803902718557</v>
      </c>
      <c r="VRU7" s="9">
        <f t="shared" si="240"/>
        <v>1.019803902718557</v>
      </c>
      <c r="VRV7" s="9">
        <f t="shared" si="240"/>
        <v>1.019803902718557</v>
      </c>
      <c r="VRW7" s="9">
        <f t="shared" si="240"/>
        <v>1.019803902718557</v>
      </c>
      <c r="VRX7" s="9">
        <f t="shared" si="240"/>
        <v>1.019803902718557</v>
      </c>
      <c r="VRY7" s="9">
        <f t="shared" si="240"/>
        <v>1.019803902718557</v>
      </c>
      <c r="VRZ7" s="9">
        <f t="shared" si="240"/>
        <v>1.019803902718557</v>
      </c>
      <c r="VSA7" s="9">
        <f t="shared" si="240"/>
        <v>1.019803902718557</v>
      </c>
      <c r="VSB7" s="9">
        <f t="shared" si="240"/>
        <v>1.019803902718557</v>
      </c>
      <c r="VSC7" s="9">
        <f t="shared" si="240"/>
        <v>1.019803902718557</v>
      </c>
      <c r="VSD7" s="9">
        <f t="shared" ref="VSD7:VUO7" si="241">1/((1+$F$6) ^(VSD3-$F$7))</f>
        <v>1.019803902718557</v>
      </c>
      <c r="VSE7" s="9">
        <f t="shared" si="241"/>
        <v>1.019803902718557</v>
      </c>
      <c r="VSF7" s="9">
        <f t="shared" si="241"/>
        <v>1.019803902718557</v>
      </c>
      <c r="VSG7" s="9">
        <f t="shared" si="241"/>
        <v>1.019803902718557</v>
      </c>
      <c r="VSH7" s="9">
        <f t="shared" si="241"/>
        <v>1.019803902718557</v>
      </c>
      <c r="VSI7" s="9">
        <f t="shared" si="241"/>
        <v>1.019803902718557</v>
      </c>
      <c r="VSJ7" s="9">
        <f t="shared" si="241"/>
        <v>1.019803902718557</v>
      </c>
      <c r="VSK7" s="9">
        <f t="shared" si="241"/>
        <v>1.019803902718557</v>
      </c>
      <c r="VSL7" s="9">
        <f t="shared" si="241"/>
        <v>1.019803902718557</v>
      </c>
      <c r="VSM7" s="9">
        <f t="shared" si="241"/>
        <v>1.019803902718557</v>
      </c>
      <c r="VSN7" s="9">
        <f t="shared" si="241"/>
        <v>1.019803902718557</v>
      </c>
      <c r="VSO7" s="9">
        <f t="shared" si="241"/>
        <v>1.019803902718557</v>
      </c>
      <c r="VSP7" s="9">
        <f t="shared" si="241"/>
        <v>1.019803902718557</v>
      </c>
      <c r="VSQ7" s="9">
        <f t="shared" si="241"/>
        <v>1.019803902718557</v>
      </c>
      <c r="VSR7" s="9">
        <f t="shared" si="241"/>
        <v>1.019803902718557</v>
      </c>
      <c r="VSS7" s="9">
        <f t="shared" si="241"/>
        <v>1.019803902718557</v>
      </c>
      <c r="VST7" s="9">
        <f t="shared" si="241"/>
        <v>1.019803902718557</v>
      </c>
      <c r="VSU7" s="9">
        <f t="shared" si="241"/>
        <v>1.019803902718557</v>
      </c>
      <c r="VSV7" s="9">
        <f t="shared" si="241"/>
        <v>1.019803902718557</v>
      </c>
      <c r="VSW7" s="9">
        <f t="shared" si="241"/>
        <v>1.019803902718557</v>
      </c>
      <c r="VSX7" s="9">
        <f t="shared" si="241"/>
        <v>1.019803902718557</v>
      </c>
      <c r="VSY7" s="9">
        <f t="shared" si="241"/>
        <v>1.019803902718557</v>
      </c>
      <c r="VSZ7" s="9">
        <f t="shared" si="241"/>
        <v>1.019803902718557</v>
      </c>
      <c r="VTA7" s="9">
        <f t="shared" si="241"/>
        <v>1.019803902718557</v>
      </c>
      <c r="VTB7" s="9">
        <f t="shared" si="241"/>
        <v>1.019803902718557</v>
      </c>
      <c r="VTC7" s="9">
        <f t="shared" si="241"/>
        <v>1.019803902718557</v>
      </c>
      <c r="VTD7" s="9">
        <f t="shared" si="241"/>
        <v>1.019803902718557</v>
      </c>
      <c r="VTE7" s="9">
        <f t="shared" si="241"/>
        <v>1.019803902718557</v>
      </c>
      <c r="VTF7" s="9">
        <f t="shared" si="241"/>
        <v>1.019803902718557</v>
      </c>
      <c r="VTG7" s="9">
        <f t="shared" si="241"/>
        <v>1.019803902718557</v>
      </c>
      <c r="VTH7" s="9">
        <f t="shared" si="241"/>
        <v>1.019803902718557</v>
      </c>
      <c r="VTI7" s="9">
        <f t="shared" si="241"/>
        <v>1.019803902718557</v>
      </c>
      <c r="VTJ7" s="9">
        <f t="shared" si="241"/>
        <v>1.019803902718557</v>
      </c>
      <c r="VTK7" s="9">
        <f t="shared" si="241"/>
        <v>1.019803902718557</v>
      </c>
      <c r="VTL7" s="9">
        <f t="shared" si="241"/>
        <v>1.019803902718557</v>
      </c>
      <c r="VTM7" s="9">
        <f t="shared" si="241"/>
        <v>1.019803902718557</v>
      </c>
      <c r="VTN7" s="9">
        <f t="shared" si="241"/>
        <v>1.019803902718557</v>
      </c>
      <c r="VTO7" s="9">
        <f t="shared" si="241"/>
        <v>1.019803902718557</v>
      </c>
      <c r="VTP7" s="9">
        <f t="shared" si="241"/>
        <v>1.019803902718557</v>
      </c>
      <c r="VTQ7" s="9">
        <f t="shared" si="241"/>
        <v>1.019803902718557</v>
      </c>
      <c r="VTR7" s="9">
        <f t="shared" si="241"/>
        <v>1.019803902718557</v>
      </c>
      <c r="VTS7" s="9">
        <f t="shared" si="241"/>
        <v>1.019803902718557</v>
      </c>
      <c r="VTT7" s="9">
        <f t="shared" si="241"/>
        <v>1.019803902718557</v>
      </c>
      <c r="VTU7" s="9">
        <f t="shared" si="241"/>
        <v>1.019803902718557</v>
      </c>
      <c r="VTV7" s="9">
        <f t="shared" si="241"/>
        <v>1.019803902718557</v>
      </c>
      <c r="VTW7" s="9">
        <f t="shared" si="241"/>
        <v>1.019803902718557</v>
      </c>
      <c r="VTX7" s="9">
        <f t="shared" si="241"/>
        <v>1.019803902718557</v>
      </c>
      <c r="VTY7" s="9">
        <f t="shared" si="241"/>
        <v>1.019803902718557</v>
      </c>
      <c r="VTZ7" s="9">
        <f t="shared" si="241"/>
        <v>1.019803902718557</v>
      </c>
      <c r="VUA7" s="9">
        <f t="shared" si="241"/>
        <v>1.019803902718557</v>
      </c>
      <c r="VUB7" s="9">
        <f t="shared" si="241"/>
        <v>1.019803902718557</v>
      </c>
      <c r="VUC7" s="9">
        <f t="shared" si="241"/>
        <v>1.019803902718557</v>
      </c>
      <c r="VUD7" s="9">
        <f t="shared" si="241"/>
        <v>1.019803902718557</v>
      </c>
      <c r="VUE7" s="9">
        <f t="shared" si="241"/>
        <v>1.019803902718557</v>
      </c>
      <c r="VUF7" s="9">
        <f t="shared" si="241"/>
        <v>1.019803902718557</v>
      </c>
      <c r="VUG7" s="9">
        <f t="shared" si="241"/>
        <v>1.019803902718557</v>
      </c>
      <c r="VUH7" s="9">
        <f t="shared" si="241"/>
        <v>1.019803902718557</v>
      </c>
      <c r="VUI7" s="9">
        <f t="shared" si="241"/>
        <v>1.019803902718557</v>
      </c>
      <c r="VUJ7" s="9">
        <f t="shared" si="241"/>
        <v>1.019803902718557</v>
      </c>
      <c r="VUK7" s="9">
        <f t="shared" si="241"/>
        <v>1.019803902718557</v>
      </c>
      <c r="VUL7" s="9">
        <f t="shared" si="241"/>
        <v>1.019803902718557</v>
      </c>
      <c r="VUM7" s="9">
        <f t="shared" si="241"/>
        <v>1.019803902718557</v>
      </c>
      <c r="VUN7" s="9">
        <f t="shared" si="241"/>
        <v>1.019803902718557</v>
      </c>
      <c r="VUO7" s="9">
        <f t="shared" si="241"/>
        <v>1.019803902718557</v>
      </c>
      <c r="VUP7" s="9">
        <f t="shared" ref="VUP7:VXA7" si="242">1/((1+$F$6) ^(VUP3-$F$7))</f>
        <v>1.019803902718557</v>
      </c>
      <c r="VUQ7" s="9">
        <f t="shared" si="242"/>
        <v>1.019803902718557</v>
      </c>
      <c r="VUR7" s="9">
        <f t="shared" si="242"/>
        <v>1.019803902718557</v>
      </c>
      <c r="VUS7" s="9">
        <f t="shared" si="242"/>
        <v>1.019803902718557</v>
      </c>
      <c r="VUT7" s="9">
        <f t="shared" si="242"/>
        <v>1.019803902718557</v>
      </c>
      <c r="VUU7" s="9">
        <f t="shared" si="242"/>
        <v>1.019803902718557</v>
      </c>
      <c r="VUV7" s="9">
        <f t="shared" si="242"/>
        <v>1.019803902718557</v>
      </c>
      <c r="VUW7" s="9">
        <f t="shared" si="242"/>
        <v>1.019803902718557</v>
      </c>
      <c r="VUX7" s="9">
        <f t="shared" si="242"/>
        <v>1.019803902718557</v>
      </c>
      <c r="VUY7" s="9">
        <f t="shared" si="242"/>
        <v>1.019803902718557</v>
      </c>
      <c r="VUZ7" s="9">
        <f t="shared" si="242"/>
        <v>1.019803902718557</v>
      </c>
      <c r="VVA7" s="9">
        <f t="shared" si="242"/>
        <v>1.019803902718557</v>
      </c>
      <c r="VVB7" s="9">
        <f t="shared" si="242"/>
        <v>1.019803902718557</v>
      </c>
      <c r="VVC7" s="9">
        <f t="shared" si="242"/>
        <v>1.019803902718557</v>
      </c>
      <c r="VVD7" s="9">
        <f t="shared" si="242"/>
        <v>1.019803902718557</v>
      </c>
      <c r="VVE7" s="9">
        <f t="shared" si="242"/>
        <v>1.019803902718557</v>
      </c>
      <c r="VVF7" s="9">
        <f t="shared" si="242"/>
        <v>1.019803902718557</v>
      </c>
      <c r="VVG7" s="9">
        <f t="shared" si="242"/>
        <v>1.019803902718557</v>
      </c>
      <c r="VVH7" s="9">
        <f t="shared" si="242"/>
        <v>1.019803902718557</v>
      </c>
      <c r="VVI7" s="9">
        <f t="shared" si="242"/>
        <v>1.019803902718557</v>
      </c>
      <c r="VVJ7" s="9">
        <f t="shared" si="242"/>
        <v>1.019803902718557</v>
      </c>
      <c r="VVK7" s="9">
        <f t="shared" si="242"/>
        <v>1.019803902718557</v>
      </c>
      <c r="VVL7" s="9">
        <f t="shared" si="242"/>
        <v>1.019803902718557</v>
      </c>
      <c r="VVM7" s="9">
        <f t="shared" si="242"/>
        <v>1.019803902718557</v>
      </c>
      <c r="VVN7" s="9">
        <f t="shared" si="242"/>
        <v>1.019803902718557</v>
      </c>
      <c r="VVO7" s="9">
        <f t="shared" si="242"/>
        <v>1.019803902718557</v>
      </c>
      <c r="VVP7" s="9">
        <f t="shared" si="242"/>
        <v>1.019803902718557</v>
      </c>
      <c r="VVQ7" s="9">
        <f t="shared" si="242"/>
        <v>1.019803902718557</v>
      </c>
      <c r="VVR7" s="9">
        <f t="shared" si="242"/>
        <v>1.019803902718557</v>
      </c>
      <c r="VVS7" s="9">
        <f t="shared" si="242"/>
        <v>1.019803902718557</v>
      </c>
      <c r="VVT7" s="9">
        <f t="shared" si="242"/>
        <v>1.019803902718557</v>
      </c>
      <c r="VVU7" s="9">
        <f t="shared" si="242"/>
        <v>1.019803902718557</v>
      </c>
      <c r="VVV7" s="9">
        <f t="shared" si="242"/>
        <v>1.019803902718557</v>
      </c>
      <c r="VVW7" s="9">
        <f t="shared" si="242"/>
        <v>1.019803902718557</v>
      </c>
      <c r="VVX7" s="9">
        <f t="shared" si="242"/>
        <v>1.019803902718557</v>
      </c>
      <c r="VVY7" s="9">
        <f t="shared" si="242"/>
        <v>1.019803902718557</v>
      </c>
      <c r="VVZ7" s="9">
        <f t="shared" si="242"/>
        <v>1.019803902718557</v>
      </c>
      <c r="VWA7" s="9">
        <f t="shared" si="242"/>
        <v>1.019803902718557</v>
      </c>
      <c r="VWB7" s="9">
        <f t="shared" si="242"/>
        <v>1.019803902718557</v>
      </c>
      <c r="VWC7" s="9">
        <f t="shared" si="242"/>
        <v>1.019803902718557</v>
      </c>
      <c r="VWD7" s="9">
        <f t="shared" si="242"/>
        <v>1.019803902718557</v>
      </c>
      <c r="VWE7" s="9">
        <f t="shared" si="242"/>
        <v>1.019803902718557</v>
      </c>
      <c r="VWF7" s="9">
        <f t="shared" si="242"/>
        <v>1.019803902718557</v>
      </c>
      <c r="VWG7" s="9">
        <f t="shared" si="242"/>
        <v>1.019803902718557</v>
      </c>
      <c r="VWH7" s="9">
        <f t="shared" si="242"/>
        <v>1.019803902718557</v>
      </c>
      <c r="VWI7" s="9">
        <f t="shared" si="242"/>
        <v>1.019803902718557</v>
      </c>
      <c r="VWJ7" s="9">
        <f t="shared" si="242"/>
        <v>1.019803902718557</v>
      </c>
      <c r="VWK7" s="9">
        <f t="shared" si="242"/>
        <v>1.019803902718557</v>
      </c>
      <c r="VWL7" s="9">
        <f t="shared" si="242"/>
        <v>1.019803902718557</v>
      </c>
      <c r="VWM7" s="9">
        <f t="shared" si="242"/>
        <v>1.019803902718557</v>
      </c>
      <c r="VWN7" s="9">
        <f t="shared" si="242"/>
        <v>1.019803902718557</v>
      </c>
      <c r="VWO7" s="9">
        <f t="shared" si="242"/>
        <v>1.019803902718557</v>
      </c>
      <c r="VWP7" s="9">
        <f t="shared" si="242"/>
        <v>1.019803902718557</v>
      </c>
      <c r="VWQ7" s="9">
        <f t="shared" si="242"/>
        <v>1.019803902718557</v>
      </c>
      <c r="VWR7" s="9">
        <f t="shared" si="242"/>
        <v>1.019803902718557</v>
      </c>
      <c r="VWS7" s="9">
        <f t="shared" si="242"/>
        <v>1.019803902718557</v>
      </c>
      <c r="VWT7" s="9">
        <f t="shared" si="242"/>
        <v>1.019803902718557</v>
      </c>
      <c r="VWU7" s="9">
        <f t="shared" si="242"/>
        <v>1.019803902718557</v>
      </c>
      <c r="VWV7" s="9">
        <f t="shared" si="242"/>
        <v>1.019803902718557</v>
      </c>
      <c r="VWW7" s="9">
        <f t="shared" si="242"/>
        <v>1.019803902718557</v>
      </c>
      <c r="VWX7" s="9">
        <f t="shared" si="242"/>
        <v>1.019803902718557</v>
      </c>
      <c r="VWY7" s="9">
        <f t="shared" si="242"/>
        <v>1.019803902718557</v>
      </c>
      <c r="VWZ7" s="9">
        <f t="shared" si="242"/>
        <v>1.019803902718557</v>
      </c>
      <c r="VXA7" s="9">
        <f t="shared" si="242"/>
        <v>1.019803902718557</v>
      </c>
      <c r="VXB7" s="9">
        <f t="shared" ref="VXB7:VZM7" si="243">1/((1+$F$6) ^(VXB3-$F$7))</f>
        <v>1.019803902718557</v>
      </c>
      <c r="VXC7" s="9">
        <f t="shared" si="243"/>
        <v>1.019803902718557</v>
      </c>
      <c r="VXD7" s="9">
        <f t="shared" si="243"/>
        <v>1.019803902718557</v>
      </c>
      <c r="VXE7" s="9">
        <f t="shared" si="243"/>
        <v>1.019803902718557</v>
      </c>
      <c r="VXF7" s="9">
        <f t="shared" si="243"/>
        <v>1.019803902718557</v>
      </c>
      <c r="VXG7" s="9">
        <f t="shared" si="243"/>
        <v>1.019803902718557</v>
      </c>
      <c r="VXH7" s="9">
        <f t="shared" si="243"/>
        <v>1.019803902718557</v>
      </c>
      <c r="VXI7" s="9">
        <f t="shared" si="243"/>
        <v>1.019803902718557</v>
      </c>
      <c r="VXJ7" s="9">
        <f t="shared" si="243"/>
        <v>1.019803902718557</v>
      </c>
      <c r="VXK7" s="9">
        <f t="shared" si="243"/>
        <v>1.019803902718557</v>
      </c>
      <c r="VXL7" s="9">
        <f t="shared" si="243"/>
        <v>1.019803902718557</v>
      </c>
      <c r="VXM7" s="9">
        <f t="shared" si="243"/>
        <v>1.019803902718557</v>
      </c>
      <c r="VXN7" s="9">
        <f t="shared" si="243"/>
        <v>1.019803902718557</v>
      </c>
      <c r="VXO7" s="9">
        <f t="shared" si="243"/>
        <v>1.019803902718557</v>
      </c>
      <c r="VXP7" s="9">
        <f t="shared" si="243"/>
        <v>1.019803902718557</v>
      </c>
      <c r="VXQ7" s="9">
        <f t="shared" si="243"/>
        <v>1.019803902718557</v>
      </c>
      <c r="VXR7" s="9">
        <f t="shared" si="243"/>
        <v>1.019803902718557</v>
      </c>
      <c r="VXS7" s="9">
        <f t="shared" si="243"/>
        <v>1.019803902718557</v>
      </c>
      <c r="VXT7" s="9">
        <f t="shared" si="243"/>
        <v>1.019803902718557</v>
      </c>
      <c r="VXU7" s="9">
        <f t="shared" si="243"/>
        <v>1.019803902718557</v>
      </c>
      <c r="VXV7" s="9">
        <f t="shared" si="243"/>
        <v>1.019803902718557</v>
      </c>
      <c r="VXW7" s="9">
        <f t="shared" si="243"/>
        <v>1.019803902718557</v>
      </c>
      <c r="VXX7" s="9">
        <f t="shared" si="243"/>
        <v>1.019803902718557</v>
      </c>
      <c r="VXY7" s="9">
        <f t="shared" si="243"/>
        <v>1.019803902718557</v>
      </c>
      <c r="VXZ7" s="9">
        <f t="shared" si="243"/>
        <v>1.019803902718557</v>
      </c>
      <c r="VYA7" s="9">
        <f t="shared" si="243"/>
        <v>1.019803902718557</v>
      </c>
      <c r="VYB7" s="9">
        <f t="shared" si="243"/>
        <v>1.019803902718557</v>
      </c>
      <c r="VYC7" s="9">
        <f t="shared" si="243"/>
        <v>1.019803902718557</v>
      </c>
      <c r="VYD7" s="9">
        <f t="shared" si="243"/>
        <v>1.019803902718557</v>
      </c>
      <c r="VYE7" s="9">
        <f t="shared" si="243"/>
        <v>1.019803902718557</v>
      </c>
      <c r="VYF7" s="9">
        <f t="shared" si="243"/>
        <v>1.019803902718557</v>
      </c>
      <c r="VYG7" s="9">
        <f t="shared" si="243"/>
        <v>1.019803902718557</v>
      </c>
      <c r="VYH7" s="9">
        <f t="shared" si="243"/>
        <v>1.019803902718557</v>
      </c>
      <c r="VYI7" s="9">
        <f t="shared" si="243"/>
        <v>1.019803902718557</v>
      </c>
      <c r="VYJ7" s="9">
        <f t="shared" si="243"/>
        <v>1.019803902718557</v>
      </c>
      <c r="VYK7" s="9">
        <f t="shared" si="243"/>
        <v>1.019803902718557</v>
      </c>
      <c r="VYL7" s="9">
        <f t="shared" si="243"/>
        <v>1.019803902718557</v>
      </c>
      <c r="VYM7" s="9">
        <f t="shared" si="243"/>
        <v>1.019803902718557</v>
      </c>
      <c r="VYN7" s="9">
        <f t="shared" si="243"/>
        <v>1.019803902718557</v>
      </c>
      <c r="VYO7" s="9">
        <f t="shared" si="243"/>
        <v>1.019803902718557</v>
      </c>
      <c r="VYP7" s="9">
        <f t="shared" si="243"/>
        <v>1.019803902718557</v>
      </c>
      <c r="VYQ7" s="9">
        <f t="shared" si="243"/>
        <v>1.019803902718557</v>
      </c>
      <c r="VYR7" s="9">
        <f t="shared" si="243"/>
        <v>1.019803902718557</v>
      </c>
      <c r="VYS7" s="9">
        <f t="shared" si="243"/>
        <v>1.019803902718557</v>
      </c>
      <c r="VYT7" s="9">
        <f t="shared" si="243"/>
        <v>1.019803902718557</v>
      </c>
      <c r="VYU7" s="9">
        <f t="shared" si="243"/>
        <v>1.019803902718557</v>
      </c>
      <c r="VYV7" s="9">
        <f t="shared" si="243"/>
        <v>1.019803902718557</v>
      </c>
      <c r="VYW7" s="9">
        <f t="shared" si="243"/>
        <v>1.019803902718557</v>
      </c>
      <c r="VYX7" s="9">
        <f t="shared" si="243"/>
        <v>1.019803902718557</v>
      </c>
      <c r="VYY7" s="9">
        <f t="shared" si="243"/>
        <v>1.019803902718557</v>
      </c>
      <c r="VYZ7" s="9">
        <f t="shared" si="243"/>
        <v>1.019803902718557</v>
      </c>
      <c r="VZA7" s="9">
        <f t="shared" si="243"/>
        <v>1.019803902718557</v>
      </c>
      <c r="VZB7" s="9">
        <f t="shared" si="243"/>
        <v>1.019803902718557</v>
      </c>
      <c r="VZC7" s="9">
        <f t="shared" si="243"/>
        <v>1.019803902718557</v>
      </c>
      <c r="VZD7" s="9">
        <f t="shared" si="243"/>
        <v>1.019803902718557</v>
      </c>
      <c r="VZE7" s="9">
        <f t="shared" si="243"/>
        <v>1.019803902718557</v>
      </c>
      <c r="VZF7" s="9">
        <f t="shared" si="243"/>
        <v>1.019803902718557</v>
      </c>
      <c r="VZG7" s="9">
        <f t="shared" si="243"/>
        <v>1.019803902718557</v>
      </c>
      <c r="VZH7" s="9">
        <f t="shared" si="243"/>
        <v>1.019803902718557</v>
      </c>
      <c r="VZI7" s="9">
        <f t="shared" si="243"/>
        <v>1.019803902718557</v>
      </c>
      <c r="VZJ7" s="9">
        <f t="shared" si="243"/>
        <v>1.019803902718557</v>
      </c>
      <c r="VZK7" s="9">
        <f t="shared" si="243"/>
        <v>1.019803902718557</v>
      </c>
      <c r="VZL7" s="9">
        <f t="shared" si="243"/>
        <v>1.019803902718557</v>
      </c>
      <c r="VZM7" s="9">
        <f t="shared" si="243"/>
        <v>1.019803902718557</v>
      </c>
      <c r="VZN7" s="9">
        <f t="shared" ref="VZN7:WBY7" si="244">1/((1+$F$6) ^(VZN3-$F$7))</f>
        <v>1.019803902718557</v>
      </c>
      <c r="VZO7" s="9">
        <f t="shared" si="244"/>
        <v>1.019803902718557</v>
      </c>
      <c r="VZP7" s="9">
        <f t="shared" si="244"/>
        <v>1.019803902718557</v>
      </c>
      <c r="VZQ7" s="9">
        <f t="shared" si="244"/>
        <v>1.019803902718557</v>
      </c>
      <c r="VZR7" s="9">
        <f t="shared" si="244"/>
        <v>1.019803902718557</v>
      </c>
      <c r="VZS7" s="9">
        <f t="shared" si="244"/>
        <v>1.019803902718557</v>
      </c>
      <c r="VZT7" s="9">
        <f t="shared" si="244"/>
        <v>1.019803902718557</v>
      </c>
      <c r="VZU7" s="9">
        <f t="shared" si="244"/>
        <v>1.019803902718557</v>
      </c>
      <c r="VZV7" s="9">
        <f t="shared" si="244"/>
        <v>1.019803902718557</v>
      </c>
      <c r="VZW7" s="9">
        <f t="shared" si="244"/>
        <v>1.019803902718557</v>
      </c>
      <c r="VZX7" s="9">
        <f t="shared" si="244"/>
        <v>1.019803902718557</v>
      </c>
      <c r="VZY7" s="9">
        <f t="shared" si="244"/>
        <v>1.019803902718557</v>
      </c>
      <c r="VZZ7" s="9">
        <f t="shared" si="244"/>
        <v>1.019803902718557</v>
      </c>
      <c r="WAA7" s="9">
        <f t="shared" si="244"/>
        <v>1.019803902718557</v>
      </c>
      <c r="WAB7" s="9">
        <f t="shared" si="244"/>
        <v>1.019803902718557</v>
      </c>
      <c r="WAC7" s="9">
        <f t="shared" si="244"/>
        <v>1.019803902718557</v>
      </c>
      <c r="WAD7" s="9">
        <f t="shared" si="244"/>
        <v>1.019803902718557</v>
      </c>
      <c r="WAE7" s="9">
        <f t="shared" si="244"/>
        <v>1.019803902718557</v>
      </c>
      <c r="WAF7" s="9">
        <f t="shared" si="244"/>
        <v>1.019803902718557</v>
      </c>
      <c r="WAG7" s="9">
        <f t="shared" si="244"/>
        <v>1.019803902718557</v>
      </c>
      <c r="WAH7" s="9">
        <f t="shared" si="244"/>
        <v>1.019803902718557</v>
      </c>
      <c r="WAI7" s="9">
        <f t="shared" si="244"/>
        <v>1.019803902718557</v>
      </c>
      <c r="WAJ7" s="9">
        <f t="shared" si="244"/>
        <v>1.019803902718557</v>
      </c>
      <c r="WAK7" s="9">
        <f t="shared" si="244"/>
        <v>1.019803902718557</v>
      </c>
      <c r="WAL7" s="9">
        <f t="shared" si="244"/>
        <v>1.019803902718557</v>
      </c>
      <c r="WAM7" s="9">
        <f t="shared" si="244"/>
        <v>1.019803902718557</v>
      </c>
      <c r="WAN7" s="9">
        <f t="shared" si="244"/>
        <v>1.019803902718557</v>
      </c>
      <c r="WAO7" s="9">
        <f t="shared" si="244"/>
        <v>1.019803902718557</v>
      </c>
      <c r="WAP7" s="9">
        <f t="shared" si="244"/>
        <v>1.019803902718557</v>
      </c>
      <c r="WAQ7" s="9">
        <f t="shared" si="244"/>
        <v>1.019803902718557</v>
      </c>
      <c r="WAR7" s="9">
        <f t="shared" si="244"/>
        <v>1.019803902718557</v>
      </c>
      <c r="WAS7" s="9">
        <f t="shared" si="244"/>
        <v>1.019803902718557</v>
      </c>
      <c r="WAT7" s="9">
        <f t="shared" si="244"/>
        <v>1.019803902718557</v>
      </c>
      <c r="WAU7" s="9">
        <f t="shared" si="244"/>
        <v>1.019803902718557</v>
      </c>
      <c r="WAV7" s="9">
        <f t="shared" si="244"/>
        <v>1.019803902718557</v>
      </c>
      <c r="WAW7" s="9">
        <f t="shared" si="244"/>
        <v>1.019803902718557</v>
      </c>
      <c r="WAX7" s="9">
        <f t="shared" si="244"/>
        <v>1.019803902718557</v>
      </c>
      <c r="WAY7" s="9">
        <f t="shared" si="244"/>
        <v>1.019803902718557</v>
      </c>
      <c r="WAZ7" s="9">
        <f t="shared" si="244"/>
        <v>1.019803902718557</v>
      </c>
      <c r="WBA7" s="9">
        <f t="shared" si="244"/>
        <v>1.019803902718557</v>
      </c>
      <c r="WBB7" s="9">
        <f t="shared" si="244"/>
        <v>1.019803902718557</v>
      </c>
      <c r="WBC7" s="9">
        <f t="shared" si="244"/>
        <v>1.019803902718557</v>
      </c>
      <c r="WBD7" s="9">
        <f t="shared" si="244"/>
        <v>1.019803902718557</v>
      </c>
      <c r="WBE7" s="9">
        <f t="shared" si="244"/>
        <v>1.019803902718557</v>
      </c>
      <c r="WBF7" s="9">
        <f t="shared" si="244"/>
        <v>1.019803902718557</v>
      </c>
      <c r="WBG7" s="9">
        <f t="shared" si="244"/>
        <v>1.019803902718557</v>
      </c>
      <c r="WBH7" s="9">
        <f t="shared" si="244"/>
        <v>1.019803902718557</v>
      </c>
      <c r="WBI7" s="9">
        <f t="shared" si="244"/>
        <v>1.019803902718557</v>
      </c>
      <c r="WBJ7" s="9">
        <f t="shared" si="244"/>
        <v>1.019803902718557</v>
      </c>
      <c r="WBK7" s="9">
        <f t="shared" si="244"/>
        <v>1.019803902718557</v>
      </c>
      <c r="WBL7" s="9">
        <f t="shared" si="244"/>
        <v>1.019803902718557</v>
      </c>
      <c r="WBM7" s="9">
        <f t="shared" si="244"/>
        <v>1.019803902718557</v>
      </c>
      <c r="WBN7" s="9">
        <f t="shared" si="244"/>
        <v>1.019803902718557</v>
      </c>
      <c r="WBO7" s="9">
        <f t="shared" si="244"/>
        <v>1.019803902718557</v>
      </c>
      <c r="WBP7" s="9">
        <f t="shared" si="244"/>
        <v>1.019803902718557</v>
      </c>
      <c r="WBQ7" s="9">
        <f t="shared" si="244"/>
        <v>1.019803902718557</v>
      </c>
      <c r="WBR7" s="9">
        <f t="shared" si="244"/>
        <v>1.019803902718557</v>
      </c>
      <c r="WBS7" s="9">
        <f t="shared" si="244"/>
        <v>1.019803902718557</v>
      </c>
      <c r="WBT7" s="9">
        <f t="shared" si="244"/>
        <v>1.019803902718557</v>
      </c>
      <c r="WBU7" s="9">
        <f t="shared" si="244"/>
        <v>1.019803902718557</v>
      </c>
      <c r="WBV7" s="9">
        <f t="shared" si="244"/>
        <v>1.019803902718557</v>
      </c>
      <c r="WBW7" s="9">
        <f t="shared" si="244"/>
        <v>1.019803902718557</v>
      </c>
      <c r="WBX7" s="9">
        <f t="shared" si="244"/>
        <v>1.019803902718557</v>
      </c>
      <c r="WBY7" s="9">
        <f t="shared" si="244"/>
        <v>1.019803902718557</v>
      </c>
      <c r="WBZ7" s="9">
        <f t="shared" ref="WBZ7:WEK7" si="245">1/((1+$F$6) ^(WBZ3-$F$7))</f>
        <v>1.019803902718557</v>
      </c>
      <c r="WCA7" s="9">
        <f t="shared" si="245"/>
        <v>1.019803902718557</v>
      </c>
      <c r="WCB7" s="9">
        <f t="shared" si="245"/>
        <v>1.019803902718557</v>
      </c>
      <c r="WCC7" s="9">
        <f t="shared" si="245"/>
        <v>1.019803902718557</v>
      </c>
      <c r="WCD7" s="9">
        <f t="shared" si="245"/>
        <v>1.019803902718557</v>
      </c>
      <c r="WCE7" s="9">
        <f t="shared" si="245"/>
        <v>1.019803902718557</v>
      </c>
      <c r="WCF7" s="9">
        <f t="shared" si="245"/>
        <v>1.019803902718557</v>
      </c>
      <c r="WCG7" s="9">
        <f t="shared" si="245"/>
        <v>1.019803902718557</v>
      </c>
      <c r="WCH7" s="9">
        <f t="shared" si="245"/>
        <v>1.019803902718557</v>
      </c>
      <c r="WCI7" s="9">
        <f t="shared" si="245"/>
        <v>1.019803902718557</v>
      </c>
      <c r="WCJ7" s="9">
        <f t="shared" si="245"/>
        <v>1.019803902718557</v>
      </c>
      <c r="WCK7" s="9">
        <f t="shared" si="245"/>
        <v>1.019803902718557</v>
      </c>
      <c r="WCL7" s="9">
        <f t="shared" si="245"/>
        <v>1.019803902718557</v>
      </c>
      <c r="WCM7" s="9">
        <f t="shared" si="245"/>
        <v>1.019803902718557</v>
      </c>
      <c r="WCN7" s="9">
        <f t="shared" si="245"/>
        <v>1.019803902718557</v>
      </c>
      <c r="WCO7" s="9">
        <f t="shared" si="245"/>
        <v>1.019803902718557</v>
      </c>
      <c r="WCP7" s="9">
        <f t="shared" si="245"/>
        <v>1.019803902718557</v>
      </c>
      <c r="WCQ7" s="9">
        <f t="shared" si="245"/>
        <v>1.019803902718557</v>
      </c>
      <c r="WCR7" s="9">
        <f t="shared" si="245"/>
        <v>1.019803902718557</v>
      </c>
      <c r="WCS7" s="9">
        <f t="shared" si="245"/>
        <v>1.019803902718557</v>
      </c>
      <c r="WCT7" s="9">
        <f t="shared" si="245"/>
        <v>1.019803902718557</v>
      </c>
      <c r="WCU7" s="9">
        <f t="shared" si="245"/>
        <v>1.019803902718557</v>
      </c>
      <c r="WCV7" s="9">
        <f t="shared" si="245"/>
        <v>1.019803902718557</v>
      </c>
      <c r="WCW7" s="9">
        <f t="shared" si="245"/>
        <v>1.019803902718557</v>
      </c>
      <c r="WCX7" s="9">
        <f t="shared" si="245"/>
        <v>1.019803902718557</v>
      </c>
      <c r="WCY7" s="9">
        <f t="shared" si="245"/>
        <v>1.019803902718557</v>
      </c>
      <c r="WCZ7" s="9">
        <f t="shared" si="245"/>
        <v>1.019803902718557</v>
      </c>
      <c r="WDA7" s="9">
        <f t="shared" si="245"/>
        <v>1.019803902718557</v>
      </c>
      <c r="WDB7" s="9">
        <f t="shared" si="245"/>
        <v>1.019803902718557</v>
      </c>
      <c r="WDC7" s="9">
        <f t="shared" si="245"/>
        <v>1.019803902718557</v>
      </c>
      <c r="WDD7" s="9">
        <f t="shared" si="245"/>
        <v>1.019803902718557</v>
      </c>
      <c r="WDE7" s="9">
        <f t="shared" si="245"/>
        <v>1.019803902718557</v>
      </c>
      <c r="WDF7" s="9">
        <f t="shared" si="245"/>
        <v>1.019803902718557</v>
      </c>
      <c r="WDG7" s="9">
        <f t="shared" si="245"/>
        <v>1.019803902718557</v>
      </c>
      <c r="WDH7" s="9">
        <f t="shared" si="245"/>
        <v>1.019803902718557</v>
      </c>
      <c r="WDI7" s="9">
        <f t="shared" si="245"/>
        <v>1.019803902718557</v>
      </c>
      <c r="WDJ7" s="9">
        <f t="shared" si="245"/>
        <v>1.019803902718557</v>
      </c>
      <c r="WDK7" s="9">
        <f t="shared" si="245"/>
        <v>1.019803902718557</v>
      </c>
      <c r="WDL7" s="9">
        <f t="shared" si="245"/>
        <v>1.019803902718557</v>
      </c>
      <c r="WDM7" s="9">
        <f t="shared" si="245"/>
        <v>1.019803902718557</v>
      </c>
      <c r="WDN7" s="9">
        <f t="shared" si="245"/>
        <v>1.019803902718557</v>
      </c>
      <c r="WDO7" s="9">
        <f t="shared" si="245"/>
        <v>1.019803902718557</v>
      </c>
      <c r="WDP7" s="9">
        <f t="shared" si="245"/>
        <v>1.019803902718557</v>
      </c>
      <c r="WDQ7" s="9">
        <f t="shared" si="245"/>
        <v>1.019803902718557</v>
      </c>
      <c r="WDR7" s="9">
        <f t="shared" si="245"/>
        <v>1.019803902718557</v>
      </c>
      <c r="WDS7" s="9">
        <f t="shared" si="245"/>
        <v>1.019803902718557</v>
      </c>
      <c r="WDT7" s="9">
        <f t="shared" si="245"/>
        <v>1.019803902718557</v>
      </c>
      <c r="WDU7" s="9">
        <f t="shared" si="245"/>
        <v>1.019803902718557</v>
      </c>
      <c r="WDV7" s="9">
        <f t="shared" si="245"/>
        <v>1.019803902718557</v>
      </c>
      <c r="WDW7" s="9">
        <f t="shared" si="245"/>
        <v>1.019803902718557</v>
      </c>
      <c r="WDX7" s="9">
        <f t="shared" si="245"/>
        <v>1.019803902718557</v>
      </c>
      <c r="WDY7" s="9">
        <f t="shared" si="245"/>
        <v>1.019803902718557</v>
      </c>
      <c r="WDZ7" s="9">
        <f t="shared" si="245"/>
        <v>1.019803902718557</v>
      </c>
      <c r="WEA7" s="9">
        <f t="shared" si="245"/>
        <v>1.019803902718557</v>
      </c>
      <c r="WEB7" s="9">
        <f t="shared" si="245"/>
        <v>1.019803902718557</v>
      </c>
      <c r="WEC7" s="9">
        <f t="shared" si="245"/>
        <v>1.019803902718557</v>
      </c>
      <c r="WED7" s="9">
        <f t="shared" si="245"/>
        <v>1.019803902718557</v>
      </c>
      <c r="WEE7" s="9">
        <f t="shared" si="245"/>
        <v>1.019803902718557</v>
      </c>
      <c r="WEF7" s="9">
        <f t="shared" si="245"/>
        <v>1.019803902718557</v>
      </c>
      <c r="WEG7" s="9">
        <f t="shared" si="245"/>
        <v>1.019803902718557</v>
      </c>
      <c r="WEH7" s="9">
        <f t="shared" si="245"/>
        <v>1.019803902718557</v>
      </c>
      <c r="WEI7" s="9">
        <f t="shared" si="245"/>
        <v>1.019803902718557</v>
      </c>
      <c r="WEJ7" s="9">
        <f t="shared" si="245"/>
        <v>1.019803902718557</v>
      </c>
      <c r="WEK7" s="9">
        <f t="shared" si="245"/>
        <v>1.019803902718557</v>
      </c>
      <c r="WEL7" s="9">
        <f t="shared" ref="WEL7:WGW7" si="246">1/((1+$F$6) ^(WEL3-$F$7))</f>
        <v>1.019803902718557</v>
      </c>
      <c r="WEM7" s="9">
        <f t="shared" si="246"/>
        <v>1.019803902718557</v>
      </c>
      <c r="WEN7" s="9">
        <f t="shared" si="246"/>
        <v>1.019803902718557</v>
      </c>
      <c r="WEO7" s="9">
        <f t="shared" si="246"/>
        <v>1.019803902718557</v>
      </c>
      <c r="WEP7" s="9">
        <f t="shared" si="246"/>
        <v>1.019803902718557</v>
      </c>
      <c r="WEQ7" s="9">
        <f t="shared" si="246"/>
        <v>1.019803902718557</v>
      </c>
      <c r="WER7" s="9">
        <f t="shared" si="246"/>
        <v>1.019803902718557</v>
      </c>
      <c r="WES7" s="9">
        <f t="shared" si="246"/>
        <v>1.019803902718557</v>
      </c>
      <c r="WET7" s="9">
        <f t="shared" si="246"/>
        <v>1.019803902718557</v>
      </c>
      <c r="WEU7" s="9">
        <f t="shared" si="246"/>
        <v>1.019803902718557</v>
      </c>
      <c r="WEV7" s="9">
        <f t="shared" si="246"/>
        <v>1.019803902718557</v>
      </c>
      <c r="WEW7" s="9">
        <f t="shared" si="246"/>
        <v>1.019803902718557</v>
      </c>
      <c r="WEX7" s="9">
        <f t="shared" si="246"/>
        <v>1.019803902718557</v>
      </c>
      <c r="WEY7" s="9">
        <f t="shared" si="246"/>
        <v>1.019803902718557</v>
      </c>
      <c r="WEZ7" s="9">
        <f t="shared" si="246"/>
        <v>1.019803902718557</v>
      </c>
      <c r="WFA7" s="9">
        <f t="shared" si="246"/>
        <v>1.019803902718557</v>
      </c>
      <c r="WFB7" s="9">
        <f t="shared" si="246"/>
        <v>1.019803902718557</v>
      </c>
      <c r="WFC7" s="9">
        <f t="shared" si="246"/>
        <v>1.019803902718557</v>
      </c>
      <c r="WFD7" s="9">
        <f t="shared" si="246"/>
        <v>1.019803902718557</v>
      </c>
      <c r="WFE7" s="9">
        <f t="shared" si="246"/>
        <v>1.019803902718557</v>
      </c>
      <c r="WFF7" s="9">
        <f t="shared" si="246"/>
        <v>1.019803902718557</v>
      </c>
      <c r="WFG7" s="9">
        <f t="shared" si="246"/>
        <v>1.019803902718557</v>
      </c>
      <c r="WFH7" s="9">
        <f t="shared" si="246"/>
        <v>1.019803902718557</v>
      </c>
      <c r="WFI7" s="9">
        <f t="shared" si="246"/>
        <v>1.019803902718557</v>
      </c>
      <c r="WFJ7" s="9">
        <f t="shared" si="246"/>
        <v>1.019803902718557</v>
      </c>
      <c r="WFK7" s="9">
        <f t="shared" si="246"/>
        <v>1.019803902718557</v>
      </c>
      <c r="WFL7" s="9">
        <f t="shared" si="246"/>
        <v>1.019803902718557</v>
      </c>
      <c r="WFM7" s="9">
        <f t="shared" si="246"/>
        <v>1.019803902718557</v>
      </c>
      <c r="WFN7" s="9">
        <f t="shared" si="246"/>
        <v>1.019803902718557</v>
      </c>
      <c r="WFO7" s="9">
        <f t="shared" si="246"/>
        <v>1.019803902718557</v>
      </c>
      <c r="WFP7" s="9">
        <f t="shared" si="246"/>
        <v>1.019803902718557</v>
      </c>
      <c r="WFQ7" s="9">
        <f t="shared" si="246"/>
        <v>1.019803902718557</v>
      </c>
      <c r="WFR7" s="9">
        <f t="shared" si="246"/>
        <v>1.019803902718557</v>
      </c>
      <c r="WFS7" s="9">
        <f t="shared" si="246"/>
        <v>1.019803902718557</v>
      </c>
      <c r="WFT7" s="9">
        <f t="shared" si="246"/>
        <v>1.019803902718557</v>
      </c>
      <c r="WFU7" s="9">
        <f t="shared" si="246"/>
        <v>1.019803902718557</v>
      </c>
      <c r="WFV7" s="9">
        <f t="shared" si="246"/>
        <v>1.019803902718557</v>
      </c>
      <c r="WFW7" s="9">
        <f t="shared" si="246"/>
        <v>1.019803902718557</v>
      </c>
      <c r="WFX7" s="9">
        <f t="shared" si="246"/>
        <v>1.019803902718557</v>
      </c>
      <c r="WFY7" s="9">
        <f t="shared" si="246"/>
        <v>1.019803902718557</v>
      </c>
      <c r="WFZ7" s="9">
        <f t="shared" si="246"/>
        <v>1.019803902718557</v>
      </c>
      <c r="WGA7" s="9">
        <f t="shared" si="246"/>
        <v>1.019803902718557</v>
      </c>
      <c r="WGB7" s="9">
        <f t="shared" si="246"/>
        <v>1.019803902718557</v>
      </c>
      <c r="WGC7" s="9">
        <f t="shared" si="246"/>
        <v>1.019803902718557</v>
      </c>
      <c r="WGD7" s="9">
        <f t="shared" si="246"/>
        <v>1.019803902718557</v>
      </c>
      <c r="WGE7" s="9">
        <f t="shared" si="246"/>
        <v>1.019803902718557</v>
      </c>
      <c r="WGF7" s="9">
        <f t="shared" si="246"/>
        <v>1.019803902718557</v>
      </c>
      <c r="WGG7" s="9">
        <f t="shared" si="246"/>
        <v>1.019803902718557</v>
      </c>
      <c r="WGH7" s="9">
        <f t="shared" si="246"/>
        <v>1.019803902718557</v>
      </c>
      <c r="WGI7" s="9">
        <f t="shared" si="246"/>
        <v>1.019803902718557</v>
      </c>
      <c r="WGJ7" s="9">
        <f t="shared" si="246"/>
        <v>1.019803902718557</v>
      </c>
      <c r="WGK7" s="9">
        <f t="shared" si="246"/>
        <v>1.019803902718557</v>
      </c>
      <c r="WGL7" s="9">
        <f t="shared" si="246"/>
        <v>1.019803902718557</v>
      </c>
      <c r="WGM7" s="9">
        <f t="shared" si="246"/>
        <v>1.019803902718557</v>
      </c>
      <c r="WGN7" s="9">
        <f t="shared" si="246"/>
        <v>1.019803902718557</v>
      </c>
      <c r="WGO7" s="9">
        <f t="shared" si="246"/>
        <v>1.019803902718557</v>
      </c>
      <c r="WGP7" s="9">
        <f t="shared" si="246"/>
        <v>1.019803902718557</v>
      </c>
      <c r="WGQ7" s="9">
        <f t="shared" si="246"/>
        <v>1.019803902718557</v>
      </c>
      <c r="WGR7" s="9">
        <f t="shared" si="246"/>
        <v>1.019803902718557</v>
      </c>
      <c r="WGS7" s="9">
        <f t="shared" si="246"/>
        <v>1.019803902718557</v>
      </c>
      <c r="WGT7" s="9">
        <f t="shared" si="246"/>
        <v>1.019803902718557</v>
      </c>
      <c r="WGU7" s="9">
        <f t="shared" si="246"/>
        <v>1.019803902718557</v>
      </c>
      <c r="WGV7" s="9">
        <f t="shared" si="246"/>
        <v>1.019803902718557</v>
      </c>
      <c r="WGW7" s="9">
        <f t="shared" si="246"/>
        <v>1.019803902718557</v>
      </c>
      <c r="WGX7" s="9">
        <f t="shared" ref="WGX7:WJI7" si="247">1/((1+$F$6) ^(WGX3-$F$7))</f>
        <v>1.019803902718557</v>
      </c>
      <c r="WGY7" s="9">
        <f t="shared" si="247"/>
        <v>1.019803902718557</v>
      </c>
      <c r="WGZ7" s="9">
        <f t="shared" si="247"/>
        <v>1.019803902718557</v>
      </c>
      <c r="WHA7" s="9">
        <f t="shared" si="247"/>
        <v>1.019803902718557</v>
      </c>
      <c r="WHB7" s="9">
        <f t="shared" si="247"/>
        <v>1.019803902718557</v>
      </c>
      <c r="WHC7" s="9">
        <f t="shared" si="247"/>
        <v>1.019803902718557</v>
      </c>
      <c r="WHD7" s="9">
        <f t="shared" si="247"/>
        <v>1.019803902718557</v>
      </c>
      <c r="WHE7" s="9">
        <f t="shared" si="247"/>
        <v>1.019803902718557</v>
      </c>
      <c r="WHF7" s="9">
        <f t="shared" si="247"/>
        <v>1.019803902718557</v>
      </c>
      <c r="WHG7" s="9">
        <f t="shared" si="247"/>
        <v>1.019803902718557</v>
      </c>
      <c r="WHH7" s="9">
        <f t="shared" si="247"/>
        <v>1.019803902718557</v>
      </c>
      <c r="WHI7" s="9">
        <f t="shared" si="247"/>
        <v>1.019803902718557</v>
      </c>
      <c r="WHJ7" s="9">
        <f t="shared" si="247"/>
        <v>1.019803902718557</v>
      </c>
      <c r="WHK7" s="9">
        <f t="shared" si="247"/>
        <v>1.019803902718557</v>
      </c>
      <c r="WHL7" s="9">
        <f t="shared" si="247"/>
        <v>1.019803902718557</v>
      </c>
      <c r="WHM7" s="9">
        <f t="shared" si="247"/>
        <v>1.019803902718557</v>
      </c>
      <c r="WHN7" s="9">
        <f t="shared" si="247"/>
        <v>1.019803902718557</v>
      </c>
      <c r="WHO7" s="9">
        <f t="shared" si="247"/>
        <v>1.019803902718557</v>
      </c>
      <c r="WHP7" s="9">
        <f t="shared" si="247"/>
        <v>1.019803902718557</v>
      </c>
      <c r="WHQ7" s="9">
        <f t="shared" si="247"/>
        <v>1.019803902718557</v>
      </c>
      <c r="WHR7" s="9">
        <f t="shared" si="247"/>
        <v>1.019803902718557</v>
      </c>
      <c r="WHS7" s="9">
        <f t="shared" si="247"/>
        <v>1.019803902718557</v>
      </c>
      <c r="WHT7" s="9">
        <f t="shared" si="247"/>
        <v>1.019803902718557</v>
      </c>
      <c r="WHU7" s="9">
        <f t="shared" si="247"/>
        <v>1.019803902718557</v>
      </c>
      <c r="WHV7" s="9">
        <f t="shared" si="247"/>
        <v>1.019803902718557</v>
      </c>
      <c r="WHW7" s="9">
        <f t="shared" si="247"/>
        <v>1.019803902718557</v>
      </c>
      <c r="WHX7" s="9">
        <f t="shared" si="247"/>
        <v>1.019803902718557</v>
      </c>
      <c r="WHY7" s="9">
        <f t="shared" si="247"/>
        <v>1.019803902718557</v>
      </c>
      <c r="WHZ7" s="9">
        <f t="shared" si="247"/>
        <v>1.019803902718557</v>
      </c>
      <c r="WIA7" s="9">
        <f t="shared" si="247"/>
        <v>1.019803902718557</v>
      </c>
      <c r="WIB7" s="9">
        <f t="shared" si="247"/>
        <v>1.019803902718557</v>
      </c>
      <c r="WIC7" s="9">
        <f t="shared" si="247"/>
        <v>1.019803902718557</v>
      </c>
      <c r="WID7" s="9">
        <f t="shared" si="247"/>
        <v>1.019803902718557</v>
      </c>
      <c r="WIE7" s="9">
        <f t="shared" si="247"/>
        <v>1.019803902718557</v>
      </c>
      <c r="WIF7" s="9">
        <f t="shared" si="247"/>
        <v>1.019803902718557</v>
      </c>
      <c r="WIG7" s="9">
        <f t="shared" si="247"/>
        <v>1.019803902718557</v>
      </c>
      <c r="WIH7" s="9">
        <f t="shared" si="247"/>
        <v>1.019803902718557</v>
      </c>
      <c r="WII7" s="9">
        <f t="shared" si="247"/>
        <v>1.019803902718557</v>
      </c>
      <c r="WIJ7" s="9">
        <f t="shared" si="247"/>
        <v>1.019803902718557</v>
      </c>
      <c r="WIK7" s="9">
        <f t="shared" si="247"/>
        <v>1.019803902718557</v>
      </c>
      <c r="WIL7" s="9">
        <f t="shared" si="247"/>
        <v>1.019803902718557</v>
      </c>
      <c r="WIM7" s="9">
        <f t="shared" si="247"/>
        <v>1.019803902718557</v>
      </c>
      <c r="WIN7" s="9">
        <f t="shared" si="247"/>
        <v>1.019803902718557</v>
      </c>
      <c r="WIO7" s="9">
        <f t="shared" si="247"/>
        <v>1.019803902718557</v>
      </c>
      <c r="WIP7" s="9">
        <f t="shared" si="247"/>
        <v>1.019803902718557</v>
      </c>
      <c r="WIQ7" s="9">
        <f t="shared" si="247"/>
        <v>1.019803902718557</v>
      </c>
      <c r="WIR7" s="9">
        <f t="shared" si="247"/>
        <v>1.019803902718557</v>
      </c>
      <c r="WIS7" s="9">
        <f t="shared" si="247"/>
        <v>1.019803902718557</v>
      </c>
      <c r="WIT7" s="9">
        <f t="shared" si="247"/>
        <v>1.019803902718557</v>
      </c>
      <c r="WIU7" s="9">
        <f t="shared" si="247"/>
        <v>1.019803902718557</v>
      </c>
      <c r="WIV7" s="9">
        <f t="shared" si="247"/>
        <v>1.019803902718557</v>
      </c>
      <c r="WIW7" s="9">
        <f t="shared" si="247"/>
        <v>1.019803902718557</v>
      </c>
      <c r="WIX7" s="9">
        <f t="shared" si="247"/>
        <v>1.019803902718557</v>
      </c>
      <c r="WIY7" s="9">
        <f t="shared" si="247"/>
        <v>1.019803902718557</v>
      </c>
      <c r="WIZ7" s="9">
        <f t="shared" si="247"/>
        <v>1.019803902718557</v>
      </c>
      <c r="WJA7" s="9">
        <f t="shared" si="247"/>
        <v>1.019803902718557</v>
      </c>
      <c r="WJB7" s="9">
        <f t="shared" si="247"/>
        <v>1.019803902718557</v>
      </c>
      <c r="WJC7" s="9">
        <f t="shared" si="247"/>
        <v>1.019803902718557</v>
      </c>
      <c r="WJD7" s="9">
        <f t="shared" si="247"/>
        <v>1.019803902718557</v>
      </c>
      <c r="WJE7" s="9">
        <f t="shared" si="247"/>
        <v>1.019803902718557</v>
      </c>
      <c r="WJF7" s="9">
        <f t="shared" si="247"/>
        <v>1.019803902718557</v>
      </c>
      <c r="WJG7" s="9">
        <f t="shared" si="247"/>
        <v>1.019803902718557</v>
      </c>
      <c r="WJH7" s="9">
        <f t="shared" si="247"/>
        <v>1.019803902718557</v>
      </c>
      <c r="WJI7" s="9">
        <f t="shared" si="247"/>
        <v>1.019803902718557</v>
      </c>
      <c r="WJJ7" s="9">
        <f t="shared" ref="WJJ7:WLU7" si="248">1/((1+$F$6) ^(WJJ3-$F$7))</f>
        <v>1.019803902718557</v>
      </c>
      <c r="WJK7" s="9">
        <f t="shared" si="248"/>
        <v>1.019803902718557</v>
      </c>
      <c r="WJL7" s="9">
        <f t="shared" si="248"/>
        <v>1.019803902718557</v>
      </c>
      <c r="WJM7" s="9">
        <f t="shared" si="248"/>
        <v>1.019803902718557</v>
      </c>
      <c r="WJN7" s="9">
        <f t="shared" si="248"/>
        <v>1.019803902718557</v>
      </c>
      <c r="WJO7" s="9">
        <f t="shared" si="248"/>
        <v>1.019803902718557</v>
      </c>
      <c r="WJP7" s="9">
        <f t="shared" si="248"/>
        <v>1.019803902718557</v>
      </c>
      <c r="WJQ7" s="9">
        <f t="shared" si="248"/>
        <v>1.019803902718557</v>
      </c>
      <c r="WJR7" s="9">
        <f t="shared" si="248"/>
        <v>1.019803902718557</v>
      </c>
      <c r="WJS7" s="9">
        <f t="shared" si="248"/>
        <v>1.019803902718557</v>
      </c>
      <c r="WJT7" s="9">
        <f t="shared" si="248"/>
        <v>1.019803902718557</v>
      </c>
      <c r="WJU7" s="9">
        <f t="shared" si="248"/>
        <v>1.019803902718557</v>
      </c>
      <c r="WJV7" s="9">
        <f t="shared" si="248"/>
        <v>1.019803902718557</v>
      </c>
      <c r="WJW7" s="9">
        <f t="shared" si="248"/>
        <v>1.019803902718557</v>
      </c>
      <c r="WJX7" s="9">
        <f t="shared" si="248"/>
        <v>1.019803902718557</v>
      </c>
      <c r="WJY7" s="9">
        <f t="shared" si="248"/>
        <v>1.019803902718557</v>
      </c>
      <c r="WJZ7" s="9">
        <f t="shared" si="248"/>
        <v>1.019803902718557</v>
      </c>
      <c r="WKA7" s="9">
        <f t="shared" si="248"/>
        <v>1.019803902718557</v>
      </c>
      <c r="WKB7" s="9">
        <f t="shared" si="248"/>
        <v>1.019803902718557</v>
      </c>
      <c r="WKC7" s="9">
        <f t="shared" si="248"/>
        <v>1.019803902718557</v>
      </c>
      <c r="WKD7" s="9">
        <f t="shared" si="248"/>
        <v>1.019803902718557</v>
      </c>
      <c r="WKE7" s="9">
        <f t="shared" si="248"/>
        <v>1.019803902718557</v>
      </c>
      <c r="WKF7" s="9">
        <f t="shared" si="248"/>
        <v>1.019803902718557</v>
      </c>
      <c r="WKG7" s="9">
        <f t="shared" si="248"/>
        <v>1.019803902718557</v>
      </c>
      <c r="WKH7" s="9">
        <f t="shared" si="248"/>
        <v>1.019803902718557</v>
      </c>
      <c r="WKI7" s="9">
        <f t="shared" si="248"/>
        <v>1.019803902718557</v>
      </c>
      <c r="WKJ7" s="9">
        <f t="shared" si="248"/>
        <v>1.019803902718557</v>
      </c>
      <c r="WKK7" s="9">
        <f t="shared" si="248"/>
        <v>1.019803902718557</v>
      </c>
      <c r="WKL7" s="9">
        <f t="shared" si="248"/>
        <v>1.019803902718557</v>
      </c>
      <c r="WKM7" s="9">
        <f t="shared" si="248"/>
        <v>1.019803902718557</v>
      </c>
      <c r="WKN7" s="9">
        <f t="shared" si="248"/>
        <v>1.019803902718557</v>
      </c>
      <c r="WKO7" s="9">
        <f t="shared" si="248"/>
        <v>1.019803902718557</v>
      </c>
      <c r="WKP7" s="9">
        <f t="shared" si="248"/>
        <v>1.019803902718557</v>
      </c>
      <c r="WKQ7" s="9">
        <f t="shared" si="248"/>
        <v>1.019803902718557</v>
      </c>
      <c r="WKR7" s="9">
        <f t="shared" si="248"/>
        <v>1.019803902718557</v>
      </c>
      <c r="WKS7" s="9">
        <f t="shared" si="248"/>
        <v>1.019803902718557</v>
      </c>
      <c r="WKT7" s="9">
        <f t="shared" si="248"/>
        <v>1.019803902718557</v>
      </c>
      <c r="WKU7" s="9">
        <f t="shared" si="248"/>
        <v>1.019803902718557</v>
      </c>
      <c r="WKV7" s="9">
        <f t="shared" si="248"/>
        <v>1.019803902718557</v>
      </c>
      <c r="WKW7" s="9">
        <f t="shared" si="248"/>
        <v>1.019803902718557</v>
      </c>
      <c r="WKX7" s="9">
        <f t="shared" si="248"/>
        <v>1.019803902718557</v>
      </c>
      <c r="WKY7" s="9">
        <f t="shared" si="248"/>
        <v>1.019803902718557</v>
      </c>
      <c r="WKZ7" s="9">
        <f t="shared" si="248"/>
        <v>1.019803902718557</v>
      </c>
      <c r="WLA7" s="9">
        <f t="shared" si="248"/>
        <v>1.019803902718557</v>
      </c>
      <c r="WLB7" s="9">
        <f t="shared" si="248"/>
        <v>1.019803902718557</v>
      </c>
      <c r="WLC7" s="9">
        <f t="shared" si="248"/>
        <v>1.019803902718557</v>
      </c>
      <c r="WLD7" s="9">
        <f t="shared" si="248"/>
        <v>1.019803902718557</v>
      </c>
      <c r="WLE7" s="9">
        <f t="shared" si="248"/>
        <v>1.019803902718557</v>
      </c>
      <c r="WLF7" s="9">
        <f t="shared" si="248"/>
        <v>1.019803902718557</v>
      </c>
      <c r="WLG7" s="9">
        <f t="shared" si="248"/>
        <v>1.019803902718557</v>
      </c>
      <c r="WLH7" s="9">
        <f t="shared" si="248"/>
        <v>1.019803902718557</v>
      </c>
      <c r="WLI7" s="9">
        <f t="shared" si="248"/>
        <v>1.019803902718557</v>
      </c>
      <c r="WLJ7" s="9">
        <f t="shared" si="248"/>
        <v>1.019803902718557</v>
      </c>
      <c r="WLK7" s="9">
        <f t="shared" si="248"/>
        <v>1.019803902718557</v>
      </c>
      <c r="WLL7" s="9">
        <f t="shared" si="248"/>
        <v>1.019803902718557</v>
      </c>
      <c r="WLM7" s="9">
        <f t="shared" si="248"/>
        <v>1.019803902718557</v>
      </c>
      <c r="WLN7" s="9">
        <f t="shared" si="248"/>
        <v>1.019803902718557</v>
      </c>
      <c r="WLO7" s="9">
        <f t="shared" si="248"/>
        <v>1.019803902718557</v>
      </c>
      <c r="WLP7" s="9">
        <f t="shared" si="248"/>
        <v>1.019803902718557</v>
      </c>
      <c r="WLQ7" s="9">
        <f t="shared" si="248"/>
        <v>1.019803902718557</v>
      </c>
      <c r="WLR7" s="9">
        <f t="shared" si="248"/>
        <v>1.019803902718557</v>
      </c>
      <c r="WLS7" s="9">
        <f t="shared" si="248"/>
        <v>1.019803902718557</v>
      </c>
      <c r="WLT7" s="9">
        <f t="shared" si="248"/>
        <v>1.019803902718557</v>
      </c>
      <c r="WLU7" s="9">
        <f t="shared" si="248"/>
        <v>1.019803902718557</v>
      </c>
      <c r="WLV7" s="9">
        <f t="shared" ref="WLV7:WOG7" si="249">1/((1+$F$6) ^(WLV3-$F$7))</f>
        <v>1.019803902718557</v>
      </c>
      <c r="WLW7" s="9">
        <f t="shared" si="249"/>
        <v>1.019803902718557</v>
      </c>
      <c r="WLX7" s="9">
        <f t="shared" si="249"/>
        <v>1.019803902718557</v>
      </c>
      <c r="WLY7" s="9">
        <f t="shared" si="249"/>
        <v>1.019803902718557</v>
      </c>
      <c r="WLZ7" s="9">
        <f t="shared" si="249"/>
        <v>1.019803902718557</v>
      </c>
      <c r="WMA7" s="9">
        <f t="shared" si="249"/>
        <v>1.019803902718557</v>
      </c>
      <c r="WMB7" s="9">
        <f t="shared" si="249"/>
        <v>1.019803902718557</v>
      </c>
      <c r="WMC7" s="9">
        <f t="shared" si="249"/>
        <v>1.019803902718557</v>
      </c>
      <c r="WMD7" s="9">
        <f t="shared" si="249"/>
        <v>1.019803902718557</v>
      </c>
      <c r="WME7" s="9">
        <f t="shared" si="249"/>
        <v>1.019803902718557</v>
      </c>
      <c r="WMF7" s="9">
        <f t="shared" si="249"/>
        <v>1.019803902718557</v>
      </c>
      <c r="WMG7" s="9">
        <f t="shared" si="249"/>
        <v>1.019803902718557</v>
      </c>
      <c r="WMH7" s="9">
        <f t="shared" si="249"/>
        <v>1.019803902718557</v>
      </c>
      <c r="WMI7" s="9">
        <f t="shared" si="249"/>
        <v>1.019803902718557</v>
      </c>
      <c r="WMJ7" s="9">
        <f t="shared" si="249"/>
        <v>1.019803902718557</v>
      </c>
      <c r="WMK7" s="9">
        <f t="shared" si="249"/>
        <v>1.019803902718557</v>
      </c>
      <c r="WML7" s="9">
        <f t="shared" si="249"/>
        <v>1.019803902718557</v>
      </c>
      <c r="WMM7" s="9">
        <f t="shared" si="249"/>
        <v>1.019803902718557</v>
      </c>
      <c r="WMN7" s="9">
        <f t="shared" si="249"/>
        <v>1.019803902718557</v>
      </c>
      <c r="WMO7" s="9">
        <f t="shared" si="249"/>
        <v>1.019803902718557</v>
      </c>
      <c r="WMP7" s="9">
        <f t="shared" si="249"/>
        <v>1.019803902718557</v>
      </c>
      <c r="WMQ7" s="9">
        <f t="shared" si="249"/>
        <v>1.019803902718557</v>
      </c>
      <c r="WMR7" s="9">
        <f t="shared" si="249"/>
        <v>1.019803902718557</v>
      </c>
      <c r="WMS7" s="9">
        <f t="shared" si="249"/>
        <v>1.019803902718557</v>
      </c>
      <c r="WMT7" s="9">
        <f t="shared" si="249"/>
        <v>1.019803902718557</v>
      </c>
      <c r="WMU7" s="9">
        <f t="shared" si="249"/>
        <v>1.019803902718557</v>
      </c>
      <c r="WMV7" s="9">
        <f t="shared" si="249"/>
        <v>1.019803902718557</v>
      </c>
      <c r="WMW7" s="9">
        <f t="shared" si="249"/>
        <v>1.019803902718557</v>
      </c>
      <c r="WMX7" s="9">
        <f t="shared" si="249"/>
        <v>1.019803902718557</v>
      </c>
      <c r="WMY7" s="9">
        <f t="shared" si="249"/>
        <v>1.019803902718557</v>
      </c>
      <c r="WMZ7" s="9">
        <f t="shared" si="249"/>
        <v>1.019803902718557</v>
      </c>
      <c r="WNA7" s="9">
        <f t="shared" si="249"/>
        <v>1.019803902718557</v>
      </c>
      <c r="WNB7" s="9">
        <f t="shared" si="249"/>
        <v>1.019803902718557</v>
      </c>
      <c r="WNC7" s="9">
        <f t="shared" si="249"/>
        <v>1.019803902718557</v>
      </c>
      <c r="WND7" s="9">
        <f t="shared" si="249"/>
        <v>1.019803902718557</v>
      </c>
      <c r="WNE7" s="9">
        <f t="shared" si="249"/>
        <v>1.019803902718557</v>
      </c>
      <c r="WNF7" s="9">
        <f t="shared" si="249"/>
        <v>1.019803902718557</v>
      </c>
      <c r="WNG7" s="9">
        <f t="shared" si="249"/>
        <v>1.019803902718557</v>
      </c>
      <c r="WNH7" s="9">
        <f t="shared" si="249"/>
        <v>1.019803902718557</v>
      </c>
      <c r="WNI7" s="9">
        <f t="shared" si="249"/>
        <v>1.019803902718557</v>
      </c>
      <c r="WNJ7" s="9">
        <f t="shared" si="249"/>
        <v>1.019803902718557</v>
      </c>
      <c r="WNK7" s="9">
        <f t="shared" si="249"/>
        <v>1.019803902718557</v>
      </c>
      <c r="WNL7" s="9">
        <f t="shared" si="249"/>
        <v>1.019803902718557</v>
      </c>
      <c r="WNM7" s="9">
        <f t="shared" si="249"/>
        <v>1.019803902718557</v>
      </c>
      <c r="WNN7" s="9">
        <f t="shared" si="249"/>
        <v>1.019803902718557</v>
      </c>
      <c r="WNO7" s="9">
        <f t="shared" si="249"/>
        <v>1.019803902718557</v>
      </c>
      <c r="WNP7" s="9">
        <f t="shared" si="249"/>
        <v>1.019803902718557</v>
      </c>
      <c r="WNQ7" s="9">
        <f t="shared" si="249"/>
        <v>1.019803902718557</v>
      </c>
      <c r="WNR7" s="9">
        <f t="shared" si="249"/>
        <v>1.019803902718557</v>
      </c>
      <c r="WNS7" s="9">
        <f t="shared" si="249"/>
        <v>1.019803902718557</v>
      </c>
      <c r="WNT7" s="9">
        <f t="shared" si="249"/>
        <v>1.019803902718557</v>
      </c>
      <c r="WNU7" s="9">
        <f t="shared" si="249"/>
        <v>1.019803902718557</v>
      </c>
      <c r="WNV7" s="9">
        <f t="shared" si="249"/>
        <v>1.019803902718557</v>
      </c>
      <c r="WNW7" s="9">
        <f t="shared" si="249"/>
        <v>1.019803902718557</v>
      </c>
      <c r="WNX7" s="9">
        <f t="shared" si="249"/>
        <v>1.019803902718557</v>
      </c>
      <c r="WNY7" s="9">
        <f t="shared" si="249"/>
        <v>1.019803902718557</v>
      </c>
      <c r="WNZ7" s="9">
        <f t="shared" si="249"/>
        <v>1.019803902718557</v>
      </c>
      <c r="WOA7" s="9">
        <f t="shared" si="249"/>
        <v>1.019803902718557</v>
      </c>
      <c r="WOB7" s="9">
        <f t="shared" si="249"/>
        <v>1.019803902718557</v>
      </c>
      <c r="WOC7" s="9">
        <f t="shared" si="249"/>
        <v>1.019803902718557</v>
      </c>
      <c r="WOD7" s="9">
        <f t="shared" si="249"/>
        <v>1.019803902718557</v>
      </c>
      <c r="WOE7" s="9">
        <f t="shared" si="249"/>
        <v>1.019803902718557</v>
      </c>
      <c r="WOF7" s="9">
        <f t="shared" si="249"/>
        <v>1.019803902718557</v>
      </c>
      <c r="WOG7" s="9">
        <f t="shared" si="249"/>
        <v>1.019803902718557</v>
      </c>
      <c r="WOH7" s="9">
        <f t="shared" ref="WOH7:WQS7" si="250">1/((1+$F$6) ^(WOH3-$F$7))</f>
        <v>1.019803902718557</v>
      </c>
      <c r="WOI7" s="9">
        <f t="shared" si="250"/>
        <v>1.019803902718557</v>
      </c>
      <c r="WOJ7" s="9">
        <f t="shared" si="250"/>
        <v>1.019803902718557</v>
      </c>
      <c r="WOK7" s="9">
        <f t="shared" si="250"/>
        <v>1.019803902718557</v>
      </c>
      <c r="WOL7" s="9">
        <f t="shared" si="250"/>
        <v>1.019803902718557</v>
      </c>
      <c r="WOM7" s="9">
        <f t="shared" si="250"/>
        <v>1.019803902718557</v>
      </c>
      <c r="WON7" s="9">
        <f t="shared" si="250"/>
        <v>1.019803902718557</v>
      </c>
      <c r="WOO7" s="9">
        <f t="shared" si="250"/>
        <v>1.019803902718557</v>
      </c>
      <c r="WOP7" s="9">
        <f t="shared" si="250"/>
        <v>1.019803902718557</v>
      </c>
      <c r="WOQ7" s="9">
        <f t="shared" si="250"/>
        <v>1.019803902718557</v>
      </c>
      <c r="WOR7" s="9">
        <f t="shared" si="250"/>
        <v>1.019803902718557</v>
      </c>
      <c r="WOS7" s="9">
        <f t="shared" si="250"/>
        <v>1.019803902718557</v>
      </c>
      <c r="WOT7" s="9">
        <f t="shared" si="250"/>
        <v>1.019803902718557</v>
      </c>
      <c r="WOU7" s="9">
        <f t="shared" si="250"/>
        <v>1.019803902718557</v>
      </c>
      <c r="WOV7" s="9">
        <f t="shared" si="250"/>
        <v>1.019803902718557</v>
      </c>
      <c r="WOW7" s="9">
        <f t="shared" si="250"/>
        <v>1.019803902718557</v>
      </c>
      <c r="WOX7" s="9">
        <f t="shared" si="250"/>
        <v>1.019803902718557</v>
      </c>
      <c r="WOY7" s="9">
        <f t="shared" si="250"/>
        <v>1.019803902718557</v>
      </c>
      <c r="WOZ7" s="9">
        <f t="shared" si="250"/>
        <v>1.019803902718557</v>
      </c>
      <c r="WPA7" s="9">
        <f t="shared" si="250"/>
        <v>1.019803902718557</v>
      </c>
      <c r="WPB7" s="9">
        <f t="shared" si="250"/>
        <v>1.019803902718557</v>
      </c>
      <c r="WPC7" s="9">
        <f t="shared" si="250"/>
        <v>1.019803902718557</v>
      </c>
      <c r="WPD7" s="9">
        <f t="shared" si="250"/>
        <v>1.019803902718557</v>
      </c>
      <c r="WPE7" s="9">
        <f t="shared" si="250"/>
        <v>1.019803902718557</v>
      </c>
      <c r="WPF7" s="9">
        <f t="shared" si="250"/>
        <v>1.019803902718557</v>
      </c>
      <c r="WPG7" s="9">
        <f t="shared" si="250"/>
        <v>1.019803902718557</v>
      </c>
      <c r="WPH7" s="9">
        <f t="shared" si="250"/>
        <v>1.019803902718557</v>
      </c>
      <c r="WPI7" s="9">
        <f t="shared" si="250"/>
        <v>1.019803902718557</v>
      </c>
      <c r="WPJ7" s="9">
        <f t="shared" si="250"/>
        <v>1.019803902718557</v>
      </c>
      <c r="WPK7" s="9">
        <f t="shared" si="250"/>
        <v>1.019803902718557</v>
      </c>
      <c r="WPL7" s="9">
        <f t="shared" si="250"/>
        <v>1.019803902718557</v>
      </c>
      <c r="WPM7" s="9">
        <f t="shared" si="250"/>
        <v>1.019803902718557</v>
      </c>
      <c r="WPN7" s="9">
        <f t="shared" si="250"/>
        <v>1.019803902718557</v>
      </c>
      <c r="WPO7" s="9">
        <f t="shared" si="250"/>
        <v>1.019803902718557</v>
      </c>
      <c r="WPP7" s="9">
        <f t="shared" si="250"/>
        <v>1.019803902718557</v>
      </c>
      <c r="WPQ7" s="9">
        <f t="shared" si="250"/>
        <v>1.019803902718557</v>
      </c>
      <c r="WPR7" s="9">
        <f t="shared" si="250"/>
        <v>1.019803902718557</v>
      </c>
      <c r="WPS7" s="9">
        <f t="shared" si="250"/>
        <v>1.019803902718557</v>
      </c>
      <c r="WPT7" s="9">
        <f t="shared" si="250"/>
        <v>1.019803902718557</v>
      </c>
      <c r="WPU7" s="9">
        <f t="shared" si="250"/>
        <v>1.019803902718557</v>
      </c>
      <c r="WPV7" s="9">
        <f t="shared" si="250"/>
        <v>1.019803902718557</v>
      </c>
      <c r="WPW7" s="9">
        <f t="shared" si="250"/>
        <v>1.019803902718557</v>
      </c>
      <c r="WPX7" s="9">
        <f t="shared" si="250"/>
        <v>1.019803902718557</v>
      </c>
      <c r="WPY7" s="9">
        <f t="shared" si="250"/>
        <v>1.019803902718557</v>
      </c>
      <c r="WPZ7" s="9">
        <f t="shared" si="250"/>
        <v>1.019803902718557</v>
      </c>
      <c r="WQA7" s="9">
        <f t="shared" si="250"/>
        <v>1.019803902718557</v>
      </c>
      <c r="WQB7" s="9">
        <f t="shared" si="250"/>
        <v>1.019803902718557</v>
      </c>
      <c r="WQC7" s="9">
        <f t="shared" si="250"/>
        <v>1.019803902718557</v>
      </c>
      <c r="WQD7" s="9">
        <f t="shared" si="250"/>
        <v>1.019803902718557</v>
      </c>
      <c r="WQE7" s="9">
        <f t="shared" si="250"/>
        <v>1.019803902718557</v>
      </c>
      <c r="WQF7" s="9">
        <f t="shared" si="250"/>
        <v>1.019803902718557</v>
      </c>
      <c r="WQG7" s="9">
        <f t="shared" si="250"/>
        <v>1.019803902718557</v>
      </c>
      <c r="WQH7" s="9">
        <f t="shared" si="250"/>
        <v>1.019803902718557</v>
      </c>
      <c r="WQI7" s="9">
        <f t="shared" si="250"/>
        <v>1.019803902718557</v>
      </c>
      <c r="WQJ7" s="9">
        <f t="shared" si="250"/>
        <v>1.019803902718557</v>
      </c>
      <c r="WQK7" s="9">
        <f t="shared" si="250"/>
        <v>1.019803902718557</v>
      </c>
      <c r="WQL7" s="9">
        <f t="shared" si="250"/>
        <v>1.019803902718557</v>
      </c>
      <c r="WQM7" s="9">
        <f t="shared" si="250"/>
        <v>1.019803902718557</v>
      </c>
      <c r="WQN7" s="9">
        <f t="shared" si="250"/>
        <v>1.019803902718557</v>
      </c>
      <c r="WQO7" s="9">
        <f t="shared" si="250"/>
        <v>1.019803902718557</v>
      </c>
      <c r="WQP7" s="9">
        <f t="shared" si="250"/>
        <v>1.019803902718557</v>
      </c>
      <c r="WQQ7" s="9">
        <f t="shared" si="250"/>
        <v>1.019803902718557</v>
      </c>
      <c r="WQR7" s="9">
        <f t="shared" si="250"/>
        <v>1.019803902718557</v>
      </c>
      <c r="WQS7" s="9">
        <f t="shared" si="250"/>
        <v>1.019803902718557</v>
      </c>
      <c r="WQT7" s="9">
        <f t="shared" ref="WQT7:WTE7" si="251">1/((1+$F$6) ^(WQT3-$F$7))</f>
        <v>1.019803902718557</v>
      </c>
      <c r="WQU7" s="9">
        <f t="shared" si="251"/>
        <v>1.019803902718557</v>
      </c>
      <c r="WQV7" s="9">
        <f t="shared" si="251"/>
        <v>1.019803902718557</v>
      </c>
      <c r="WQW7" s="9">
        <f t="shared" si="251"/>
        <v>1.019803902718557</v>
      </c>
      <c r="WQX7" s="9">
        <f t="shared" si="251"/>
        <v>1.019803902718557</v>
      </c>
      <c r="WQY7" s="9">
        <f t="shared" si="251"/>
        <v>1.019803902718557</v>
      </c>
      <c r="WQZ7" s="9">
        <f t="shared" si="251"/>
        <v>1.019803902718557</v>
      </c>
      <c r="WRA7" s="9">
        <f t="shared" si="251"/>
        <v>1.019803902718557</v>
      </c>
      <c r="WRB7" s="9">
        <f t="shared" si="251"/>
        <v>1.019803902718557</v>
      </c>
      <c r="WRC7" s="9">
        <f t="shared" si="251"/>
        <v>1.019803902718557</v>
      </c>
      <c r="WRD7" s="9">
        <f t="shared" si="251"/>
        <v>1.019803902718557</v>
      </c>
      <c r="WRE7" s="9">
        <f t="shared" si="251"/>
        <v>1.019803902718557</v>
      </c>
      <c r="WRF7" s="9">
        <f t="shared" si="251"/>
        <v>1.019803902718557</v>
      </c>
      <c r="WRG7" s="9">
        <f t="shared" si="251"/>
        <v>1.019803902718557</v>
      </c>
      <c r="WRH7" s="9">
        <f t="shared" si="251"/>
        <v>1.019803902718557</v>
      </c>
      <c r="WRI7" s="9">
        <f t="shared" si="251"/>
        <v>1.019803902718557</v>
      </c>
      <c r="WRJ7" s="9">
        <f t="shared" si="251"/>
        <v>1.019803902718557</v>
      </c>
      <c r="WRK7" s="9">
        <f t="shared" si="251"/>
        <v>1.019803902718557</v>
      </c>
      <c r="WRL7" s="9">
        <f t="shared" si="251"/>
        <v>1.019803902718557</v>
      </c>
      <c r="WRM7" s="9">
        <f t="shared" si="251"/>
        <v>1.019803902718557</v>
      </c>
      <c r="WRN7" s="9">
        <f t="shared" si="251"/>
        <v>1.019803902718557</v>
      </c>
      <c r="WRO7" s="9">
        <f t="shared" si="251"/>
        <v>1.019803902718557</v>
      </c>
      <c r="WRP7" s="9">
        <f t="shared" si="251"/>
        <v>1.019803902718557</v>
      </c>
      <c r="WRQ7" s="9">
        <f t="shared" si="251"/>
        <v>1.019803902718557</v>
      </c>
      <c r="WRR7" s="9">
        <f t="shared" si="251"/>
        <v>1.019803902718557</v>
      </c>
      <c r="WRS7" s="9">
        <f t="shared" si="251"/>
        <v>1.019803902718557</v>
      </c>
      <c r="WRT7" s="9">
        <f t="shared" si="251"/>
        <v>1.019803902718557</v>
      </c>
      <c r="WRU7" s="9">
        <f t="shared" si="251"/>
        <v>1.019803902718557</v>
      </c>
      <c r="WRV7" s="9">
        <f t="shared" si="251"/>
        <v>1.019803902718557</v>
      </c>
      <c r="WRW7" s="9">
        <f t="shared" si="251"/>
        <v>1.019803902718557</v>
      </c>
      <c r="WRX7" s="9">
        <f t="shared" si="251"/>
        <v>1.019803902718557</v>
      </c>
      <c r="WRY7" s="9">
        <f t="shared" si="251"/>
        <v>1.019803902718557</v>
      </c>
      <c r="WRZ7" s="9">
        <f t="shared" si="251"/>
        <v>1.019803902718557</v>
      </c>
      <c r="WSA7" s="9">
        <f t="shared" si="251"/>
        <v>1.019803902718557</v>
      </c>
      <c r="WSB7" s="9">
        <f t="shared" si="251"/>
        <v>1.019803902718557</v>
      </c>
      <c r="WSC7" s="9">
        <f t="shared" si="251"/>
        <v>1.019803902718557</v>
      </c>
      <c r="WSD7" s="9">
        <f t="shared" si="251"/>
        <v>1.019803902718557</v>
      </c>
      <c r="WSE7" s="9">
        <f t="shared" si="251"/>
        <v>1.019803902718557</v>
      </c>
      <c r="WSF7" s="9">
        <f t="shared" si="251"/>
        <v>1.019803902718557</v>
      </c>
      <c r="WSG7" s="9">
        <f t="shared" si="251"/>
        <v>1.019803902718557</v>
      </c>
      <c r="WSH7" s="9">
        <f t="shared" si="251"/>
        <v>1.019803902718557</v>
      </c>
      <c r="WSI7" s="9">
        <f t="shared" si="251"/>
        <v>1.019803902718557</v>
      </c>
      <c r="WSJ7" s="9">
        <f t="shared" si="251"/>
        <v>1.019803902718557</v>
      </c>
      <c r="WSK7" s="9">
        <f t="shared" si="251"/>
        <v>1.019803902718557</v>
      </c>
      <c r="WSL7" s="9">
        <f t="shared" si="251"/>
        <v>1.019803902718557</v>
      </c>
      <c r="WSM7" s="9">
        <f t="shared" si="251"/>
        <v>1.019803902718557</v>
      </c>
      <c r="WSN7" s="9">
        <f t="shared" si="251"/>
        <v>1.019803902718557</v>
      </c>
      <c r="WSO7" s="9">
        <f t="shared" si="251"/>
        <v>1.019803902718557</v>
      </c>
      <c r="WSP7" s="9">
        <f t="shared" si="251"/>
        <v>1.019803902718557</v>
      </c>
      <c r="WSQ7" s="9">
        <f t="shared" si="251"/>
        <v>1.019803902718557</v>
      </c>
      <c r="WSR7" s="9">
        <f t="shared" si="251"/>
        <v>1.019803902718557</v>
      </c>
      <c r="WSS7" s="9">
        <f t="shared" si="251"/>
        <v>1.019803902718557</v>
      </c>
      <c r="WST7" s="9">
        <f t="shared" si="251"/>
        <v>1.019803902718557</v>
      </c>
      <c r="WSU7" s="9">
        <f t="shared" si="251"/>
        <v>1.019803902718557</v>
      </c>
      <c r="WSV7" s="9">
        <f t="shared" si="251"/>
        <v>1.019803902718557</v>
      </c>
      <c r="WSW7" s="9">
        <f t="shared" si="251"/>
        <v>1.019803902718557</v>
      </c>
      <c r="WSX7" s="9">
        <f t="shared" si="251"/>
        <v>1.019803902718557</v>
      </c>
      <c r="WSY7" s="9">
        <f t="shared" si="251"/>
        <v>1.019803902718557</v>
      </c>
      <c r="WSZ7" s="9">
        <f t="shared" si="251"/>
        <v>1.019803902718557</v>
      </c>
      <c r="WTA7" s="9">
        <f t="shared" si="251"/>
        <v>1.019803902718557</v>
      </c>
      <c r="WTB7" s="9">
        <f t="shared" si="251"/>
        <v>1.019803902718557</v>
      </c>
      <c r="WTC7" s="9">
        <f t="shared" si="251"/>
        <v>1.019803902718557</v>
      </c>
      <c r="WTD7" s="9">
        <f t="shared" si="251"/>
        <v>1.019803902718557</v>
      </c>
      <c r="WTE7" s="9">
        <f t="shared" si="251"/>
        <v>1.019803902718557</v>
      </c>
      <c r="WTF7" s="9">
        <f t="shared" ref="WTF7:WVQ7" si="252">1/((1+$F$6) ^(WTF3-$F$7))</f>
        <v>1.019803902718557</v>
      </c>
      <c r="WTG7" s="9">
        <f t="shared" si="252"/>
        <v>1.019803902718557</v>
      </c>
      <c r="WTH7" s="9">
        <f t="shared" si="252"/>
        <v>1.019803902718557</v>
      </c>
      <c r="WTI7" s="9">
        <f t="shared" si="252"/>
        <v>1.019803902718557</v>
      </c>
      <c r="WTJ7" s="9">
        <f t="shared" si="252"/>
        <v>1.019803902718557</v>
      </c>
      <c r="WTK7" s="9">
        <f t="shared" si="252"/>
        <v>1.019803902718557</v>
      </c>
      <c r="WTL7" s="9">
        <f t="shared" si="252"/>
        <v>1.019803902718557</v>
      </c>
      <c r="WTM7" s="9">
        <f t="shared" si="252"/>
        <v>1.019803902718557</v>
      </c>
      <c r="WTN7" s="9">
        <f t="shared" si="252"/>
        <v>1.019803902718557</v>
      </c>
      <c r="WTO7" s="9">
        <f t="shared" si="252"/>
        <v>1.019803902718557</v>
      </c>
      <c r="WTP7" s="9">
        <f t="shared" si="252"/>
        <v>1.019803902718557</v>
      </c>
      <c r="WTQ7" s="9">
        <f t="shared" si="252"/>
        <v>1.019803902718557</v>
      </c>
      <c r="WTR7" s="9">
        <f t="shared" si="252"/>
        <v>1.019803902718557</v>
      </c>
      <c r="WTS7" s="9">
        <f t="shared" si="252"/>
        <v>1.019803902718557</v>
      </c>
      <c r="WTT7" s="9">
        <f t="shared" si="252"/>
        <v>1.019803902718557</v>
      </c>
      <c r="WTU7" s="9">
        <f t="shared" si="252"/>
        <v>1.019803902718557</v>
      </c>
      <c r="WTV7" s="9">
        <f t="shared" si="252"/>
        <v>1.019803902718557</v>
      </c>
      <c r="WTW7" s="9">
        <f t="shared" si="252"/>
        <v>1.019803902718557</v>
      </c>
      <c r="WTX7" s="9">
        <f t="shared" si="252"/>
        <v>1.019803902718557</v>
      </c>
      <c r="WTY7" s="9">
        <f t="shared" si="252"/>
        <v>1.019803902718557</v>
      </c>
      <c r="WTZ7" s="9">
        <f t="shared" si="252"/>
        <v>1.019803902718557</v>
      </c>
      <c r="WUA7" s="9">
        <f t="shared" si="252"/>
        <v>1.019803902718557</v>
      </c>
      <c r="WUB7" s="9">
        <f t="shared" si="252"/>
        <v>1.019803902718557</v>
      </c>
      <c r="WUC7" s="9">
        <f t="shared" si="252"/>
        <v>1.019803902718557</v>
      </c>
      <c r="WUD7" s="9">
        <f t="shared" si="252"/>
        <v>1.019803902718557</v>
      </c>
      <c r="WUE7" s="9">
        <f t="shared" si="252"/>
        <v>1.019803902718557</v>
      </c>
      <c r="WUF7" s="9">
        <f t="shared" si="252"/>
        <v>1.019803902718557</v>
      </c>
      <c r="WUG7" s="9">
        <f t="shared" si="252"/>
        <v>1.019803902718557</v>
      </c>
      <c r="WUH7" s="9">
        <f t="shared" si="252"/>
        <v>1.019803902718557</v>
      </c>
      <c r="WUI7" s="9">
        <f t="shared" si="252"/>
        <v>1.019803902718557</v>
      </c>
      <c r="WUJ7" s="9">
        <f t="shared" si="252"/>
        <v>1.019803902718557</v>
      </c>
      <c r="WUK7" s="9">
        <f t="shared" si="252"/>
        <v>1.019803902718557</v>
      </c>
      <c r="WUL7" s="9">
        <f t="shared" si="252"/>
        <v>1.019803902718557</v>
      </c>
      <c r="WUM7" s="9">
        <f t="shared" si="252"/>
        <v>1.019803902718557</v>
      </c>
      <c r="WUN7" s="9">
        <f t="shared" si="252"/>
        <v>1.019803902718557</v>
      </c>
      <c r="WUO7" s="9">
        <f t="shared" si="252"/>
        <v>1.019803902718557</v>
      </c>
      <c r="WUP7" s="9">
        <f t="shared" si="252"/>
        <v>1.019803902718557</v>
      </c>
      <c r="WUQ7" s="9">
        <f t="shared" si="252"/>
        <v>1.019803902718557</v>
      </c>
      <c r="WUR7" s="9">
        <f t="shared" si="252"/>
        <v>1.019803902718557</v>
      </c>
      <c r="WUS7" s="9">
        <f t="shared" si="252"/>
        <v>1.019803902718557</v>
      </c>
      <c r="WUT7" s="9">
        <f t="shared" si="252"/>
        <v>1.019803902718557</v>
      </c>
      <c r="WUU7" s="9">
        <f t="shared" si="252"/>
        <v>1.019803902718557</v>
      </c>
      <c r="WUV7" s="9">
        <f t="shared" si="252"/>
        <v>1.019803902718557</v>
      </c>
      <c r="WUW7" s="9">
        <f t="shared" si="252"/>
        <v>1.019803902718557</v>
      </c>
      <c r="WUX7" s="9">
        <f t="shared" si="252"/>
        <v>1.019803902718557</v>
      </c>
      <c r="WUY7" s="9">
        <f t="shared" si="252"/>
        <v>1.019803902718557</v>
      </c>
      <c r="WUZ7" s="9">
        <f t="shared" si="252"/>
        <v>1.019803902718557</v>
      </c>
      <c r="WVA7" s="9">
        <f t="shared" si="252"/>
        <v>1.019803902718557</v>
      </c>
      <c r="WVB7" s="9">
        <f t="shared" si="252"/>
        <v>1.019803902718557</v>
      </c>
      <c r="WVC7" s="9">
        <f t="shared" si="252"/>
        <v>1.019803902718557</v>
      </c>
      <c r="WVD7" s="9">
        <f t="shared" si="252"/>
        <v>1.019803902718557</v>
      </c>
      <c r="WVE7" s="9">
        <f t="shared" si="252"/>
        <v>1.019803902718557</v>
      </c>
      <c r="WVF7" s="9">
        <f t="shared" si="252"/>
        <v>1.019803902718557</v>
      </c>
      <c r="WVG7" s="9">
        <f t="shared" si="252"/>
        <v>1.019803902718557</v>
      </c>
      <c r="WVH7" s="9">
        <f t="shared" si="252"/>
        <v>1.019803902718557</v>
      </c>
      <c r="WVI7" s="9">
        <f t="shared" si="252"/>
        <v>1.019803902718557</v>
      </c>
      <c r="WVJ7" s="9">
        <f t="shared" si="252"/>
        <v>1.019803902718557</v>
      </c>
      <c r="WVK7" s="9">
        <f t="shared" si="252"/>
        <v>1.019803902718557</v>
      </c>
      <c r="WVL7" s="9">
        <f t="shared" si="252"/>
        <v>1.019803902718557</v>
      </c>
      <c r="WVM7" s="9">
        <f t="shared" si="252"/>
        <v>1.019803902718557</v>
      </c>
      <c r="WVN7" s="9">
        <f t="shared" si="252"/>
        <v>1.019803902718557</v>
      </c>
      <c r="WVO7" s="9">
        <f t="shared" si="252"/>
        <v>1.019803902718557</v>
      </c>
      <c r="WVP7" s="9">
        <f t="shared" si="252"/>
        <v>1.019803902718557</v>
      </c>
      <c r="WVQ7" s="9">
        <f t="shared" si="252"/>
        <v>1.019803902718557</v>
      </c>
      <c r="WVR7" s="9">
        <f t="shared" ref="WVR7:WYC7" si="253">1/((1+$F$6) ^(WVR3-$F$7))</f>
        <v>1.019803902718557</v>
      </c>
      <c r="WVS7" s="9">
        <f t="shared" si="253"/>
        <v>1.019803902718557</v>
      </c>
      <c r="WVT7" s="9">
        <f t="shared" si="253"/>
        <v>1.019803902718557</v>
      </c>
      <c r="WVU7" s="9">
        <f t="shared" si="253"/>
        <v>1.019803902718557</v>
      </c>
      <c r="WVV7" s="9">
        <f t="shared" si="253"/>
        <v>1.019803902718557</v>
      </c>
      <c r="WVW7" s="9">
        <f t="shared" si="253"/>
        <v>1.019803902718557</v>
      </c>
      <c r="WVX7" s="9">
        <f t="shared" si="253"/>
        <v>1.019803902718557</v>
      </c>
      <c r="WVY7" s="9">
        <f t="shared" si="253"/>
        <v>1.019803902718557</v>
      </c>
      <c r="WVZ7" s="9">
        <f t="shared" si="253"/>
        <v>1.019803902718557</v>
      </c>
      <c r="WWA7" s="9">
        <f t="shared" si="253"/>
        <v>1.019803902718557</v>
      </c>
      <c r="WWB7" s="9">
        <f t="shared" si="253"/>
        <v>1.019803902718557</v>
      </c>
      <c r="WWC7" s="9">
        <f t="shared" si="253"/>
        <v>1.019803902718557</v>
      </c>
      <c r="WWD7" s="9">
        <f t="shared" si="253"/>
        <v>1.019803902718557</v>
      </c>
      <c r="WWE7" s="9">
        <f t="shared" si="253"/>
        <v>1.019803902718557</v>
      </c>
      <c r="WWF7" s="9">
        <f t="shared" si="253"/>
        <v>1.019803902718557</v>
      </c>
      <c r="WWG7" s="9">
        <f t="shared" si="253"/>
        <v>1.019803902718557</v>
      </c>
      <c r="WWH7" s="9">
        <f t="shared" si="253"/>
        <v>1.019803902718557</v>
      </c>
      <c r="WWI7" s="9">
        <f t="shared" si="253"/>
        <v>1.019803902718557</v>
      </c>
      <c r="WWJ7" s="9">
        <f t="shared" si="253"/>
        <v>1.019803902718557</v>
      </c>
      <c r="WWK7" s="9">
        <f t="shared" si="253"/>
        <v>1.019803902718557</v>
      </c>
      <c r="WWL7" s="9">
        <f t="shared" si="253"/>
        <v>1.019803902718557</v>
      </c>
      <c r="WWM7" s="9">
        <f t="shared" si="253"/>
        <v>1.019803902718557</v>
      </c>
      <c r="WWN7" s="9">
        <f t="shared" si="253"/>
        <v>1.019803902718557</v>
      </c>
      <c r="WWO7" s="9">
        <f t="shared" si="253"/>
        <v>1.019803902718557</v>
      </c>
      <c r="WWP7" s="9">
        <f t="shared" si="253"/>
        <v>1.019803902718557</v>
      </c>
      <c r="WWQ7" s="9">
        <f t="shared" si="253"/>
        <v>1.019803902718557</v>
      </c>
      <c r="WWR7" s="9">
        <f t="shared" si="253"/>
        <v>1.019803902718557</v>
      </c>
      <c r="WWS7" s="9">
        <f t="shared" si="253"/>
        <v>1.019803902718557</v>
      </c>
      <c r="WWT7" s="9">
        <f t="shared" si="253"/>
        <v>1.019803902718557</v>
      </c>
      <c r="WWU7" s="9">
        <f t="shared" si="253"/>
        <v>1.019803902718557</v>
      </c>
      <c r="WWV7" s="9">
        <f t="shared" si="253"/>
        <v>1.019803902718557</v>
      </c>
      <c r="WWW7" s="9">
        <f t="shared" si="253"/>
        <v>1.019803902718557</v>
      </c>
      <c r="WWX7" s="9">
        <f t="shared" si="253"/>
        <v>1.019803902718557</v>
      </c>
      <c r="WWY7" s="9">
        <f t="shared" si="253"/>
        <v>1.019803902718557</v>
      </c>
      <c r="WWZ7" s="9">
        <f t="shared" si="253"/>
        <v>1.019803902718557</v>
      </c>
      <c r="WXA7" s="9">
        <f t="shared" si="253"/>
        <v>1.019803902718557</v>
      </c>
      <c r="WXB7" s="9">
        <f t="shared" si="253"/>
        <v>1.019803902718557</v>
      </c>
      <c r="WXC7" s="9">
        <f t="shared" si="253"/>
        <v>1.019803902718557</v>
      </c>
      <c r="WXD7" s="9">
        <f t="shared" si="253"/>
        <v>1.019803902718557</v>
      </c>
      <c r="WXE7" s="9">
        <f t="shared" si="253"/>
        <v>1.019803902718557</v>
      </c>
      <c r="WXF7" s="9">
        <f t="shared" si="253"/>
        <v>1.019803902718557</v>
      </c>
      <c r="WXG7" s="9">
        <f t="shared" si="253"/>
        <v>1.019803902718557</v>
      </c>
      <c r="WXH7" s="9">
        <f t="shared" si="253"/>
        <v>1.019803902718557</v>
      </c>
      <c r="WXI7" s="9">
        <f t="shared" si="253"/>
        <v>1.019803902718557</v>
      </c>
      <c r="WXJ7" s="9">
        <f t="shared" si="253"/>
        <v>1.019803902718557</v>
      </c>
      <c r="WXK7" s="9">
        <f t="shared" si="253"/>
        <v>1.019803902718557</v>
      </c>
      <c r="WXL7" s="9">
        <f t="shared" si="253"/>
        <v>1.019803902718557</v>
      </c>
      <c r="WXM7" s="9">
        <f t="shared" si="253"/>
        <v>1.019803902718557</v>
      </c>
      <c r="WXN7" s="9">
        <f t="shared" si="253"/>
        <v>1.019803902718557</v>
      </c>
      <c r="WXO7" s="9">
        <f t="shared" si="253"/>
        <v>1.019803902718557</v>
      </c>
      <c r="WXP7" s="9">
        <f t="shared" si="253"/>
        <v>1.019803902718557</v>
      </c>
      <c r="WXQ7" s="9">
        <f t="shared" si="253"/>
        <v>1.019803902718557</v>
      </c>
      <c r="WXR7" s="9">
        <f t="shared" si="253"/>
        <v>1.019803902718557</v>
      </c>
      <c r="WXS7" s="9">
        <f t="shared" si="253"/>
        <v>1.019803902718557</v>
      </c>
      <c r="WXT7" s="9">
        <f t="shared" si="253"/>
        <v>1.019803902718557</v>
      </c>
      <c r="WXU7" s="9">
        <f t="shared" si="253"/>
        <v>1.019803902718557</v>
      </c>
      <c r="WXV7" s="9">
        <f t="shared" si="253"/>
        <v>1.019803902718557</v>
      </c>
      <c r="WXW7" s="9">
        <f t="shared" si="253"/>
        <v>1.019803902718557</v>
      </c>
      <c r="WXX7" s="9">
        <f t="shared" si="253"/>
        <v>1.019803902718557</v>
      </c>
      <c r="WXY7" s="9">
        <f t="shared" si="253"/>
        <v>1.019803902718557</v>
      </c>
      <c r="WXZ7" s="9">
        <f t="shared" si="253"/>
        <v>1.019803902718557</v>
      </c>
      <c r="WYA7" s="9">
        <f t="shared" si="253"/>
        <v>1.019803902718557</v>
      </c>
      <c r="WYB7" s="9">
        <f t="shared" si="253"/>
        <v>1.019803902718557</v>
      </c>
      <c r="WYC7" s="9">
        <f t="shared" si="253"/>
        <v>1.019803902718557</v>
      </c>
      <c r="WYD7" s="9">
        <f t="shared" ref="WYD7:XAO7" si="254">1/((1+$F$6) ^(WYD3-$F$7))</f>
        <v>1.019803902718557</v>
      </c>
      <c r="WYE7" s="9">
        <f t="shared" si="254"/>
        <v>1.019803902718557</v>
      </c>
      <c r="WYF7" s="9">
        <f t="shared" si="254"/>
        <v>1.019803902718557</v>
      </c>
      <c r="WYG7" s="9">
        <f t="shared" si="254"/>
        <v>1.019803902718557</v>
      </c>
      <c r="WYH7" s="9">
        <f t="shared" si="254"/>
        <v>1.019803902718557</v>
      </c>
      <c r="WYI7" s="9">
        <f t="shared" si="254"/>
        <v>1.019803902718557</v>
      </c>
      <c r="WYJ7" s="9">
        <f t="shared" si="254"/>
        <v>1.019803902718557</v>
      </c>
      <c r="WYK7" s="9">
        <f t="shared" si="254"/>
        <v>1.019803902718557</v>
      </c>
      <c r="WYL7" s="9">
        <f t="shared" si="254"/>
        <v>1.019803902718557</v>
      </c>
      <c r="WYM7" s="9">
        <f t="shared" si="254"/>
        <v>1.019803902718557</v>
      </c>
      <c r="WYN7" s="9">
        <f t="shared" si="254"/>
        <v>1.019803902718557</v>
      </c>
      <c r="WYO7" s="9">
        <f t="shared" si="254"/>
        <v>1.019803902718557</v>
      </c>
      <c r="WYP7" s="9">
        <f t="shared" si="254"/>
        <v>1.019803902718557</v>
      </c>
      <c r="WYQ7" s="9">
        <f t="shared" si="254"/>
        <v>1.019803902718557</v>
      </c>
      <c r="WYR7" s="9">
        <f t="shared" si="254"/>
        <v>1.019803902718557</v>
      </c>
      <c r="WYS7" s="9">
        <f t="shared" si="254"/>
        <v>1.019803902718557</v>
      </c>
      <c r="WYT7" s="9">
        <f t="shared" si="254"/>
        <v>1.019803902718557</v>
      </c>
      <c r="WYU7" s="9">
        <f t="shared" si="254"/>
        <v>1.019803902718557</v>
      </c>
      <c r="WYV7" s="9">
        <f t="shared" si="254"/>
        <v>1.019803902718557</v>
      </c>
      <c r="WYW7" s="9">
        <f t="shared" si="254"/>
        <v>1.019803902718557</v>
      </c>
      <c r="WYX7" s="9">
        <f t="shared" si="254"/>
        <v>1.019803902718557</v>
      </c>
      <c r="WYY7" s="9">
        <f t="shared" si="254"/>
        <v>1.019803902718557</v>
      </c>
      <c r="WYZ7" s="9">
        <f t="shared" si="254"/>
        <v>1.019803902718557</v>
      </c>
      <c r="WZA7" s="9">
        <f t="shared" si="254"/>
        <v>1.019803902718557</v>
      </c>
      <c r="WZB7" s="9">
        <f t="shared" si="254"/>
        <v>1.019803902718557</v>
      </c>
      <c r="WZC7" s="9">
        <f t="shared" si="254"/>
        <v>1.019803902718557</v>
      </c>
      <c r="WZD7" s="9">
        <f t="shared" si="254"/>
        <v>1.019803902718557</v>
      </c>
      <c r="WZE7" s="9">
        <f t="shared" si="254"/>
        <v>1.019803902718557</v>
      </c>
      <c r="WZF7" s="9">
        <f t="shared" si="254"/>
        <v>1.019803902718557</v>
      </c>
      <c r="WZG7" s="9">
        <f t="shared" si="254"/>
        <v>1.019803902718557</v>
      </c>
      <c r="WZH7" s="9">
        <f t="shared" si="254"/>
        <v>1.019803902718557</v>
      </c>
      <c r="WZI7" s="9">
        <f t="shared" si="254"/>
        <v>1.019803902718557</v>
      </c>
      <c r="WZJ7" s="9">
        <f t="shared" si="254"/>
        <v>1.019803902718557</v>
      </c>
      <c r="WZK7" s="9">
        <f t="shared" si="254"/>
        <v>1.019803902718557</v>
      </c>
      <c r="WZL7" s="9">
        <f t="shared" si="254"/>
        <v>1.019803902718557</v>
      </c>
      <c r="WZM7" s="9">
        <f t="shared" si="254"/>
        <v>1.019803902718557</v>
      </c>
      <c r="WZN7" s="9">
        <f t="shared" si="254"/>
        <v>1.019803902718557</v>
      </c>
      <c r="WZO7" s="9">
        <f t="shared" si="254"/>
        <v>1.019803902718557</v>
      </c>
      <c r="WZP7" s="9">
        <f t="shared" si="254"/>
        <v>1.019803902718557</v>
      </c>
      <c r="WZQ7" s="9">
        <f t="shared" si="254"/>
        <v>1.019803902718557</v>
      </c>
      <c r="WZR7" s="9">
        <f t="shared" si="254"/>
        <v>1.019803902718557</v>
      </c>
      <c r="WZS7" s="9">
        <f t="shared" si="254"/>
        <v>1.019803902718557</v>
      </c>
      <c r="WZT7" s="9">
        <f t="shared" si="254"/>
        <v>1.019803902718557</v>
      </c>
      <c r="WZU7" s="9">
        <f t="shared" si="254"/>
        <v>1.019803902718557</v>
      </c>
      <c r="WZV7" s="9">
        <f t="shared" si="254"/>
        <v>1.019803902718557</v>
      </c>
      <c r="WZW7" s="9">
        <f t="shared" si="254"/>
        <v>1.019803902718557</v>
      </c>
      <c r="WZX7" s="9">
        <f t="shared" si="254"/>
        <v>1.019803902718557</v>
      </c>
      <c r="WZY7" s="9">
        <f t="shared" si="254"/>
        <v>1.019803902718557</v>
      </c>
      <c r="WZZ7" s="9">
        <f t="shared" si="254"/>
        <v>1.019803902718557</v>
      </c>
      <c r="XAA7" s="9">
        <f t="shared" si="254"/>
        <v>1.019803902718557</v>
      </c>
      <c r="XAB7" s="9">
        <f t="shared" si="254"/>
        <v>1.019803902718557</v>
      </c>
      <c r="XAC7" s="9">
        <f t="shared" si="254"/>
        <v>1.019803902718557</v>
      </c>
      <c r="XAD7" s="9">
        <f t="shared" si="254"/>
        <v>1.019803902718557</v>
      </c>
      <c r="XAE7" s="9">
        <f t="shared" si="254"/>
        <v>1.019803902718557</v>
      </c>
      <c r="XAF7" s="9">
        <f t="shared" si="254"/>
        <v>1.019803902718557</v>
      </c>
      <c r="XAG7" s="9">
        <f t="shared" si="254"/>
        <v>1.019803902718557</v>
      </c>
      <c r="XAH7" s="9">
        <f t="shared" si="254"/>
        <v>1.019803902718557</v>
      </c>
      <c r="XAI7" s="9">
        <f t="shared" si="254"/>
        <v>1.019803902718557</v>
      </c>
      <c r="XAJ7" s="9">
        <f t="shared" si="254"/>
        <v>1.019803902718557</v>
      </c>
      <c r="XAK7" s="9">
        <f t="shared" si="254"/>
        <v>1.019803902718557</v>
      </c>
      <c r="XAL7" s="9">
        <f t="shared" si="254"/>
        <v>1.019803902718557</v>
      </c>
      <c r="XAM7" s="9">
        <f t="shared" si="254"/>
        <v>1.019803902718557</v>
      </c>
      <c r="XAN7" s="9">
        <f t="shared" si="254"/>
        <v>1.019803902718557</v>
      </c>
      <c r="XAO7" s="9">
        <f t="shared" si="254"/>
        <v>1.019803902718557</v>
      </c>
      <c r="XAP7" s="9">
        <f t="shared" ref="XAP7:XDA7" si="255">1/((1+$F$6) ^(XAP3-$F$7))</f>
        <v>1.019803902718557</v>
      </c>
      <c r="XAQ7" s="9">
        <f t="shared" si="255"/>
        <v>1.019803902718557</v>
      </c>
      <c r="XAR7" s="9">
        <f t="shared" si="255"/>
        <v>1.019803902718557</v>
      </c>
      <c r="XAS7" s="9">
        <f t="shared" si="255"/>
        <v>1.019803902718557</v>
      </c>
      <c r="XAT7" s="9">
        <f t="shared" si="255"/>
        <v>1.019803902718557</v>
      </c>
      <c r="XAU7" s="9">
        <f t="shared" si="255"/>
        <v>1.019803902718557</v>
      </c>
      <c r="XAV7" s="9">
        <f t="shared" si="255"/>
        <v>1.019803902718557</v>
      </c>
      <c r="XAW7" s="9">
        <f t="shared" si="255"/>
        <v>1.019803902718557</v>
      </c>
      <c r="XAX7" s="9">
        <f t="shared" si="255"/>
        <v>1.019803902718557</v>
      </c>
      <c r="XAY7" s="9">
        <f t="shared" si="255"/>
        <v>1.019803902718557</v>
      </c>
      <c r="XAZ7" s="9">
        <f t="shared" si="255"/>
        <v>1.019803902718557</v>
      </c>
      <c r="XBA7" s="9">
        <f t="shared" si="255"/>
        <v>1.019803902718557</v>
      </c>
      <c r="XBB7" s="9">
        <f t="shared" si="255"/>
        <v>1.019803902718557</v>
      </c>
      <c r="XBC7" s="9">
        <f t="shared" si="255"/>
        <v>1.019803902718557</v>
      </c>
      <c r="XBD7" s="9">
        <f t="shared" si="255"/>
        <v>1.019803902718557</v>
      </c>
      <c r="XBE7" s="9">
        <f t="shared" si="255"/>
        <v>1.019803902718557</v>
      </c>
      <c r="XBF7" s="9">
        <f t="shared" si="255"/>
        <v>1.019803902718557</v>
      </c>
      <c r="XBG7" s="9">
        <f t="shared" si="255"/>
        <v>1.019803902718557</v>
      </c>
      <c r="XBH7" s="9">
        <f t="shared" si="255"/>
        <v>1.019803902718557</v>
      </c>
      <c r="XBI7" s="9">
        <f t="shared" si="255"/>
        <v>1.019803902718557</v>
      </c>
      <c r="XBJ7" s="9">
        <f t="shared" si="255"/>
        <v>1.019803902718557</v>
      </c>
      <c r="XBK7" s="9">
        <f t="shared" si="255"/>
        <v>1.019803902718557</v>
      </c>
      <c r="XBL7" s="9">
        <f t="shared" si="255"/>
        <v>1.019803902718557</v>
      </c>
      <c r="XBM7" s="9">
        <f t="shared" si="255"/>
        <v>1.019803902718557</v>
      </c>
      <c r="XBN7" s="9">
        <f t="shared" si="255"/>
        <v>1.019803902718557</v>
      </c>
      <c r="XBO7" s="9">
        <f t="shared" si="255"/>
        <v>1.019803902718557</v>
      </c>
      <c r="XBP7" s="9">
        <f t="shared" si="255"/>
        <v>1.019803902718557</v>
      </c>
      <c r="XBQ7" s="9">
        <f t="shared" si="255"/>
        <v>1.019803902718557</v>
      </c>
      <c r="XBR7" s="9">
        <f t="shared" si="255"/>
        <v>1.019803902718557</v>
      </c>
      <c r="XBS7" s="9">
        <f t="shared" si="255"/>
        <v>1.019803902718557</v>
      </c>
      <c r="XBT7" s="9">
        <f t="shared" si="255"/>
        <v>1.019803902718557</v>
      </c>
      <c r="XBU7" s="9">
        <f t="shared" si="255"/>
        <v>1.019803902718557</v>
      </c>
      <c r="XBV7" s="9">
        <f t="shared" si="255"/>
        <v>1.019803902718557</v>
      </c>
      <c r="XBW7" s="9">
        <f t="shared" si="255"/>
        <v>1.019803902718557</v>
      </c>
      <c r="XBX7" s="9">
        <f t="shared" si="255"/>
        <v>1.019803902718557</v>
      </c>
      <c r="XBY7" s="9">
        <f t="shared" si="255"/>
        <v>1.019803902718557</v>
      </c>
      <c r="XBZ7" s="9">
        <f t="shared" si="255"/>
        <v>1.019803902718557</v>
      </c>
      <c r="XCA7" s="9">
        <f t="shared" si="255"/>
        <v>1.019803902718557</v>
      </c>
      <c r="XCB7" s="9">
        <f t="shared" si="255"/>
        <v>1.019803902718557</v>
      </c>
      <c r="XCC7" s="9">
        <f t="shared" si="255"/>
        <v>1.019803902718557</v>
      </c>
      <c r="XCD7" s="9">
        <f t="shared" si="255"/>
        <v>1.019803902718557</v>
      </c>
      <c r="XCE7" s="9">
        <f t="shared" si="255"/>
        <v>1.019803902718557</v>
      </c>
      <c r="XCF7" s="9">
        <f t="shared" si="255"/>
        <v>1.019803902718557</v>
      </c>
      <c r="XCG7" s="9">
        <f t="shared" si="255"/>
        <v>1.019803902718557</v>
      </c>
      <c r="XCH7" s="9">
        <f t="shared" si="255"/>
        <v>1.019803902718557</v>
      </c>
      <c r="XCI7" s="9">
        <f t="shared" si="255"/>
        <v>1.019803902718557</v>
      </c>
      <c r="XCJ7" s="9">
        <f t="shared" si="255"/>
        <v>1.019803902718557</v>
      </c>
      <c r="XCK7" s="9">
        <f t="shared" si="255"/>
        <v>1.019803902718557</v>
      </c>
      <c r="XCL7" s="9">
        <f t="shared" si="255"/>
        <v>1.019803902718557</v>
      </c>
      <c r="XCM7" s="9">
        <f t="shared" si="255"/>
        <v>1.019803902718557</v>
      </c>
      <c r="XCN7" s="9">
        <f t="shared" si="255"/>
        <v>1.019803902718557</v>
      </c>
      <c r="XCO7" s="9">
        <f t="shared" si="255"/>
        <v>1.019803902718557</v>
      </c>
      <c r="XCP7" s="9">
        <f t="shared" si="255"/>
        <v>1.019803902718557</v>
      </c>
      <c r="XCQ7" s="9">
        <f t="shared" si="255"/>
        <v>1.019803902718557</v>
      </c>
      <c r="XCR7" s="9">
        <f t="shared" si="255"/>
        <v>1.019803902718557</v>
      </c>
      <c r="XCS7" s="9">
        <f t="shared" si="255"/>
        <v>1.019803902718557</v>
      </c>
      <c r="XCT7" s="9">
        <f t="shared" si="255"/>
        <v>1.019803902718557</v>
      </c>
      <c r="XCU7" s="9">
        <f t="shared" si="255"/>
        <v>1.019803902718557</v>
      </c>
      <c r="XCV7" s="9">
        <f t="shared" si="255"/>
        <v>1.019803902718557</v>
      </c>
      <c r="XCW7" s="9">
        <f t="shared" si="255"/>
        <v>1.019803902718557</v>
      </c>
      <c r="XCX7" s="9">
        <f t="shared" si="255"/>
        <v>1.019803902718557</v>
      </c>
      <c r="XCY7" s="9">
        <f t="shared" si="255"/>
        <v>1.019803902718557</v>
      </c>
      <c r="XCZ7" s="9">
        <f t="shared" si="255"/>
        <v>1.019803902718557</v>
      </c>
      <c r="XDA7" s="9">
        <f t="shared" si="255"/>
        <v>1.019803902718557</v>
      </c>
      <c r="XDB7" s="9">
        <f t="shared" ref="XDB7:XFD7" si="256">1/((1+$F$6) ^(XDB3-$F$7))</f>
        <v>1.019803902718557</v>
      </c>
      <c r="XDC7" s="9">
        <f t="shared" si="256"/>
        <v>1.019803902718557</v>
      </c>
      <c r="XDD7" s="9">
        <f t="shared" si="256"/>
        <v>1.019803902718557</v>
      </c>
      <c r="XDE7" s="9">
        <f t="shared" si="256"/>
        <v>1.019803902718557</v>
      </c>
      <c r="XDF7" s="9">
        <f t="shared" si="256"/>
        <v>1.019803902718557</v>
      </c>
      <c r="XDG7" s="9">
        <f t="shared" si="256"/>
        <v>1.019803902718557</v>
      </c>
      <c r="XDH7" s="9">
        <f t="shared" si="256"/>
        <v>1.019803902718557</v>
      </c>
      <c r="XDI7" s="9">
        <f t="shared" si="256"/>
        <v>1.019803902718557</v>
      </c>
      <c r="XDJ7" s="9">
        <f t="shared" si="256"/>
        <v>1.019803902718557</v>
      </c>
      <c r="XDK7" s="9">
        <f t="shared" si="256"/>
        <v>1.019803902718557</v>
      </c>
      <c r="XDL7" s="9">
        <f t="shared" si="256"/>
        <v>1.019803902718557</v>
      </c>
      <c r="XDM7" s="9">
        <f t="shared" si="256"/>
        <v>1.019803902718557</v>
      </c>
      <c r="XDN7" s="9">
        <f t="shared" si="256"/>
        <v>1.019803902718557</v>
      </c>
      <c r="XDO7" s="9">
        <f t="shared" si="256"/>
        <v>1.019803902718557</v>
      </c>
      <c r="XDP7" s="9">
        <f t="shared" si="256"/>
        <v>1.019803902718557</v>
      </c>
      <c r="XDQ7" s="9">
        <f t="shared" si="256"/>
        <v>1.019803902718557</v>
      </c>
      <c r="XDR7" s="9">
        <f t="shared" si="256"/>
        <v>1.019803902718557</v>
      </c>
      <c r="XDS7" s="9">
        <f t="shared" si="256"/>
        <v>1.019803902718557</v>
      </c>
      <c r="XDT7" s="9">
        <f t="shared" si="256"/>
        <v>1.019803902718557</v>
      </c>
      <c r="XDU7" s="9">
        <f t="shared" si="256"/>
        <v>1.019803902718557</v>
      </c>
      <c r="XDV7" s="9">
        <f t="shared" si="256"/>
        <v>1.019803902718557</v>
      </c>
      <c r="XDW7" s="9">
        <f t="shared" si="256"/>
        <v>1.019803902718557</v>
      </c>
      <c r="XDX7" s="9">
        <f t="shared" si="256"/>
        <v>1.019803902718557</v>
      </c>
      <c r="XDY7" s="9">
        <f t="shared" si="256"/>
        <v>1.019803902718557</v>
      </c>
      <c r="XDZ7" s="9">
        <f t="shared" si="256"/>
        <v>1.019803902718557</v>
      </c>
      <c r="XEA7" s="9">
        <f t="shared" si="256"/>
        <v>1.019803902718557</v>
      </c>
      <c r="XEB7" s="9">
        <f t="shared" si="256"/>
        <v>1.019803902718557</v>
      </c>
      <c r="XEC7" s="9">
        <f t="shared" si="256"/>
        <v>1.019803902718557</v>
      </c>
      <c r="XED7" s="9">
        <f t="shared" si="256"/>
        <v>1.019803902718557</v>
      </c>
      <c r="XEE7" s="9">
        <f t="shared" si="256"/>
        <v>1.019803902718557</v>
      </c>
      <c r="XEF7" s="9">
        <f t="shared" si="256"/>
        <v>1.019803902718557</v>
      </c>
      <c r="XEG7" s="9">
        <f t="shared" si="256"/>
        <v>1.019803902718557</v>
      </c>
      <c r="XEH7" s="9">
        <f t="shared" si="256"/>
        <v>1.019803902718557</v>
      </c>
      <c r="XEI7" s="9">
        <f t="shared" si="256"/>
        <v>1.019803902718557</v>
      </c>
      <c r="XEJ7" s="9">
        <f t="shared" si="256"/>
        <v>1.019803902718557</v>
      </c>
      <c r="XEK7" s="9">
        <f t="shared" si="256"/>
        <v>1.019803902718557</v>
      </c>
      <c r="XEL7" s="9">
        <f t="shared" si="256"/>
        <v>1.019803902718557</v>
      </c>
      <c r="XEM7" s="9">
        <f t="shared" si="256"/>
        <v>1.019803902718557</v>
      </c>
      <c r="XEN7" s="9">
        <f t="shared" si="256"/>
        <v>1.019803902718557</v>
      </c>
      <c r="XEO7" s="9">
        <f t="shared" si="256"/>
        <v>1.019803902718557</v>
      </c>
      <c r="XEP7" s="9">
        <f t="shared" si="256"/>
        <v>1.019803902718557</v>
      </c>
      <c r="XEQ7" s="9">
        <f t="shared" si="256"/>
        <v>1.019803902718557</v>
      </c>
      <c r="XER7" s="9">
        <f t="shared" si="256"/>
        <v>1.019803902718557</v>
      </c>
      <c r="XES7" s="9">
        <f t="shared" si="256"/>
        <v>1.019803902718557</v>
      </c>
      <c r="XET7" s="9">
        <f t="shared" si="256"/>
        <v>1.019803902718557</v>
      </c>
      <c r="XEU7" s="9">
        <f t="shared" si="256"/>
        <v>1.019803902718557</v>
      </c>
      <c r="XEV7" s="9">
        <f t="shared" si="256"/>
        <v>1.019803902718557</v>
      </c>
      <c r="XEW7" s="9">
        <f t="shared" si="256"/>
        <v>1.019803902718557</v>
      </c>
      <c r="XEX7" s="9">
        <f t="shared" si="256"/>
        <v>1.019803902718557</v>
      </c>
      <c r="XEY7" s="9">
        <f t="shared" si="256"/>
        <v>1.019803902718557</v>
      </c>
      <c r="XEZ7" s="9">
        <f t="shared" si="256"/>
        <v>1.019803902718557</v>
      </c>
      <c r="XFA7" s="9">
        <f t="shared" si="256"/>
        <v>1.019803902718557</v>
      </c>
      <c r="XFB7" s="9">
        <f t="shared" si="256"/>
        <v>1.019803902718557</v>
      </c>
      <c r="XFC7" s="9">
        <f t="shared" si="256"/>
        <v>1.019803902718557</v>
      </c>
      <c r="XFD7" s="9">
        <f t="shared" si="256"/>
        <v>1.019803902718557</v>
      </c>
    </row>
    <row r="8" spans="4:16384">
      <c r="E8" s="15"/>
      <c r="F8" s="9"/>
      <c r="J8" s="9"/>
      <c r="K8" s="9"/>
      <c r="L8" s="9"/>
      <c r="M8" s="9"/>
      <c r="N8" s="9"/>
      <c r="O8" s="9"/>
      <c r="P8" s="9"/>
      <c r="Q8" s="9"/>
      <c r="R8" s="9"/>
      <c r="S8" s="9"/>
      <c r="T8" s="9"/>
      <c r="U8" s="9"/>
      <c r="V8" s="9"/>
      <c r="W8" s="9"/>
      <c r="X8" s="9"/>
      <c r="Y8" s="9"/>
      <c r="Z8" s="9"/>
      <c r="AA8" s="9"/>
      <c r="AB8" s="9"/>
      <c r="AC8" s="9"/>
      <c r="AD8" s="9"/>
      <c r="AE8" s="9"/>
      <c r="AF8" s="9"/>
      <c r="AG8" s="9"/>
      <c r="AH8" s="9"/>
      <c r="AI8" s="9"/>
      <c r="AJ8" s="9"/>
      <c r="AK8" s="9"/>
      <c r="AL8" s="9"/>
      <c r="AM8" s="9"/>
      <c r="AN8" s="9"/>
      <c r="AO8" s="9"/>
      <c r="AP8" s="9"/>
      <c r="AQ8" s="9"/>
      <c r="AR8" s="9"/>
      <c r="AS8" s="9"/>
      <c r="AT8" s="9"/>
      <c r="AU8" s="9"/>
      <c r="AV8" s="9"/>
      <c r="AW8" s="9"/>
    </row>
    <row r="9" spans="4:16384">
      <c r="E9" s="15"/>
      <c r="F9" s="9"/>
      <c r="J9" s="9"/>
      <c r="K9" s="9"/>
      <c r="L9" s="9"/>
      <c r="M9" s="9"/>
      <c r="N9" s="9"/>
      <c r="O9" s="9"/>
      <c r="P9" s="9"/>
      <c r="Q9" s="9"/>
      <c r="R9" s="9"/>
      <c r="S9" s="9"/>
      <c r="T9" s="9"/>
      <c r="U9" s="9"/>
      <c r="V9" s="9"/>
      <c r="W9" s="9"/>
      <c r="X9" s="9"/>
      <c r="Y9" s="9"/>
      <c r="Z9" s="9"/>
      <c r="AA9" s="9"/>
      <c r="AB9" s="9"/>
      <c r="AC9" s="9"/>
      <c r="AD9" s="9"/>
      <c r="AE9" s="9"/>
      <c r="AF9" s="9"/>
      <c r="AG9" s="9"/>
      <c r="AH9" s="9"/>
      <c r="AI9" s="9"/>
      <c r="AJ9" s="9"/>
      <c r="AK9" s="9"/>
      <c r="AL9" s="9"/>
      <c r="AM9" s="9"/>
      <c r="AN9" s="9"/>
      <c r="AO9" s="9"/>
      <c r="AP9" s="9"/>
      <c r="AQ9" s="9"/>
      <c r="AR9" s="9"/>
      <c r="AS9" s="9"/>
      <c r="AT9" s="9"/>
      <c r="AU9" s="9"/>
      <c r="AV9" s="9"/>
      <c r="AW9" s="9"/>
    </row>
    <row r="10" spans="4:16384">
      <c r="D10" s="16" t="s">
        <v>6</v>
      </c>
    </row>
    <row r="11" spans="4:16384">
      <c r="E11" s="17" t="s">
        <v>11</v>
      </c>
      <c r="F11" s="18"/>
    </row>
    <row r="12" spans="4:16384" s="10" customFormat="1">
      <c r="E12" s="10" t="s">
        <v>7</v>
      </c>
      <c r="F12" s="10" t="s">
        <v>8</v>
      </c>
      <c r="J12" s="10">
        <v>0.23809523809523811</v>
      </c>
      <c r="K12" s="10">
        <f>J12</f>
        <v>0.23809523809523811</v>
      </c>
      <c r="L12" s="10">
        <f t="shared" ref="L12:AA13" si="257">K12</f>
        <v>0.23809523809523811</v>
      </c>
      <c r="M12" s="10">
        <f t="shared" si="257"/>
        <v>0.23809523809523811</v>
      </c>
      <c r="N12" s="10">
        <f t="shared" si="257"/>
        <v>0.23809523809523811</v>
      </c>
      <c r="O12" s="10">
        <f t="shared" si="257"/>
        <v>0.23809523809523811</v>
      </c>
      <c r="P12" s="10">
        <f t="shared" si="257"/>
        <v>0.23809523809523811</v>
      </c>
      <c r="Q12" s="10">
        <f t="shared" si="257"/>
        <v>0.23809523809523811</v>
      </c>
      <c r="R12" s="10">
        <f t="shared" si="257"/>
        <v>0.23809523809523811</v>
      </c>
      <c r="S12" s="10">
        <f t="shared" si="257"/>
        <v>0.23809523809523811</v>
      </c>
      <c r="T12" s="10">
        <f t="shared" si="257"/>
        <v>0.23809523809523811</v>
      </c>
      <c r="U12" s="10">
        <f t="shared" si="257"/>
        <v>0.23809523809523811</v>
      </c>
      <c r="V12" s="10">
        <f t="shared" si="257"/>
        <v>0.23809523809523811</v>
      </c>
      <c r="W12" s="10">
        <f t="shared" si="257"/>
        <v>0.23809523809523811</v>
      </c>
      <c r="X12" s="10">
        <f t="shared" si="257"/>
        <v>0.23809523809523811</v>
      </c>
      <c r="Y12" s="10">
        <f t="shared" si="257"/>
        <v>0.23809523809523811</v>
      </c>
      <c r="Z12" s="10">
        <f t="shared" si="257"/>
        <v>0.23809523809523811</v>
      </c>
      <c r="AA12" s="10">
        <f t="shared" si="257"/>
        <v>0.23809523809523811</v>
      </c>
      <c r="AB12" s="10">
        <f t="shared" ref="AB12:AQ13" si="258">AA12</f>
        <v>0.23809523809523811</v>
      </c>
      <c r="AC12" s="10">
        <f t="shared" si="258"/>
        <v>0.23809523809523811</v>
      </c>
      <c r="AD12" s="10">
        <f t="shared" si="258"/>
        <v>0.23809523809523811</v>
      </c>
      <c r="AE12" s="10">
        <f t="shared" si="258"/>
        <v>0.23809523809523811</v>
      </c>
      <c r="AF12" s="10">
        <f t="shared" si="258"/>
        <v>0.23809523809523811</v>
      </c>
      <c r="AG12" s="10">
        <f t="shared" si="258"/>
        <v>0.23809523809523811</v>
      </c>
      <c r="AH12" s="10">
        <f t="shared" si="258"/>
        <v>0.23809523809523811</v>
      </c>
      <c r="AI12" s="10">
        <f t="shared" si="258"/>
        <v>0.23809523809523811</v>
      </c>
      <c r="AJ12" s="10">
        <f t="shared" si="258"/>
        <v>0.23809523809523811</v>
      </c>
      <c r="AK12" s="10">
        <f t="shared" si="258"/>
        <v>0.23809523809523811</v>
      </c>
      <c r="AL12" s="10">
        <f t="shared" si="258"/>
        <v>0.23809523809523811</v>
      </c>
      <c r="AM12" s="10">
        <f t="shared" si="258"/>
        <v>0.23809523809523811</v>
      </c>
      <c r="AN12" s="10">
        <f t="shared" si="258"/>
        <v>0.23809523809523811</v>
      </c>
      <c r="AO12" s="10">
        <f t="shared" si="258"/>
        <v>0.23809523809523811</v>
      </c>
      <c r="AP12" s="10">
        <f t="shared" si="258"/>
        <v>0.23809523809523811</v>
      </c>
      <c r="AQ12" s="10">
        <f t="shared" si="258"/>
        <v>0.23809523809523811</v>
      </c>
      <c r="AR12" s="10">
        <f t="shared" ref="AR12:BG14" si="259">AQ12</f>
        <v>0.23809523809523811</v>
      </c>
      <c r="AS12" s="10">
        <f t="shared" si="259"/>
        <v>0.23809523809523811</v>
      </c>
      <c r="AT12" s="10">
        <f t="shared" si="259"/>
        <v>0.23809523809523811</v>
      </c>
      <c r="AU12" s="10">
        <f t="shared" si="259"/>
        <v>0.23809523809523811</v>
      </c>
      <c r="AV12" s="10">
        <f t="shared" si="259"/>
        <v>0.23809523809523811</v>
      </c>
      <c r="AW12" s="10">
        <f t="shared" si="259"/>
        <v>0.23809523809523811</v>
      </c>
      <c r="AX12" s="10">
        <f t="shared" si="259"/>
        <v>0.23809523809523811</v>
      </c>
      <c r="AY12" s="10">
        <f t="shared" si="259"/>
        <v>0.23809523809523811</v>
      </c>
      <c r="AZ12" s="10">
        <f t="shared" si="259"/>
        <v>0.23809523809523811</v>
      </c>
      <c r="BA12" s="10">
        <f t="shared" si="259"/>
        <v>0.23809523809523811</v>
      </c>
      <c r="BB12" s="10">
        <f t="shared" si="259"/>
        <v>0.23809523809523811</v>
      </c>
      <c r="BC12" s="10">
        <f t="shared" si="259"/>
        <v>0.23809523809523811</v>
      </c>
      <c r="BD12" s="10">
        <f t="shared" si="259"/>
        <v>0.23809523809523811</v>
      </c>
      <c r="BE12" s="10">
        <f t="shared" si="259"/>
        <v>0.23809523809523811</v>
      </c>
      <c r="BF12" s="10">
        <f t="shared" si="259"/>
        <v>0.23809523809523811</v>
      </c>
      <c r="BG12" s="10">
        <f t="shared" si="259"/>
        <v>0.23809523809523811</v>
      </c>
      <c r="BH12" s="10">
        <f t="shared" ref="BH12:BQ14" si="260">BG12</f>
        <v>0.23809523809523811</v>
      </c>
      <c r="BI12" s="10">
        <f t="shared" si="260"/>
        <v>0.23809523809523811</v>
      </c>
      <c r="BJ12" s="10">
        <f t="shared" si="260"/>
        <v>0.23809523809523811</v>
      </c>
      <c r="BK12" s="10">
        <f t="shared" si="260"/>
        <v>0.23809523809523811</v>
      </c>
      <c r="BL12" s="10">
        <f t="shared" si="260"/>
        <v>0.23809523809523811</v>
      </c>
      <c r="BM12" s="10">
        <f t="shared" si="260"/>
        <v>0.23809523809523811</v>
      </c>
      <c r="BN12" s="10">
        <f t="shared" si="260"/>
        <v>0.23809523809523811</v>
      </c>
      <c r="BO12" s="10">
        <f t="shared" si="260"/>
        <v>0.23809523809523811</v>
      </c>
      <c r="BP12" s="10">
        <f t="shared" si="260"/>
        <v>0.23809523809523811</v>
      </c>
      <c r="BQ12" s="10">
        <f t="shared" si="260"/>
        <v>0.23809523809523811</v>
      </c>
    </row>
    <row r="13" spans="4:16384" s="10" customFormat="1">
      <c r="E13" s="10" t="s">
        <v>9</v>
      </c>
      <c r="F13" s="10" t="s">
        <v>8</v>
      </c>
      <c r="J13" s="10">
        <v>9.5238095238095247E-2</v>
      </c>
      <c r="K13" s="10">
        <f>J13</f>
        <v>9.5238095238095247E-2</v>
      </c>
      <c r="L13" s="10">
        <f t="shared" si="257"/>
        <v>9.5238095238095247E-2</v>
      </c>
      <c r="M13" s="10">
        <f t="shared" si="257"/>
        <v>9.5238095238095247E-2</v>
      </c>
      <c r="N13" s="10">
        <f t="shared" si="257"/>
        <v>9.5238095238095247E-2</v>
      </c>
      <c r="O13" s="10">
        <f t="shared" si="257"/>
        <v>9.5238095238095247E-2</v>
      </c>
      <c r="P13" s="10">
        <f t="shared" si="257"/>
        <v>9.5238095238095247E-2</v>
      </c>
      <c r="Q13" s="10">
        <f t="shared" si="257"/>
        <v>9.5238095238095247E-2</v>
      </c>
      <c r="R13" s="10">
        <f t="shared" si="257"/>
        <v>9.5238095238095247E-2</v>
      </c>
      <c r="S13" s="10">
        <f t="shared" si="257"/>
        <v>9.5238095238095247E-2</v>
      </c>
      <c r="T13" s="10">
        <f t="shared" si="257"/>
        <v>9.5238095238095247E-2</v>
      </c>
      <c r="U13" s="10">
        <f t="shared" si="257"/>
        <v>9.5238095238095247E-2</v>
      </c>
      <c r="V13" s="10">
        <f t="shared" si="257"/>
        <v>9.5238095238095247E-2</v>
      </c>
      <c r="W13" s="10">
        <f t="shared" si="257"/>
        <v>9.5238095238095247E-2</v>
      </c>
      <c r="X13" s="10">
        <f t="shared" si="257"/>
        <v>9.5238095238095247E-2</v>
      </c>
      <c r="Y13" s="10">
        <f t="shared" si="257"/>
        <v>9.5238095238095247E-2</v>
      </c>
      <c r="Z13" s="10">
        <f t="shared" si="257"/>
        <v>9.5238095238095247E-2</v>
      </c>
      <c r="AA13" s="10">
        <f t="shared" si="257"/>
        <v>9.5238095238095247E-2</v>
      </c>
      <c r="AB13" s="10">
        <f t="shared" si="258"/>
        <v>9.5238095238095247E-2</v>
      </c>
      <c r="AC13" s="10">
        <f t="shared" si="258"/>
        <v>9.5238095238095247E-2</v>
      </c>
      <c r="AD13" s="10">
        <f t="shared" si="258"/>
        <v>9.5238095238095247E-2</v>
      </c>
      <c r="AE13" s="10">
        <f t="shared" si="258"/>
        <v>9.5238095238095247E-2</v>
      </c>
      <c r="AF13" s="10">
        <f t="shared" si="258"/>
        <v>9.5238095238095247E-2</v>
      </c>
      <c r="AG13" s="10">
        <f t="shared" si="258"/>
        <v>9.5238095238095247E-2</v>
      </c>
      <c r="AH13" s="10">
        <f t="shared" si="258"/>
        <v>9.5238095238095247E-2</v>
      </c>
      <c r="AI13" s="10">
        <f t="shared" si="258"/>
        <v>9.5238095238095247E-2</v>
      </c>
      <c r="AJ13" s="10">
        <f t="shared" si="258"/>
        <v>9.5238095238095247E-2</v>
      </c>
      <c r="AK13" s="10">
        <f t="shared" si="258"/>
        <v>9.5238095238095247E-2</v>
      </c>
      <c r="AL13" s="10">
        <f t="shared" si="258"/>
        <v>9.5238095238095247E-2</v>
      </c>
      <c r="AM13" s="10">
        <f t="shared" si="258"/>
        <v>9.5238095238095247E-2</v>
      </c>
      <c r="AN13" s="10">
        <f t="shared" si="258"/>
        <v>9.5238095238095247E-2</v>
      </c>
      <c r="AO13" s="10">
        <f t="shared" si="258"/>
        <v>9.5238095238095247E-2</v>
      </c>
      <c r="AP13" s="10">
        <f t="shared" si="258"/>
        <v>9.5238095238095247E-2</v>
      </c>
      <c r="AQ13" s="10">
        <f t="shared" si="258"/>
        <v>9.5238095238095247E-2</v>
      </c>
      <c r="AR13" s="10">
        <f t="shared" si="259"/>
        <v>9.5238095238095247E-2</v>
      </c>
      <c r="AS13" s="10">
        <f t="shared" si="259"/>
        <v>9.5238095238095247E-2</v>
      </c>
      <c r="AT13" s="10">
        <f t="shared" si="259"/>
        <v>9.5238095238095247E-2</v>
      </c>
      <c r="AU13" s="10">
        <f t="shared" si="259"/>
        <v>9.5238095238095247E-2</v>
      </c>
      <c r="AV13" s="10">
        <f t="shared" si="259"/>
        <v>9.5238095238095247E-2</v>
      </c>
      <c r="AW13" s="10">
        <f t="shared" si="259"/>
        <v>9.5238095238095247E-2</v>
      </c>
      <c r="AX13" s="10">
        <f t="shared" si="259"/>
        <v>9.5238095238095247E-2</v>
      </c>
      <c r="AY13" s="10">
        <f t="shared" si="259"/>
        <v>9.5238095238095247E-2</v>
      </c>
      <c r="AZ13" s="10">
        <f t="shared" si="259"/>
        <v>9.5238095238095247E-2</v>
      </c>
      <c r="BA13" s="10">
        <f t="shared" si="259"/>
        <v>9.5238095238095247E-2</v>
      </c>
      <c r="BB13" s="10">
        <f t="shared" si="259"/>
        <v>9.5238095238095247E-2</v>
      </c>
      <c r="BC13" s="10">
        <f t="shared" si="259"/>
        <v>9.5238095238095247E-2</v>
      </c>
      <c r="BD13" s="10">
        <f t="shared" si="259"/>
        <v>9.5238095238095247E-2</v>
      </c>
      <c r="BE13" s="10">
        <f t="shared" si="259"/>
        <v>9.5238095238095247E-2</v>
      </c>
      <c r="BF13" s="10">
        <f t="shared" si="259"/>
        <v>9.5238095238095247E-2</v>
      </c>
      <c r="BG13" s="10">
        <f t="shared" si="259"/>
        <v>9.5238095238095247E-2</v>
      </c>
      <c r="BH13" s="10">
        <f t="shared" si="260"/>
        <v>9.5238095238095247E-2</v>
      </c>
      <c r="BI13" s="10">
        <f t="shared" si="260"/>
        <v>9.5238095238095247E-2</v>
      </c>
      <c r="BJ13" s="10">
        <f t="shared" si="260"/>
        <v>9.5238095238095247E-2</v>
      </c>
      <c r="BK13" s="10">
        <f t="shared" si="260"/>
        <v>9.5238095238095247E-2</v>
      </c>
      <c r="BL13" s="10">
        <f t="shared" si="260"/>
        <v>9.5238095238095247E-2</v>
      </c>
      <c r="BM13" s="10">
        <f t="shared" si="260"/>
        <v>9.5238095238095247E-2</v>
      </c>
      <c r="BN13" s="10">
        <f t="shared" si="260"/>
        <v>9.5238095238095247E-2</v>
      </c>
      <c r="BO13" s="10">
        <f t="shared" si="260"/>
        <v>9.5238095238095247E-2</v>
      </c>
      <c r="BP13" s="10">
        <f t="shared" si="260"/>
        <v>9.5238095238095247E-2</v>
      </c>
      <c r="BQ13" s="10">
        <f t="shared" si="260"/>
        <v>9.5238095238095247E-2</v>
      </c>
    </row>
    <row r="14" spans="4:16384" s="10" customFormat="1">
      <c r="E14" s="10" t="s">
        <v>10</v>
      </c>
      <c r="F14" s="10" t="s">
        <v>8</v>
      </c>
      <c r="J14" s="10">
        <v>0.66666666666666674</v>
      </c>
      <c r="K14" s="10">
        <f t="shared" ref="K14:AW14" si="261">J14</f>
        <v>0.66666666666666674</v>
      </c>
      <c r="L14" s="10">
        <f t="shared" si="261"/>
        <v>0.66666666666666674</v>
      </c>
      <c r="M14" s="10">
        <f t="shared" si="261"/>
        <v>0.66666666666666674</v>
      </c>
      <c r="N14" s="10">
        <f t="shared" si="261"/>
        <v>0.66666666666666674</v>
      </c>
      <c r="O14" s="10">
        <f t="shared" si="261"/>
        <v>0.66666666666666674</v>
      </c>
      <c r="P14" s="10">
        <f t="shared" si="261"/>
        <v>0.66666666666666674</v>
      </c>
      <c r="Q14" s="10">
        <f t="shared" si="261"/>
        <v>0.66666666666666674</v>
      </c>
      <c r="R14" s="10">
        <f t="shared" si="261"/>
        <v>0.66666666666666674</v>
      </c>
      <c r="S14" s="10">
        <f t="shared" si="261"/>
        <v>0.66666666666666674</v>
      </c>
      <c r="T14" s="10">
        <f t="shared" si="261"/>
        <v>0.66666666666666674</v>
      </c>
      <c r="U14" s="10">
        <f t="shared" si="261"/>
        <v>0.66666666666666674</v>
      </c>
      <c r="V14" s="10">
        <f t="shared" si="261"/>
        <v>0.66666666666666674</v>
      </c>
      <c r="W14" s="10">
        <f t="shared" si="261"/>
        <v>0.66666666666666674</v>
      </c>
      <c r="X14" s="10">
        <f t="shared" si="261"/>
        <v>0.66666666666666674</v>
      </c>
      <c r="Y14" s="10">
        <f t="shared" si="261"/>
        <v>0.66666666666666674</v>
      </c>
      <c r="Z14" s="10">
        <f t="shared" si="261"/>
        <v>0.66666666666666674</v>
      </c>
      <c r="AA14" s="10">
        <f t="shared" si="261"/>
        <v>0.66666666666666674</v>
      </c>
      <c r="AB14" s="10">
        <f t="shared" si="261"/>
        <v>0.66666666666666674</v>
      </c>
      <c r="AC14" s="10">
        <f t="shared" si="261"/>
        <v>0.66666666666666674</v>
      </c>
      <c r="AD14" s="10">
        <f t="shared" si="261"/>
        <v>0.66666666666666674</v>
      </c>
      <c r="AE14" s="10">
        <f t="shared" si="261"/>
        <v>0.66666666666666674</v>
      </c>
      <c r="AF14" s="10">
        <f t="shared" si="261"/>
        <v>0.66666666666666674</v>
      </c>
      <c r="AG14" s="10">
        <f t="shared" si="261"/>
        <v>0.66666666666666674</v>
      </c>
      <c r="AH14" s="10">
        <f t="shared" si="261"/>
        <v>0.66666666666666674</v>
      </c>
      <c r="AI14" s="10">
        <f t="shared" si="261"/>
        <v>0.66666666666666674</v>
      </c>
      <c r="AJ14" s="10">
        <f t="shared" si="261"/>
        <v>0.66666666666666674</v>
      </c>
      <c r="AK14" s="10">
        <f t="shared" si="261"/>
        <v>0.66666666666666674</v>
      </c>
      <c r="AL14" s="10">
        <f t="shared" si="261"/>
        <v>0.66666666666666674</v>
      </c>
      <c r="AM14" s="10">
        <f t="shared" si="261"/>
        <v>0.66666666666666674</v>
      </c>
      <c r="AN14" s="10">
        <f t="shared" si="261"/>
        <v>0.66666666666666674</v>
      </c>
      <c r="AO14" s="10">
        <f t="shared" si="261"/>
        <v>0.66666666666666674</v>
      </c>
      <c r="AP14" s="10">
        <f t="shared" si="261"/>
        <v>0.66666666666666674</v>
      </c>
      <c r="AQ14" s="10">
        <f t="shared" si="261"/>
        <v>0.66666666666666674</v>
      </c>
      <c r="AR14" s="10">
        <f t="shared" si="261"/>
        <v>0.66666666666666674</v>
      </c>
      <c r="AS14" s="10">
        <f t="shared" si="261"/>
        <v>0.66666666666666674</v>
      </c>
      <c r="AT14" s="10">
        <f t="shared" si="261"/>
        <v>0.66666666666666674</v>
      </c>
      <c r="AU14" s="10">
        <f t="shared" si="261"/>
        <v>0.66666666666666674</v>
      </c>
      <c r="AV14" s="10">
        <f t="shared" si="261"/>
        <v>0.66666666666666674</v>
      </c>
      <c r="AW14" s="10">
        <f t="shared" si="261"/>
        <v>0.66666666666666674</v>
      </c>
      <c r="AX14" s="10">
        <f t="shared" si="259"/>
        <v>0.66666666666666674</v>
      </c>
      <c r="AY14" s="10">
        <f t="shared" si="259"/>
        <v>0.66666666666666674</v>
      </c>
      <c r="AZ14" s="10">
        <f t="shared" si="259"/>
        <v>0.66666666666666674</v>
      </c>
      <c r="BA14" s="10">
        <f t="shared" si="259"/>
        <v>0.66666666666666674</v>
      </c>
      <c r="BB14" s="10">
        <f t="shared" si="259"/>
        <v>0.66666666666666674</v>
      </c>
      <c r="BC14" s="10">
        <f t="shared" si="259"/>
        <v>0.66666666666666674</v>
      </c>
      <c r="BD14" s="10">
        <f t="shared" si="259"/>
        <v>0.66666666666666674</v>
      </c>
      <c r="BE14" s="10">
        <f t="shared" si="259"/>
        <v>0.66666666666666674</v>
      </c>
      <c r="BF14" s="10">
        <f t="shared" si="259"/>
        <v>0.66666666666666674</v>
      </c>
      <c r="BG14" s="10">
        <f t="shared" si="259"/>
        <v>0.66666666666666674</v>
      </c>
      <c r="BH14" s="10">
        <f t="shared" si="260"/>
        <v>0.66666666666666674</v>
      </c>
      <c r="BI14" s="10">
        <f t="shared" si="260"/>
        <v>0.66666666666666674</v>
      </c>
      <c r="BJ14" s="10">
        <f t="shared" si="260"/>
        <v>0.66666666666666674</v>
      </c>
      <c r="BK14" s="10">
        <f t="shared" si="260"/>
        <v>0.66666666666666674</v>
      </c>
      <c r="BL14" s="10">
        <f t="shared" si="260"/>
        <v>0.66666666666666674</v>
      </c>
      <c r="BM14" s="10">
        <f t="shared" si="260"/>
        <v>0.66666666666666674</v>
      </c>
      <c r="BN14" s="10">
        <f t="shared" si="260"/>
        <v>0.66666666666666674</v>
      </c>
      <c r="BO14" s="10">
        <f t="shared" si="260"/>
        <v>0.66666666666666674</v>
      </c>
      <c r="BP14" s="10">
        <f t="shared" si="260"/>
        <v>0.66666666666666674</v>
      </c>
      <c r="BQ14" s="10">
        <f t="shared" si="260"/>
        <v>0.66666666666666674</v>
      </c>
    </row>
    <row r="15" spans="4:16384" s="19" customFormat="1">
      <c r="E15" s="20" t="s">
        <v>3</v>
      </c>
      <c r="J15" s="20">
        <f t="shared" ref="J15:AO15" si="262">SUM(J12:J14)</f>
        <v>1</v>
      </c>
      <c r="K15" s="20">
        <f t="shared" si="262"/>
        <v>1</v>
      </c>
      <c r="L15" s="20">
        <f t="shared" si="262"/>
        <v>1</v>
      </c>
      <c r="M15" s="20">
        <f t="shared" si="262"/>
        <v>1</v>
      </c>
      <c r="N15" s="20">
        <f t="shared" si="262"/>
        <v>1</v>
      </c>
      <c r="O15" s="20">
        <f t="shared" si="262"/>
        <v>1</v>
      </c>
      <c r="P15" s="20">
        <f t="shared" si="262"/>
        <v>1</v>
      </c>
      <c r="Q15" s="20">
        <f t="shared" si="262"/>
        <v>1</v>
      </c>
      <c r="R15" s="20">
        <f t="shared" si="262"/>
        <v>1</v>
      </c>
      <c r="S15" s="20">
        <f t="shared" si="262"/>
        <v>1</v>
      </c>
      <c r="T15" s="20">
        <f t="shared" si="262"/>
        <v>1</v>
      </c>
      <c r="U15" s="20">
        <f t="shared" si="262"/>
        <v>1</v>
      </c>
      <c r="V15" s="20">
        <f t="shared" si="262"/>
        <v>1</v>
      </c>
      <c r="W15" s="20">
        <f t="shared" si="262"/>
        <v>1</v>
      </c>
      <c r="X15" s="20">
        <f t="shared" si="262"/>
        <v>1</v>
      </c>
      <c r="Y15" s="20">
        <f t="shared" si="262"/>
        <v>1</v>
      </c>
      <c r="Z15" s="20">
        <f t="shared" si="262"/>
        <v>1</v>
      </c>
      <c r="AA15" s="20">
        <f t="shared" si="262"/>
        <v>1</v>
      </c>
      <c r="AB15" s="20">
        <f t="shared" si="262"/>
        <v>1</v>
      </c>
      <c r="AC15" s="20">
        <f t="shared" si="262"/>
        <v>1</v>
      </c>
      <c r="AD15" s="20">
        <f t="shared" si="262"/>
        <v>1</v>
      </c>
      <c r="AE15" s="20">
        <f t="shared" si="262"/>
        <v>1</v>
      </c>
      <c r="AF15" s="20">
        <f t="shared" si="262"/>
        <v>1</v>
      </c>
      <c r="AG15" s="20">
        <f t="shared" si="262"/>
        <v>1</v>
      </c>
      <c r="AH15" s="20">
        <f t="shared" si="262"/>
        <v>1</v>
      </c>
      <c r="AI15" s="20">
        <f t="shared" si="262"/>
        <v>1</v>
      </c>
      <c r="AJ15" s="20">
        <f t="shared" si="262"/>
        <v>1</v>
      </c>
      <c r="AK15" s="20">
        <f t="shared" si="262"/>
        <v>1</v>
      </c>
      <c r="AL15" s="20">
        <f t="shared" si="262"/>
        <v>1</v>
      </c>
      <c r="AM15" s="20">
        <f t="shared" si="262"/>
        <v>1</v>
      </c>
      <c r="AN15" s="20">
        <f t="shared" si="262"/>
        <v>1</v>
      </c>
      <c r="AO15" s="20">
        <f t="shared" si="262"/>
        <v>1</v>
      </c>
      <c r="AP15" s="20">
        <f t="shared" ref="AP15:BQ15" si="263">SUM(AP12:AP14)</f>
        <v>1</v>
      </c>
      <c r="AQ15" s="20">
        <f t="shared" si="263"/>
        <v>1</v>
      </c>
      <c r="AR15" s="20">
        <f t="shared" si="263"/>
        <v>1</v>
      </c>
      <c r="AS15" s="20">
        <f t="shared" si="263"/>
        <v>1</v>
      </c>
      <c r="AT15" s="20">
        <f t="shared" si="263"/>
        <v>1</v>
      </c>
      <c r="AU15" s="20">
        <f t="shared" si="263"/>
        <v>1</v>
      </c>
      <c r="AV15" s="20">
        <f t="shared" si="263"/>
        <v>1</v>
      </c>
      <c r="AW15" s="20">
        <f t="shared" si="263"/>
        <v>1</v>
      </c>
      <c r="AX15" s="20">
        <f t="shared" si="263"/>
        <v>1</v>
      </c>
      <c r="AY15" s="20">
        <f t="shared" si="263"/>
        <v>1</v>
      </c>
      <c r="AZ15" s="20">
        <f t="shared" si="263"/>
        <v>1</v>
      </c>
      <c r="BA15" s="20">
        <f t="shared" si="263"/>
        <v>1</v>
      </c>
      <c r="BB15" s="20">
        <f t="shared" si="263"/>
        <v>1</v>
      </c>
      <c r="BC15" s="20">
        <f t="shared" si="263"/>
        <v>1</v>
      </c>
      <c r="BD15" s="20">
        <f t="shared" si="263"/>
        <v>1</v>
      </c>
      <c r="BE15" s="20">
        <f t="shared" si="263"/>
        <v>1</v>
      </c>
      <c r="BF15" s="20">
        <f t="shared" si="263"/>
        <v>1</v>
      </c>
      <c r="BG15" s="20">
        <f t="shared" si="263"/>
        <v>1</v>
      </c>
      <c r="BH15" s="20">
        <f t="shared" si="263"/>
        <v>1</v>
      </c>
      <c r="BI15" s="20">
        <f t="shared" si="263"/>
        <v>1</v>
      </c>
      <c r="BJ15" s="20">
        <f t="shared" si="263"/>
        <v>1</v>
      </c>
      <c r="BK15" s="20">
        <f t="shared" si="263"/>
        <v>1</v>
      </c>
      <c r="BL15" s="20">
        <f t="shared" si="263"/>
        <v>1</v>
      </c>
      <c r="BM15" s="20">
        <f t="shared" si="263"/>
        <v>1</v>
      </c>
      <c r="BN15" s="20">
        <f t="shared" si="263"/>
        <v>1</v>
      </c>
      <c r="BO15" s="20">
        <f t="shared" si="263"/>
        <v>1</v>
      </c>
      <c r="BP15" s="20">
        <f t="shared" si="263"/>
        <v>1</v>
      </c>
      <c r="BQ15" s="20">
        <f t="shared" si="263"/>
        <v>1</v>
      </c>
    </row>
    <row r="17" spans="4:69">
      <c r="D17" s="7" t="s">
        <v>12</v>
      </c>
      <c r="F17" s="21" t="s">
        <v>13</v>
      </c>
      <c r="G17" s="22" t="s">
        <v>14</v>
      </c>
      <c r="H17" s="22" t="s">
        <v>15</v>
      </c>
      <c r="I17" s="22"/>
      <c r="J17" s="9"/>
    </row>
    <row r="18" spans="4:69" s="23" customFormat="1">
      <c r="E18" s="18" t="s">
        <v>16</v>
      </c>
      <c r="F18" s="3">
        <v>0.27319741666666669</v>
      </c>
      <c r="G18" s="24"/>
      <c r="H18" s="24"/>
      <c r="I18" s="24"/>
      <c r="J18" s="9">
        <f t="shared" ref="J18:J21" si="264">F18</f>
        <v>0.27319741666666669</v>
      </c>
      <c r="K18" s="25">
        <f t="shared" ref="K18:Z21" si="265">J18</f>
        <v>0.27319741666666669</v>
      </c>
      <c r="L18" s="25">
        <f t="shared" si="265"/>
        <v>0.27319741666666669</v>
      </c>
      <c r="M18" s="25">
        <f t="shared" si="265"/>
        <v>0.27319741666666669</v>
      </c>
      <c r="N18" s="25">
        <f t="shared" si="265"/>
        <v>0.27319741666666669</v>
      </c>
      <c r="O18" s="25">
        <f t="shared" si="265"/>
        <v>0.27319741666666669</v>
      </c>
      <c r="P18" s="25">
        <f t="shared" si="265"/>
        <v>0.27319741666666669</v>
      </c>
      <c r="Q18" s="25">
        <f t="shared" si="265"/>
        <v>0.27319741666666669</v>
      </c>
      <c r="R18" s="25">
        <f t="shared" si="265"/>
        <v>0.27319741666666669</v>
      </c>
      <c r="S18" s="25">
        <f t="shared" si="265"/>
        <v>0.27319741666666669</v>
      </c>
      <c r="T18" s="25">
        <f t="shared" si="265"/>
        <v>0.27319741666666669</v>
      </c>
      <c r="U18" s="25">
        <f t="shared" si="265"/>
        <v>0.27319741666666669</v>
      </c>
      <c r="V18" s="25">
        <f t="shared" si="265"/>
        <v>0.27319741666666669</v>
      </c>
      <c r="W18" s="25">
        <f t="shared" si="265"/>
        <v>0.27319741666666669</v>
      </c>
      <c r="X18" s="25">
        <f t="shared" si="265"/>
        <v>0.27319741666666669</v>
      </c>
      <c r="Y18" s="25">
        <f t="shared" si="265"/>
        <v>0.27319741666666669</v>
      </c>
      <c r="Z18" s="25">
        <f t="shared" si="265"/>
        <v>0.27319741666666669</v>
      </c>
      <c r="AA18" s="25">
        <f t="shared" ref="AA18:BQ20" si="266">Z18</f>
        <v>0.27319741666666669</v>
      </c>
      <c r="AB18" s="25">
        <f t="shared" si="266"/>
        <v>0.27319741666666669</v>
      </c>
      <c r="AC18" s="25">
        <f t="shared" si="266"/>
        <v>0.27319741666666669</v>
      </c>
      <c r="AD18" s="25">
        <f t="shared" si="266"/>
        <v>0.27319741666666669</v>
      </c>
      <c r="AE18" s="25">
        <f t="shared" si="266"/>
        <v>0.27319741666666669</v>
      </c>
      <c r="AF18" s="25">
        <f t="shared" si="266"/>
        <v>0.27319741666666669</v>
      </c>
      <c r="AG18" s="25">
        <f t="shared" si="266"/>
        <v>0.27319741666666669</v>
      </c>
      <c r="AH18" s="25">
        <f t="shared" si="266"/>
        <v>0.27319741666666669</v>
      </c>
      <c r="AI18" s="25">
        <f t="shared" si="266"/>
        <v>0.27319741666666669</v>
      </c>
      <c r="AJ18" s="25">
        <f t="shared" si="266"/>
        <v>0.27319741666666669</v>
      </c>
      <c r="AK18" s="25">
        <f t="shared" si="266"/>
        <v>0.27319741666666669</v>
      </c>
      <c r="AL18" s="25">
        <f t="shared" si="266"/>
        <v>0.27319741666666669</v>
      </c>
      <c r="AM18" s="25">
        <f t="shared" si="266"/>
        <v>0.27319741666666669</v>
      </c>
      <c r="AN18" s="25">
        <f t="shared" si="266"/>
        <v>0.27319741666666669</v>
      </c>
      <c r="AO18" s="25">
        <f t="shared" si="266"/>
        <v>0.27319741666666669</v>
      </c>
      <c r="AP18" s="25">
        <f t="shared" si="266"/>
        <v>0.27319741666666669</v>
      </c>
      <c r="AQ18" s="25">
        <f t="shared" si="266"/>
        <v>0.27319741666666669</v>
      </c>
      <c r="AR18" s="25">
        <f t="shared" si="266"/>
        <v>0.27319741666666669</v>
      </c>
      <c r="AS18" s="25">
        <f t="shared" si="266"/>
        <v>0.27319741666666669</v>
      </c>
      <c r="AT18" s="25">
        <f t="shared" si="266"/>
        <v>0.27319741666666669</v>
      </c>
      <c r="AU18" s="25">
        <f t="shared" si="266"/>
        <v>0.27319741666666669</v>
      </c>
      <c r="AV18" s="25">
        <f t="shared" si="266"/>
        <v>0.27319741666666669</v>
      </c>
      <c r="AW18" s="25">
        <f t="shared" si="266"/>
        <v>0.27319741666666669</v>
      </c>
      <c r="AX18" s="25">
        <f t="shared" si="266"/>
        <v>0.27319741666666669</v>
      </c>
      <c r="AY18" s="25">
        <f t="shared" si="266"/>
        <v>0.27319741666666669</v>
      </c>
      <c r="AZ18" s="25">
        <f t="shared" si="266"/>
        <v>0.27319741666666669</v>
      </c>
      <c r="BA18" s="25">
        <f t="shared" si="266"/>
        <v>0.27319741666666669</v>
      </c>
      <c r="BB18" s="25">
        <f t="shared" si="266"/>
        <v>0.27319741666666669</v>
      </c>
      <c r="BC18" s="25">
        <f t="shared" si="266"/>
        <v>0.27319741666666669</v>
      </c>
      <c r="BD18" s="25">
        <f t="shared" si="266"/>
        <v>0.27319741666666669</v>
      </c>
      <c r="BE18" s="25">
        <f t="shared" si="266"/>
        <v>0.27319741666666669</v>
      </c>
      <c r="BF18" s="25">
        <f t="shared" si="266"/>
        <v>0.27319741666666669</v>
      </c>
      <c r="BG18" s="25">
        <f t="shared" si="266"/>
        <v>0.27319741666666669</v>
      </c>
      <c r="BH18" s="25">
        <f t="shared" si="266"/>
        <v>0.27319741666666669</v>
      </c>
      <c r="BI18" s="25">
        <f t="shared" si="266"/>
        <v>0.27319741666666669</v>
      </c>
      <c r="BJ18" s="25">
        <f t="shared" si="266"/>
        <v>0.27319741666666669</v>
      </c>
      <c r="BK18" s="25">
        <f t="shared" si="266"/>
        <v>0.27319741666666669</v>
      </c>
      <c r="BL18" s="25">
        <f t="shared" si="266"/>
        <v>0.27319741666666669</v>
      </c>
      <c r="BM18" s="25">
        <f t="shared" si="266"/>
        <v>0.27319741666666669</v>
      </c>
      <c r="BN18" s="25">
        <f t="shared" si="266"/>
        <v>0.27319741666666669</v>
      </c>
      <c r="BO18" s="25">
        <f t="shared" si="266"/>
        <v>0.27319741666666669</v>
      </c>
      <c r="BP18" s="25">
        <f t="shared" si="266"/>
        <v>0.27319741666666669</v>
      </c>
      <c r="BQ18" s="25">
        <f t="shared" si="266"/>
        <v>0.27319741666666669</v>
      </c>
    </row>
    <row r="19" spans="4:69">
      <c r="E19" s="10" t="s">
        <v>7</v>
      </c>
      <c r="F19" s="3">
        <v>1.6965609405187652</v>
      </c>
      <c r="G19" s="26">
        <v>0.27319741666666669</v>
      </c>
      <c r="H19" s="9">
        <f t="shared" ref="H19:H21" si="267">F19-G19</f>
        <v>1.4233635238520985</v>
      </c>
      <c r="I19" s="9"/>
      <c r="J19" s="9">
        <f t="shared" si="264"/>
        <v>1.6965609405187652</v>
      </c>
      <c r="K19" s="9">
        <f t="shared" si="265"/>
        <v>1.6965609405187652</v>
      </c>
      <c r="L19" s="9">
        <f t="shared" si="265"/>
        <v>1.6965609405187652</v>
      </c>
      <c r="M19" s="9">
        <f t="shared" si="265"/>
        <v>1.6965609405187652</v>
      </c>
      <c r="N19" s="9">
        <f t="shared" si="265"/>
        <v>1.6965609405187652</v>
      </c>
      <c r="O19" s="9">
        <f t="shared" si="265"/>
        <v>1.6965609405187652</v>
      </c>
      <c r="P19" s="9">
        <f t="shared" si="265"/>
        <v>1.6965609405187652</v>
      </c>
      <c r="Q19" s="9">
        <f t="shared" si="265"/>
        <v>1.6965609405187652</v>
      </c>
      <c r="R19" s="9">
        <f t="shared" si="265"/>
        <v>1.6965609405187652</v>
      </c>
      <c r="S19" s="9">
        <f t="shared" si="265"/>
        <v>1.6965609405187652</v>
      </c>
      <c r="T19" s="9">
        <f t="shared" si="265"/>
        <v>1.6965609405187652</v>
      </c>
      <c r="U19" s="9">
        <f t="shared" si="265"/>
        <v>1.6965609405187652</v>
      </c>
      <c r="V19" s="9">
        <f t="shared" si="265"/>
        <v>1.6965609405187652</v>
      </c>
      <c r="W19" s="9">
        <f t="shared" si="265"/>
        <v>1.6965609405187652</v>
      </c>
      <c r="X19" s="9">
        <f t="shared" si="265"/>
        <v>1.6965609405187652</v>
      </c>
      <c r="Y19" s="9">
        <f t="shared" si="265"/>
        <v>1.6965609405187652</v>
      </c>
      <c r="Z19" s="9">
        <f t="shared" si="265"/>
        <v>1.6965609405187652</v>
      </c>
      <c r="AA19" s="9">
        <f t="shared" si="266"/>
        <v>1.6965609405187652</v>
      </c>
      <c r="AB19" s="9">
        <f t="shared" si="266"/>
        <v>1.6965609405187652</v>
      </c>
      <c r="AC19" s="9">
        <f t="shared" si="266"/>
        <v>1.6965609405187652</v>
      </c>
      <c r="AD19" s="9">
        <f t="shared" si="266"/>
        <v>1.6965609405187652</v>
      </c>
      <c r="AE19" s="9">
        <f t="shared" si="266"/>
        <v>1.6965609405187652</v>
      </c>
      <c r="AF19" s="9">
        <f t="shared" si="266"/>
        <v>1.6965609405187652</v>
      </c>
      <c r="AG19" s="9">
        <f t="shared" si="266"/>
        <v>1.6965609405187652</v>
      </c>
      <c r="AH19" s="9">
        <f t="shared" si="266"/>
        <v>1.6965609405187652</v>
      </c>
      <c r="AI19" s="9">
        <f t="shared" si="266"/>
        <v>1.6965609405187652</v>
      </c>
      <c r="AJ19" s="9">
        <f t="shared" si="266"/>
        <v>1.6965609405187652</v>
      </c>
      <c r="AK19" s="9">
        <f t="shared" si="266"/>
        <v>1.6965609405187652</v>
      </c>
      <c r="AL19" s="9">
        <f t="shared" si="266"/>
        <v>1.6965609405187652</v>
      </c>
      <c r="AM19" s="9">
        <f t="shared" si="266"/>
        <v>1.6965609405187652</v>
      </c>
      <c r="AN19" s="9">
        <f t="shared" si="266"/>
        <v>1.6965609405187652</v>
      </c>
      <c r="AO19" s="9">
        <f t="shared" si="266"/>
        <v>1.6965609405187652</v>
      </c>
      <c r="AP19" s="9">
        <f t="shared" si="266"/>
        <v>1.6965609405187652</v>
      </c>
      <c r="AQ19" s="9">
        <f t="shared" si="266"/>
        <v>1.6965609405187652</v>
      </c>
      <c r="AR19" s="9">
        <f t="shared" si="266"/>
        <v>1.6965609405187652</v>
      </c>
      <c r="AS19" s="9">
        <f t="shared" si="266"/>
        <v>1.6965609405187652</v>
      </c>
      <c r="AT19" s="9">
        <f t="shared" si="266"/>
        <v>1.6965609405187652</v>
      </c>
      <c r="AU19" s="9">
        <f t="shared" si="266"/>
        <v>1.6965609405187652</v>
      </c>
      <c r="AV19" s="9">
        <f t="shared" si="266"/>
        <v>1.6965609405187652</v>
      </c>
      <c r="AW19" s="9">
        <f t="shared" si="266"/>
        <v>1.6965609405187652</v>
      </c>
      <c r="AX19" s="9">
        <f t="shared" si="266"/>
        <v>1.6965609405187652</v>
      </c>
      <c r="AY19" s="9">
        <f t="shared" si="266"/>
        <v>1.6965609405187652</v>
      </c>
      <c r="AZ19" s="9">
        <f t="shared" si="266"/>
        <v>1.6965609405187652</v>
      </c>
      <c r="BA19" s="9">
        <f t="shared" si="266"/>
        <v>1.6965609405187652</v>
      </c>
      <c r="BB19" s="9">
        <f t="shared" si="266"/>
        <v>1.6965609405187652</v>
      </c>
      <c r="BC19" s="9">
        <f t="shared" si="266"/>
        <v>1.6965609405187652</v>
      </c>
      <c r="BD19" s="9">
        <f t="shared" si="266"/>
        <v>1.6965609405187652</v>
      </c>
      <c r="BE19" s="9">
        <f t="shared" si="266"/>
        <v>1.6965609405187652</v>
      </c>
      <c r="BF19" s="9">
        <f t="shared" si="266"/>
        <v>1.6965609405187652</v>
      </c>
      <c r="BG19" s="9">
        <f t="shared" si="266"/>
        <v>1.6965609405187652</v>
      </c>
      <c r="BH19" s="9">
        <f t="shared" si="266"/>
        <v>1.6965609405187652</v>
      </c>
      <c r="BI19" s="9">
        <f t="shared" si="266"/>
        <v>1.6965609405187652</v>
      </c>
      <c r="BJ19" s="9">
        <f t="shared" si="266"/>
        <v>1.6965609405187652</v>
      </c>
      <c r="BK19" s="9">
        <f t="shared" si="266"/>
        <v>1.6965609405187652</v>
      </c>
      <c r="BL19" s="9">
        <f t="shared" si="266"/>
        <v>1.6965609405187652</v>
      </c>
      <c r="BM19" s="9">
        <f t="shared" si="266"/>
        <v>1.6965609405187652</v>
      </c>
      <c r="BN19" s="9">
        <f t="shared" si="266"/>
        <v>1.6965609405187652</v>
      </c>
      <c r="BO19" s="9">
        <f t="shared" si="266"/>
        <v>1.6965609405187652</v>
      </c>
      <c r="BP19" s="9">
        <f t="shared" si="266"/>
        <v>1.6965609405187652</v>
      </c>
      <c r="BQ19" s="9">
        <f t="shared" si="266"/>
        <v>1.6965609405187652</v>
      </c>
    </row>
    <row r="20" spans="4:69">
      <c r="E20" s="10" t="s">
        <v>9</v>
      </c>
      <c r="F20" s="3">
        <v>1.1198625664220412</v>
      </c>
      <c r="G20" s="26">
        <f>G$19</f>
        <v>0.27319741666666669</v>
      </c>
      <c r="H20" s="9">
        <f t="shared" si="267"/>
        <v>0.84666514975537455</v>
      </c>
      <c r="I20" s="9"/>
      <c r="J20" s="9">
        <f t="shared" si="264"/>
        <v>1.1198625664220412</v>
      </c>
      <c r="K20" s="9">
        <f t="shared" si="265"/>
        <v>1.1198625664220412</v>
      </c>
      <c r="L20" s="9">
        <f t="shared" si="265"/>
        <v>1.1198625664220412</v>
      </c>
      <c r="M20" s="9">
        <f t="shared" si="265"/>
        <v>1.1198625664220412</v>
      </c>
      <c r="N20" s="9">
        <f t="shared" si="265"/>
        <v>1.1198625664220412</v>
      </c>
      <c r="O20" s="9">
        <f t="shared" si="265"/>
        <v>1.1198625664220412</v>
      </c>
      <c r="P20" s="9">
        <f t="shared" si="265"/>
        <v>1.1198625664220412</v>
      </c>
      <c r="Q20" s="9">
        <f t="shared" si="265"/>
        <v>1.1198625664220412</v>
      </c>
      <c r="R20" s="9">
        <f t="shared" si="265"/>
        <v>1.1198625664220412</v>
      </c>
      <c r="S20" s="9">
        <f t="shared" si="265"/>
        <v>1.1198625664220412</v>
      </c>
      <c r="T20" s="9">
        <f t="shared" si="265"/>
        <v>1.1198625664220412</v>
      </c>
      <c r="U20" s="9">
        <f t="shared" si="265"/>
        <v>1.1198625664220412</v>
      </c>
      <c r="V20" s="9">
        <f t="shared" si="265"/>
        <v>1.1198625664220412</v>
      </c>
      <c r="W20" s="9">
        <f t="shared" si="265"/>
        <v>1.1198625664220412</v>
      </c>
      <c r="X20" s="9">
        <f t="shared" si="265"/>
        <v>1.1198625664220412</v>
      </c>
      <c r="Y20" s="9">
        <f t="shared" si="265"/>
        <v>1.1198625664220412</v>
      </c>
      <c r="Z20" s="9">
        <f t="shared" si="265"/>
        <v>1.1198625664220412</v>
      </c>
      <c r="AA20" s="9">
        <f t="shared" si="266"/>
        <v>1.1198625664220412</v>
      </c>
      <c r="AB20" s="9">
        <f t="shared" si="266"/>
        <v>1.1198625664220412</v>
      </c>
      <c r="AC20" s="9">
        <f t="shared" si="266"/>
        <v>1.1198625664220412</v>
      </c>
      <c r="AD20" s="9">
        <f t="shared" si="266"/>
        <v>1.1198625664220412</v>
      </c>
      <c r="AE20" s="9">
        <f t="shared" si="266"/>
        <v>1.1198625664220412</v>
      </c>
      <c r="AF20" s="9">
        <f t="shared" si="266"/>
        <v>1.1198625664220412</v>
      </c>
      <c r="AG20" s="9">
        <f t="shared" si="266"/>
        <v>1.1198625664220412</v>
      </c>
      <c r="AH20" s="9">
        <f t="shared" si="266"/>
        <v>1.1198625664220412</v>
      </c>
      <c r="AI20" s="9">
        <f t="shared" si="266"/>
        <v>1.1198625664220412</v>
      </c>
      <c r="AJ20" s="9">
        <f t="shared" si="266"/>
        <v>1.1198625664220412</v>
      </c>
      <c r="AK20" s="9">
        <f t="shared" si="266"/>
        <v>1.1198625664220412</v>
      </c>
      <c r="AL20" s="9">
        <f t="shared" si="266"/>
        <v>1.1198625664220412</v>
      </c>
      <c r="AM20" s="9">
        <f t="shared" si="266"/>
        <v>1.1198625664220412</v>
      </c>
      <c r="AN20" s="9">
        <f t="shared" si="266"/>
        <v>1.1198625664220412</v>
      </c>
      <c r="AO20" s="9">
        <f t="shared" si="266"/>
        <v>1.1198625664220412</v>
      </c>
      <c r="AP20" s="9">
        <f t="shared" si="266"/>
        <v>1.1198625664220412</v>
      </c>
      <c r="AQ20" s="9">
        <f t="shared" si="266"/>
        <v>1.1198625664220412</v>
      </c>
      <c r="AR20" s="9">
        <f t="shared" si="266"/>
        <v>1.1198625664220412</v>
      </c>
      <c r="AS20" s="9">
        <f t="shared" si="266"/>
        <v>1.1198625664220412</v>
      </c>
      <c r="AT20" s="9">
        <f t="shared" si="266"/>
        <v>1.1198625664220412</v>
      </c>
      <c r="AU20" s="9">
        <f t="shared" si="266"/>
        <v>1.1198625664220412</v>
      </c>
      <c r="AV20" s="9">
        <f t="shared" si="266"/>
        <v>1.1198625664220412</v>
      </c>
      <c r="AW20" s="9">
        <f t="shared" si="266"/>
        <v>1.1198625664220412</v>
      </c>
      <c r="AX20" s="9">
        <f t="shared" si="266"/>
        <v>1.1198625664220412</v>
      </c>
      <c r="AY20" s="9">
        <f t="shared" si="266"/>
        <v>1.1198625664220412</v>
      </c>
      <c r="AZ20" s="9">
        <f t="shared" si="266"/>
        <v>1.1198625664220412</v>
      </c>
      <c r="BA20" s="9">
        <f t="shared" si="266"/>
        <v>1.1198625664220412</v>
      </c>
      <c r="BB20" s="9">
        <f t="shared" si="266"/>
        <v>1.1198625664220412</v>
      </c>
      <c r="BC20" s="9">
        <f t="shared" si="266"/>
        <v>1.1198625664220412</v>
      </c>
      <c r="BD20" s="9">
        <f t="shared" si="266"/>
        <v>1.1198625664220412</v>
      </c>
      <c r="BE20" s="9">
        <f t="shared" si="266"/>
        <v>1.1198625664220412</v>
      </c>
      <c r="BF20" s="9">
        <f t="shared" si="266"/>
        <v>1.1198625664220412</v>
      </c>
      <c r="BG20" s="9">
        <f t="shared" si="266"/>
        <v>1.1198625664220412</v>
      </c>
      <c r="BH20" s="9">
        <f t="shared" si="266"/>
        <v>1.1198625664220412</v>
      </c>
      <c r="BI20" s="9">
        <f t="shared" si="266"/>
        <v>1.1198625664220412</v>
      </c>
      <c r="BJ20" s="9">
        <f t="shared" si="266"/>
        <v>1.1198625664220412</v>
      </c>
      <c r="BK20" s="9">
        <f t="shared" si="266"/>
        <v>1.1198625664220412</v>
      </c>
      <c r="BL20" s="9">
        <f t="shared" si="266"/>
        <v>1.1198625664220412</v>
      </c>
      <c r="BM20" s="9">
        <f t="shared" si="266"/>
        <v>1.1198625664220412</v>
      </c>
      <c r="BN20" s="9">
        <f t="shared" si="266"/>
        <v>1.1198625664220412</v>
      </c>
      <c r="BO20" s="9">
        <f t="shared" ref="BO20:BQ21" si="268">BN20</f>
        <v>1.1198625664220412</v>
      </c>
      <c r="BP20" s="9">
        <f t="shared" si="268"/>
        <v>1.1198625664220412</v>
      </c>
      <c r="BQ20" s="9">
        <f t="shared" si="268"/>
        <v>1.1198625664220412</v>
      </c>
    </row>
    <row r="21" spans="4:69">
      <c r="E21" s="10" t="s">
        <v>10</v>
      </c>
      <c r="F21" s="3">
        <v>1.013036111111111</v>
      </c>
      <c r="G21" s="26">
        <f>G$19</f>
        <v>0.27319741666666669</v>
      </c>
      <c r="H21" s="9">
        <f t="shared" si="267"/>
        <v>0.73983869444444439</v>
      </c>
      <c r="I21" s="9"/>
      <c r="J21" s="9">
        <f t="shared" si="264"/>
        <v>1.013036111111111</v>
      </c>
      <c r="K21" s="9">
        <f t="shared" si="265"/>
        <v>1.013036111111111</v>
      </c>
      <c r="L21" s="9">
        <f t="shared" si="265"/>
        <v>1.013036111111111</v>
      </c>
      <c r="M21" s="9">
        <f t="shared" si="265"/>
        <v>1.013036111111111</v>
      </c>
      <c r="N21" s="9">
        <f t="shared" si="265"/>
        <v>1.013036111111111</v>
      </c>
      <c r="O21" s="9">
        <f t="shared" si="265"/>
        <v>1.013036111111111</v>
      </c>
      <c r="P21" s="9">
        <f t="shared" si="265"/>
        <v>1.013036111111111</v>
      </c>
      <c r="Q21" s="9">
        <f t="shared" si="265"/>
        <v>1.013036111111111</v>
      </c>
      <c r="R21" s="9">
        <f t="shared" si="265"/>
        <v>1.013036111111111</v>
      </c>
      <c r="S21" s="9">
        <f t="shared" si="265"/>
        <v>1.013036111111111</v>
      </c>
      <c r="T21" s="9">
        <f t="shared" si="265"/>
        <v>1.013036111111111</v>
      </c>
      <c r="U21" s="9">
        <f t="shared" si="265"/>
        <v>1.013036111111111</v>
      </c>
      <c r="V21" s="9">
        <f t="shared" si="265"/>
        <v>1.013036111111111</v>
      </c>
      <c r="W21" s="9">
        <f t="shared" si="265"/>
        <v>1.013036111111111</v>
      </c>
      <c r="X21" s="9">
        <f t="shared" si="265"/>
        <v>1.013036111111111</v>
      </c>
      <c r="Y21" s="9">
        <f t="shared" si="265"/>
        <v>1.013036111111111</v>
      </c>
      <c r="Z21" s="9">
        <f t="shared" si="265"/>
        <v>1.013036111111111</v>
      </c>
      <c r="AA21" s="9">
        <f t="shared" ref="AA21:AP21" si="269">Z21</f>
        <v>1.013036111111111</v>
      </c>
      <c r="AB21" s="9">
        <f t="shared" si="269"/>
        <v>1.013036111111111</v>
      </c>
      <c r="AC21" s="9">
        <f t="shared" si="269"/>
        <v>1.013036111111111</v>
      </c>
      <c r="AD21" s="9">
        <f t="shared" si="269"/>
        <v>1.013036111111111</v>
      </c>
      <c r="AE21" s="9">
        <f t="shared" si="269"/>
        <v>1.013036111111111</v>
      </c>
      <c r="AF21" s="9">
        <f t="shared" si="269"/>
        <v>1.013036111111111</v>
      </c>
      <c r="AG21" s="9">
        <f t="shared" si="269"/>
        <v>1.013036111111111</v>
      </c>
      <c r="AH21" s="9">
        <f t="shared" si="269"/>
        <v>1.013036111111111</v>
      </c>
      <c r="AI21" s="9">
        <f t="shared" si="269"/>
        <v>1.013036111111111</v>
      </c>
      <c r="AJ21" s="9">
        <f t="shared" si="269"/>
        <v>1.013036111111111</v>
      </c>
      <c r="AK21" s="9">
        <f t="shared" si="269"/>
        <v>1.013036111111111</v>
      </c>
      <c r="AL21" s="9">
        <f t="shared" si="269"/>
        <v>1.013036111111111</v>
      </c>
      <c r="AM21" s="9">
        <f t="shared" si="269"/>
        <v>1.013036111111111</v>
      </c>
      <c r="AN21" s="9">
        <f t="shared" si="269"/>
        <v>1.013036111111111</v>
      </c>
      <c r="AO21" s="9">
        <f t="shared" si="269"/>
        <v>1.013036111111111</v>
      </c>
      <c r="AP21" s="9">
        <f t="shared" si="269"/>
        <v>1.013036111111111</v>
      </c>
      <c r="AQ21" s="9">
        <f t="shared" ref="AQ21:BF21" si="270">AP21</f>
        <v>1.013036111111111</v>
      </c>
      <c r="AR21" s="9">
        <f t="shared" si="270"/>
        <v>1.013036111111111</v>
      </c>
      <c r="AS21" s="9">
        <f t="shared" si="270"/>
        <v>1.013036111111111</v>
      </c>
      <c r="AT21" s="9">
        <f t="shared" si="270"/>
        <v>1.013036111111111</v>
      </c>
      <c r="AU21" s="9">
        <f t="shared" si="270"/>
        <v>1.013036111111111</v>
      </c>
      <c r="AV21" s="9">
        <f t="shared" si="270"/>
        <v>1.013036111111111</v>
      </c>
      <c r="AW21" s="9">
        <f t="shared" si="270"/>
        <v>1.013036111111111</v>
      </c>
      <c r="AX21" s="9">
        <f t="shared" si="270"/>
        <v>1.013036111111111</v>
      </c>
      <c r="AY21" s="9">
        <f t="shared" si="270"/>
        <v>1.013036111111111</v>
      </c>
      <c r="AZ21" s="9">
        <f t="shared" si="270"/>
        <v>1.013036111111111</v>
      </c>
      <c r="BA21" s="9">
        <f t="shared" si="270"/>
        <v>1.013036111111111</v>
      </c>
      <c r="BB21" s="9">
        <f t="shared" si="270"/>
        <v>1.013036111111111</v>
      </c>
      <c r="BC21" s="9">
        <f t="shared" si="270"/>
        <v>1.013036111111111</v>
      </c>
      <c r="BD21" s="9">
        <f t="shared" si="270"/>
        <v>1.013036111111111</v>
      </c>
      <c r="BE21" s="9">
        <f t="shared" si="270"/>
        <v>1.013036111111111</v>
      </c>
      <c r="BF21" s="9">
        <f t="shared" si="270"/>
        <v>1.013036111111111</v>
      </c>
      <c r="BG21" s="9">
        <f t="shared" ref="BG21:BN21" si="271">BF21</f>
        <v>1.013036111111111</v>
      </c>
      <c r="BH21" s="9">
        <f t="shared" si="271"/>
        <v>1.013036111111111</v>
      </c>
      <c r="BI21" s="9">
        <f t="shared" si="271"/>
        <v>1.013036111111111</v>
      </c>
      <c r="BJ21" s="9">
        <f t="shared" si="271"/>
        <v>1.013036111111111</v>
      </c>
      <c r="BK21" s="9">
        <f t="shared" si="271"/>
        <v>1.013036111111111</v>
      </c>
      <c r="BL21" s="9">
        <f t="shared" si="271"/>
        <v>1.013036111111111</v>
      </c>
      <c r="BM21" s="9">
        <f t="shared" si="271"/>
        <v>1.013036111111111</v>
      </c>
      <c r="BN21" s="9">
        <f t="shared" si="271"/>
        <v>1.013036111111111</v>
      </c>
      <c r="BO21" s="9">
        <f t="shared" si="268"/>
        <v>1.013036111111111</v>
      </c>
      <c r="BP21" s="9">
        <f t="shared" si="268"/>
        <v>1.013036111111111</v>
      </c>
      <c r="BQ21" s="9">
        <f t="shared" si="268"/>
        <v>1.013036111111111</v>
      </c>
    </row>
    <row r="22" spans="4:69">
      <c r="E22" s="18"/>
      <c r="F22" s="3"/>
      <c r="G22" s="26"/>
      <c r="H22" s="9"/>
      <c r="I22" s="9"/>
    </row>
    <row r="23" spans="4:69">
      <c r="D23" s="18" t="s">
        <v>17</v>
      </c>
      <c r="F23" s="3"/>
      <c r="G23" s="26"/>
      <c r="H23" s="9"/>
      <c r="I23" s="9"/>
    </row>
    <row r="24" spans="4:69">
      <c r="D24" s="18"/>
      <c r="E24" s="7" t="s">
        <v>16</v>
      </c>
      <c r="F24" s="27">
        <v>1.9580000000000001E-3</v>
      </c>
      <c r="G24" s="27"/>
      <c r="H24" s="9"/>
      <c r="I24" s="9"/>
    </row>
    <row r="25" spans="4:69">
      <c r="E25" s="10" t="s">
        <v>7</v>
      </c>
      <c r="F25" s="27">
        <v>2.8719019607843137E-3</v>
      </c>
      <c r="G25" s="28"/>
      <c r="H25" s="9"/>
      <c r="I25" s="9"/>
    </row>
    <row r="26" spans="4:69">
      <c r="E26" s="10" t="s">
        <v>9</v>
      </c>
      <c r="F26" s="27">
        <v>2.3841504112808456E-3</v>
      </c>
      <c r="G26" s="26"/>
      <c r="H26" s="9"/>
      <c r="I26" s="9"/>
    </row>
    <row r="27" spans="4:69">
      <c r="E27" s="10" t="s">
        <v>10</v>
      </c>
      <c r="F27" s="27">
        <v>0</v>
      </c>
      <c r="G27" s="26"/>
      <c r="H27" s="9"/>
      <c r="I27" s="9"/>
      <c r="J27" s="29"/>
    </row>
    <row r="28" spans="4:69">
      <c r="E28" s="18"/>
      <c r="F28" s="3"/>
      <c r="G28" s="26"/>
      <c r="H28" s="9"/>
      <c r="I28" s="9"/>
    </row>
    <row r="29" spans="4:69">
      <c r="E29" s="18" t="s">
        <v>18</v>
      </c>
      <c r="F29" s="3" t="s">
        <v>19</v>
      </c>
      <c r="G29" s="26"/>
      <c r="H29" s="9"/>
      <c r="I29" s="9"/>
      <c r="J29" s="7">
        <v>80</v>
      </c>
      <c r="K29" s="7">
        <v>95</v>
      </c>
      <c r="L29" s="7">
        <v>110</v>
      </c>
      <c r="M29" s="7">
        <v>125</v>
      </c>
      <c r="N29" s="7">
        <v>140</v>
      </c>
      <c r="O29" s="7">
        <v>155</v>
      </c>
      <c r="P29" s="7">
        <v>170</v>
      </c>
      <c r="Q29" s="7">
        <v>170</v>
      </c>
      <c r="R29" s="7">
        <v>170</v>
      </c>
      <c r="S29" s="7">
        <v>170</v>
      </c>
      <c r="T29" s="7">
        <v>170</v>
      </c>
      <c r="U29" s="7">
        <v>170</v>
      </c>
      <c r="V29" s="7">
        <v>170</v>
      </c>
      <c r="W29" s="7">
        <v>170</v>
      </c>
      <c r="X29" s="7">
        <v>170</v>
      </c>
      <c r="Y29" s="7">
        <v>170</v>
      </c>
      <c r="Z29" s="7">
        <v>170</v>
      </c>
      <c r="AA29" s="7">
        <v>170</v>
      </c>
      <c r="AB29" s="7">
        <v>170</v>
      </c>
      <c r="AC29" s="7">
        <v>170</v>
      </c>
      <c r="AD29" s="7">
        <v>170</v>
      </c>
      <c r="AE29" s="7">
        <v>170</v>
      </c>
      <c r="AF29" s="7">
        <v>170</v>
      </c>
      <c r="AG29" s="7">
        <v>170</v>
      </c>
      <c r="AH29" s="7">
        <v>170</v>
      </c>
      <c r="AI29" s="7">
        <v>170</v>
      </c>
      <c r="AJ29" s="7">
        <v>170</v>
      </c>
      <c r="AK29" s="7">
        <v>170</v>
      </c>
      <c r="AL29" s="7">
        <v>170</v>
      </c>
      <c r="AM29" s="7">
        <v>170</v>
      </c>
      <c r="AN29" s="7">
        <v>170</v>
      </c>
      <c r="AO29" s="7">
        <v>170</v>
      </c>
      <c r="AP29" s="7">
        <v>170</v>
      </c>
      <c r="AQ29" s="7">
        <v>170</v>
      </c>
      <c r="AR29" s="7">
        <v>170</v>
      </c>
      <c r="AS29" s="7">
        <v>170</v>
      </c>
      <c r="AT29" s="7">
        <v>170</v>
      </c>
      <c r="AU29" s="7">
        <v>170</v>
      </c>
      <c r="AV29" s="7">
        <v>170</v>
      </c>
      <c r="AW29" s="7">
        <v>170</v>
      </c>
      <c r="AX29" s="7">
        <v>170</v>
      </c>
      <c r="AY29" s="7">
        <v>170</v>
      </c>
      <c r="AZ29" s="7">
        <v>170</v>
      </c>
      <c r="BA29" s="7">
        <v>170</v>
      </c>
      <c r="BB29" s="7">
        <v>170</v>
      </c>
      <c r="BC29" s="7">
        <v>170</v>
      </c>
      <c r="BD29" s="7">
        <v>170</v>
      </c>
      <c r="BE29" s="7">
        <v>170</v>
      </c>
      <c r="BF29" s="7">
        <v>170</v>
      </c>
      <c r="BG29" s="7">
        <v>170</v>
      </c>
      <c r="BH29" s="7">
        <v>170</v>
      </c>
      <c r="BI29" s="7">
        <v>170</v>
      </c>
      <c r="BJ29" s="7">
        <v>170</v>
      </c>
      <c r="BK29" s="7">
        <v>170</v>
      </c>
      <c r="BL29" s="7">
        <v>170</v>
      </c>
      <c r="BM29" s="7">
        <v>170</v>
      </c>
      <c r="BN29" s="7">
        <v>170</v>
      </c>
      <c r="BO29" s="7">
        <v>170</v>
      </c>
      <c r="BP29" s="7">
        <v>170</v>
      </c>
      <c r="BQ29" s="7">
        <v>170</v>
      </c>
    </row>
    <row r="30" spans="4:69">
      <c r="D30" s="7" t="s">
        <v>20</v>
      </c>
      <c r="E30" s="18"/>
      <c r="F30" s="3"/>
      <c r="G30" s="26"/>
      <c r="H30" s="9"/>
      <c r="I30" s="9"/>
    </row>
    <row r="31" spans="4:69">
      <c r="E31" s="18" t="s">
        <v>16</v>
      </c>
      <c r="F31" s="3" t="s">
        <v>21</v>
      </c>
      <c r="G31" s="26"/>
      <c r="H31" s="9"/>
      <c r="I31" s="9"/>
      <c r="J31" s="9">
        <f t="shared" ref="J31:AO31" si="272">J$29*$F24</f>
        <v>0.15664</v>
      </c>
      <c r="K31" s="9">
        <f t="shared" si="272"/>
        <v>0.18601000000000001</v>
      </c>
      <c r="L31" s="9">
        <f t="shared" si="272"/>
        <v>0.21538000000000002</v>
      </c>
      <c r="M31" s="9">
        <f t="shared" si="272"/>
        <v>0.24475000000000002</v>
      </c>
      <c r="N31" s="9">
        <f t="shared" si="272"/>
        <v>0.27412000000000003</v>
      </c>
      <c r="O31" s="9">
        <f t="shared" si="272"/>
        <v>0.30349000000000004</v>
      </c>
      <c r="P31" s="9">
        <f t="shared" si="272"/>
        <v>0.33286000000000004</v>
      </c>
      <c r="Q31" s="9">
        <f t="shared" si="272"/>
        <v>0.33286000000000004</v>
      </c>
      <c r="R31" s="9">
        <f t="shared" si="272"/>
        <v>0.33286000000000004</v>
      </c>
      <c r="S31" s="9">
        <f t="shared" si="272"/>
        <v>0.33286000000000004</v>
      </c>
      <c r="T31" s="9">
        <f t="shared" si="272"/>
        <v>0.33286000000000004</v>
      </c>
      <c r="U31" s="9">
        <f t="shared" si="272"/>
        <v>0.33286000000000004</v>
      </c>
      <c r="V31" s="9">
        <f t="shared" si="272"/>
        <v>0.33286000000000004</v>
      </c>
      <c r="W31" s="9">
        <f t="shared" si="272"/>
        <v>0.33286000000000004</v>
      </c>
      <c r="X31" s="9">
        <f t="shared" si="272"/>
        <v>0.33286000000000004</v>
      </c>
      <c r="Y31" s="9">
        <f t="shared" si="272"/>
        <v>0.33286000000000004</v>
      </c>
      <c r="Z31" s="9">
        <f t="shared" si="272"/>
        <v>0.33286000000000004</v>
      </c>
      <c r="AA31" s="9">
        <f t="shared" si="272"/>
        <v>0.33286000000000004</v>
      </c>
      <c r="AB31" s="9">
        <f t="shared" si="272"/>
        <v>0.33286000000000004</v>
      </c>
      <c r="AC31" s="9">
        <f t="shared" si="272"/>
        <v>0.33286000000000004</v>
      </c>
      <c r="AD31" s="9">
        <f t="shared" si="272"/>
        <v>0.33286000000000004</v>
      </c>
      <c r="AE31" s="9">
        <f t="shared" si="272"/>
        <v>0.33286000000000004</v>
      </c>
      <c r="AF31" s="9">
        <f t="shared" si="272"/>
        <v>0.33286000000000004</v>
      </c>
      <c r="AG31" s="9">
        <f t="shared" si="272"/>
        <v>0.33286000000000004</v>
      </c>
      <c r="AH31" s="9">
        <f t="shared" si="272"/>
        <v>0.33286000000000004</v>
      </c>
      <c r="AI31" s="9">
        <f t="shared" si="272"/>
        <v>0.33286000000000004</v>
      </c>
      <c r="AJ31" s="9">
        <f t="shared" si="272"/>
        <v>0.33286000000000004</v>
      </c>
      <c r="AK31" s="9">
        <f t="shared" si="272"/>
        <v>0.33286000000000004</v>
      </c>
      <c r="AL31" s="9">
        <f t="shared" si="272"/>
        <v>0.33286000000000004</v>
      </c>
      <c r="AM31" s="9">
        <f t="shared" si="272"/>
        <v>0.33286000000000004</v>
      </c>
      <c r="AN31" s="9">
        <f t="shared" si="272"/>
        <v>0.33286000000000004</v>
      </c>
      <c r="AO31" s="9">
        <f t="shared" si="272"/>
        <v>0.33286000000000004</v>
      </c>
      <c r="AP31" s="9">
        <f t="shared" ref="AP31:BQ31" si="273">AP$29*$F24</f>
        <v>0.33286000000000004</v>
      </c>
      <c r="AQ31" s="9">
        <f t="shared" si="273"/>
        <v>0.33286000000000004</v>
      </c>
      <c r="AR31" s="9">
        <f t="shared" si="273"/>
        <v>0.33286000000000004</v>
      </c>
      <c r="AS31" s="9">
        <f t="shared" si="273"/>
        <v>0.33286000000000004</v>
      </c>
      <c r="AT31" s="9">
        <f t="shared" si="273"/>
        <v>0.33286000000000004</v>
      </c>
      <c r="AU31" s="9">
        <f t="shared" si="273"/>
        <v>0.33286000000000004</v>
      </c>
      <c r="AV31" s="9">
        <f t="shared" si="273"/>
        <v>0.33286000000000004</v>
      </c>
      <c r="AW31" s="9">
        <f t="shared" si="273"/>
        <v>0.33286000000000004</v>
      </c>
      <c r="AX31" s="9">
        <f t="shared" si="273"/>
        <v>0.33286000000000004</v>
      </c>
      <c r="AY31" s="9">
        <f t="shared" si="273"/>
        <v>0.33286000000000004</v>
      </c>
      <c r="AZ31" s="9">
        <f t="shared" si="273"/>
        <v>0.33286000000000004</v>
      </c>
      <c r="BA31" s="9">
        <f t="shared" si="273"/>
        <v>0.33286000000000004</v>
      </c>
      <c r="BB31" s="9">
        <f t="shared" si="273"/>
        <v>0.33286000000000004</v>
      </c>
      <c r="BC31" s="9">
        <f t="shared" si="273"/>
        <v>0.33286000000000004</v>
      </c>
      <c r="BD31" s="9">
        <f t="shared" si="273"/>
        <v>0.33286000000000004</v>
      </c>
      <c r="BE31" s="9">
        <f t="shared" si="273"/>
        <v>0.33286000000000004</v>
      </c>
      <c r="BF31" s="9">
        <f t="shared" si="273"/>
        <v>0.33286000000000004</v>
      </c>
      <c r="BG31" s="9">
        <f t="shared" si="273"/>
        <v>0.33286000000000004</v>
      </c>
      <c r="BH31" s="9">
        <f t="shared" si="273"/>
        <v>0.33286000000000004</v>
      </c>
      <c r="BI31" s="9">
        <f t="shared" si="273"/>
        <v>0.33286000000000004</v>
      </c>
      <c r="BJ31" s="9">
        <f t="shared" si="273"/>
        <v>0.33286000000000004</v>
      </c>
      <c r="BK31" s="9">
        <f t="shared" si="273"/>
        <v>0.33286000000000004</v>
      </c>
      <c r="BL31" s="9">
        <f t="shared" si="273"/>
        <v>0.33286000000000004</v>
      </c>
      <c r="BM31" s="9">
        <f t="shared" si="273"/>
        <v>0.33286000000000004</v>
      </c>
      <c r="BN31" s="9">
        <f t="shared" si="273"/>
        <v>0.33286000000000004</v>
      </c>
      <c r="BO31" s="9">
        <f t="shared" si="273"/>
        <v>0.33286000000000004</v>
      </c>
      <c r="BP31" s="9">
        <f t="shared" si="273"/>
        <v>0.33286000000000004</v>
      </c>
      <c r="BQ31" s="9">
        <f t="shared" si="273"/>
        <v>0.33286000000000004</v>
      </c>
    </row>
    <row r="32" spans="4:69">
      <c r="E32" s="10" t="s">
        <v>7</v>
      </c>
      <c r="F32" s="3" t="s">
        <v>21</v>
      </c>
      <c r="G32" s="26"/>
      <c r="H32" s="9"/>
      <c r="I32" s="9"/>
      <c r="J32" s="9">
        <f t="shared" ref="J32:AO32" si="274">J$29*$F25</f>
        <v>0.22975215686274508</v>
      </c>
      <c r="K32" s="9">
        <f t="shared" si="274"/>
        <v>0.27283068627450979</v>
      </c>
      <c r="L32" s="9">
        <f t="shared" si="274"/>
        <v>0.3159092156862745</v>
      </c>
      <c r="M32" s="9">
        <f t="shared" si="274"/>
        <v>0.35898774509803921</v>
      </c>
      <c r="N32" s="9">
        <f t="shared" si="274"/>
        <v>0.40206627450980392</v>
      </c>
      <c r="O32" s="9">
        <f t="shared" si="274"/>
        <v>0.44514480392156863</v>
      </c>
      <c r="P32" s="9">
        <f t="shared" si="274"/>
        <v>0.48822333333333334</v>
      </c>
      <c r="Q32" s="9">
        <f t="shared" si="274"/>
        <v>0.48822333333333334</v>
      </c>
      <c r="R32" s="9">
        <f t="shared" si="274"/>
        <v>0.48822333333333334</v>
      </c>
      <c r="S32" s="9">
        <f t="shared" si="274"/>
        <v>0.48822333333333334</v>
      </c>
      <c r="T32" s="9">
        <f t="shared" si="274"/>
        <v>0.48822333333333334</v>
      </c>
      <c r="U32" s="9">
        <f t="shared" si="274"/>
        <v>0.48822333333333334</v>
      </c>
      <c r="V32" s="9">
        <f t="shared" si="274"/>
        <v>0.48822333333333334</v>
      </c>
      <c r="W32" s="9">
        <f t="shared" si="274"/>
        <v>0.48822333333333334</v>
      </c>
      <c r="X32" s="9">
        <f t="shared" si="274"/>
        <v>0.48822333333333334</v>
      </c>
      <c r="Y32" s="9">
        <f t="shared" si="274"/>
        <v>0.48822333333333334</v>
      </c>
      <c r="Z32" s="9">
        <f t="shared" si="274"/>
        <v>0.48822333333333334</v>
      </c>
      <c r="AA32" s="9">
        <f t="shared" si="274"/>
        <v>0.48822333333333334</v>
      </c>
      <c r="AB32" s="9">
        <f t="shared" si="274"/>
        <v>0.48822333333333334</v>
      </c>
      <c r="AC32" s="9">
        <f t="shared" si="274"/>
        <v>0.48822333333333334</v>
      </c>
      <c r="AD32" s="9">
        <f t="shared" si="274"/>
        <v>0.48822333333333334</v>
      </c>
      <c r="AE32" s="9">
        <f t="shared" si="274"/>
        <v>0.48822333333333334</v>
      </c>
      <c r="AF32" s="9">
        <f t="shared" si="274"/>
        <v>0.48822333333333334</v>
      </c>
      <c r="AG32" s="9">
        <f t="shared" si="274"/>
        <v>0.48822333333333334</v>
      </c>
      <c r="AH32" s="9">
        <f t="shared" si="274"/>
        <v>0.48822333333333334</v>
      </c>
      <c r="AI32" s="9">
        <f t="shared" si="274"/>
        <v>0.48822333333333334</v>
      </c>
      <c r="AJ32" s="9">
        <f t="shared" si="274"/>
        <v>0.48822333333333334</v>
      </c>
      <c r="AK32" s="9">
        <f t="shared" si="274"/>
        <v>0.48822333333333334</v>
      </c>
      <c r="AL32" s="9">
        <f t="shared" si="274"/>
        <v>0.48822333333333334</v>
      </c>
      <c r="AM32" s="9">
        <f t="shared" si="274"/>
        <v>0.48822333333333334</v>
      </c>
      <c r="AN32" s="9">
        <f t="shared" si="274"/>
        <v>0.48822333333333334</v>
      </c>
      <c r="AO32" s="9">
        <f t="shared" si="274"/>
        <v>0.48822333333333334</v>
      </c>
      <c r="AP32" s="9">
        <f t="shared" ref="AP32:BQ32" si="275">AP$29*$F25</f>
        <v>0.48822333333333334</v>
      </c>
      <c r="AQ32" s="9">
        <f t="shared" si="275"/>
        <v>0.48822333333333334</v>
      </c>
      <c r="AR32" s="9">
        <f t="shared" si="275"/>
        <v>0.48822333333333334</v>
      </c>
      <c r="AS32" s="9">
        <f t="shared" si="275"/>
        <v>0.48822333333333334</v>
      </c>
      <c r="AT32" s="9">
        <f t="shared" si="275"/>
        <v>0.48822333333333334</v>
      </c>
      <c r="AU32" s="9">
        <f t="shared" si="275"/>
        <v>0.48822333333333334</v>
      </c>
      <c r="AV32" s="9">
        <f t="shared" si="275"/>
        <v>0.48822333333333334</v>
      </c>
      <c r="AW32" s="9">
        <f t="shared" si="275"/>
        <v>0.48822333333333334</v>
      </c>
      <c r="AX32" s="9">
        <f t="shared" si="275"/>
        <v>0.48822333333333334</v>
      </c>
      <c r="AY32" s="9">
        <f t="shared" si="275"/>
        <v>0.48822333333333334</v>
      </c>
      <c r="AZ32" s="9">
        <f t="shared" si="275"/>
        <v>0.48822333333333334</v>
      </c>
      <c r="BA32" s="9">
        <f t="shared" si="275"/>
        <v>0.48822333333333334</v>
      </c>
      <c r="BB32" s="9">
        <f t="shared" si="275"/>
        <v>0.48822333333333334</v>
      </c>
      <c r="BC32" s="9">
        <f t="shared" si="275"/>
        <v>0.48822333333333334</v>
      </c>
      <c r="BD32" s="9">
        <f t="shared" si="275"/>
        <v>0.48822333333333334</v>
      </c>
      <c r="BE32" s="9">
        <f t="shared" si="275"/>
        <v>0.48822333333333334</v>
      </c>
      <c r="BF32" s="9">
        <f t="shared" si="275"/>
        <v>0.48822333333333334</v>
      </c>
      <c r="BG32" s="9">
        <f t="shared" si="275"/>
        <v>0.48822333333333334</v>
      </c>
      <c r="BH32" s="9">
        <f t="shared" si="275"/>
        <v>0.48822333333333334</v>
      </c>
      <c r="BI32" s="9">
        <f t="shared" si="275"/>
        <v>0.48822333333333334</v>
      </c>
      <c r="BJ32" s="9">
        <f t="shared" si="275"/>
        <v>0.48822333333333334</v>
      </c>
      <c r="BK32" s="9">
        <f t="shared" si="275"/>
        <v>0.48822333333333334</v>
      </c>
      <c r="BL32" s="9">
        <f t="shared" si="275"/>
        <v>0.48822333333333334</v>
      </c>
      <c r="BM32" s="9">
        <f t="shared" si="275"/>
        <v>0.48822333333333334</v>
      </c>
      <c r="BN32" s="9">
        <f t="shared" si="275"/>
        <v>0.48822333333333334</v>
      </c>
      <c r="BO32" s="9">
        <f t="shared" si="275"/>
        <v>0.48822333333333334</v>
      </c>
      <c r="BP32" s="9">
        <f t="shared" si="275"/>
        <v>0.48822333333333334</v>
      </c>
      <c r="BQ32" s="9">
        <f t="shared" si="275"/>
        <v>0.48822333333333334</v>
      </c>
    </row>
    <row r="33" spans="1:69">
      <c r="E33" s="10" t="s">
        <v>9</v>
      </c>
      <c r="F33" s="3" t="s">
        <v>21</v>
      </c>
      <c r="G33" s="26"/>
      <c r="H33" s="9"/>
      <c r="I33" s="9"/>
      <c r="J33" s="9">
        <f t="shared" ref="J33:AO33" si="276">J$29*$F26</f>
        <v>0.19073203290246765</v>
      </c>
      <c r="K33" s="9">
        <f t="shared" si="276"/>
        <v>0.22649428907168032</v>
      </c>
      <c r="L33" s="9">
        <f t="shared" si="276"/>
        <v>0.26225654524089304</v>
      </c>
      <c r="M33" s="9">
        <f t="shared" si="276"/>
        <v>0.29801880141010567</v>
      </c>
      <c r="N33" s="9">
        <f t="shared" si="276"/>
        <v>0.33378105757931836</v>
      </c>
      <c r="O33" s="9">
        <f t="shared" si="276"/>
        <v>0.36954331374853105</v>
      </c>
      <c r="P33" s="9">
        <f t="shared" si="276"/>
        <v>0.40530556991774375</v>
      </c>
      <c r="Q33" s="9">
        <f t="shared" si="276"/>
        <v>0.40530556991774375</v>
      </c>
      <c r="R33" s="9">
        <f t="shared" si="276"/>
        <v>0.40530556991774375</v>
      </c>
      <c r="S33" s="9">
        <f t="shared" si="276"/>
        <v>0.40530556991774375</v>
      </c>
      <c r="T33" s="9">
        <f t="shared" si="276"/>
        <v>0.40530556991774375</v>
      </c>
      <c r="U33" s="9">
        <f t="shared" si="276"/>
        <v>0.40530556991774375</v>
      </c>
      <c r="V33" s="9">
        <f t="shared" si="276"/>
        <v>0.40530556991774375</v>
      </c>
      <c r="W33" s="9">
        <f t="shared" si="276"/>
        <v>0.40530556991774375</v>
      </c>
      <c r="X33" s="9">
        <f t="shared" si="276"/>
        <v>0.40530556991774375</v>
      </c>
      <c r="Y33" s="9">
        <f t="shared" si="276"/>
        <v>0.40530556991774375</v>
      </c>
      <c r="Z33" s="9">
        <f t="shared" si="276"/>
        <v>0.40530556991774375</v>
      </c>
      <c r="AA33" s="9">
        <f t="shared" si="276"/>
        <v>0.40530556991774375</v>
      </c>
      <c r="AB33" s="9">
        <f t="shared" si="276"/>
        <v>0.40530556991774375</v>
      </c>
      <c r="AC33" s="9">
        <f t="shared" si="276"/>
        <v>0.40530556991774375</v>
      </c>
      <c r="AD33" s="9">
        <f t="shared" si="276"/>
        <v>0.40530556991774375</v>
      </c>
      <c r="AE33" s="9">
        <f t="shared" si="276"/>
        <v>0.40530556991774375</v>
      </c>
      <c r="AF33" s="9">
        <f t="shared" si="276"/>
        <v>0.40530556991774375</v>
      </c>
      <c r="AG33" s="9">
        <f t="shared" si="276"/>
        <v>0.40530556991774375</v>
      </c>
      <c r="AH33" s="9">
        <f t="shared" si="276"/>
        <v>0.40530556991774375</v>
      </c>
      <c r="AI33" s="9">
        <f t="shared" si="276"/>
        <v>0.40530556991774375</v>
      </c>
      <c r="AJ33" s="9">
        <f t="shared" si="276"/>
        <v>0.40530556991774375</v>
      </c>
      <c r="AK33" s="9">
        <f t="shared" si="276"/>
        <v>0.40530556991774375</v>
      </c>
      <c r="AL33" s="9">
        <f t="shared" si="276"/>
        <v>0.40530556991774375</v>
      </c>
      <c r="AM33" s="9">
        <f t="shared" si="276"/>
        <v>0.40530556991774375</v>
      </c>
      <c r="AN33" s="9">
        <f t="shared" si="276"/>
        <v>0.40530556991774375</v>
      </c>
      <c r="AO33" s="9">
        <f t="shared" si="276"/>
        <v>0.40530556991774375</v>
      </c>
      <c r="AP33" s="9">
        <f t="shared" ref="AP33:BQ33" si="277">AP$29*$F26</f>
        <v>0.40530556991774375</v>
      </c>
      <c r="AQ33" s="9">
        <f t="shared" si="277"/>
        <v>0.40530556991774375</v>
      </c>
      <c r="AR33" s="9">
        <f t="shared" si="277"/>
        <v>0.40530556991774375</v>
      </c>
      <c r="AS33" s="9">
        <f t="shared" si="277"/>
        <v>0.40530556991774375</v>
      </c>
      <c r="AT33" s="9">
        <f t="shared" si="277"/>
        <v>0.40530556991774375</v>
      </c>
      <c r="AU33" s="9">
        <f t="shared" si="277"/>
        <v>0.40530556991774375</v>
      </c>
      <c r="AV33" s="9">
        <f t="shared" si="277"/>
        <v>0.40530556991774375</v>
      </c>
      <c r="AW33" s="9">
        <f t="shared" si="277"/>
        <v>0.40530556991774375</v>
      </c>
      <c r="AX33" s="9">
        <f t="shared" si="277"/>
        <v>0.40530556991774375</v>
      </c>
      <c r="AY33" s="9">
        <f t="shared" si="277"/>
        <v>0.40530556991774375</v>
      </c>
      <c r="AZ33" s="9">
        <f t="shared" si="277"/>
        <v>0.40530556991774375</v>
      </c>
      <c r="BA33" s="9">
        <f t="shared" si="277"/>
        <v>0.40530556991774375</v>
      </c>
      <c r="BB33" s="9">
        <f t="shared" si="277"/>
        <v>0.40530556991774375</v>
      </c>
      <c r="BC33" s="9">
        <f t="shared" si="277"/>
        <v>0.40530556991774375</v>
      </c>
      <c r="BD33" s="9">
        <f t="shared" si="277"/>
        <v>0.40530556991774375</v>
      </c>
      <c r="BE33" s="9">
        <f t="shared" si="277"/>
        <v>0.40530556991774375</v>
      </c>
      <c r="BF33" s="9">
        <f t="shared" si="277"/>
        <v>0.40530556991774375</v>
      </c>
      <c r="BG33" s="9">
        <f t="shared" si="277"/>
        <v>0.40530556991774375</v>
      </c>
      <c r="BH33" s="9">
        <f t="shared" si="277"/>
        <v>0.40530556991774375</v>
      </c>
      <c r="BI33" s="9">
        <f t="shared" si="277"/>
        <v>0.40530556991774375</v>
      </c>
      <c r="BJ33" s="9">
        <f t="shared" si="277"/>
        <v>0.40530556991774375</v>
      </c>
      <c r="BK33" s="9">
        <f t="shared" si="277"/>
        <v>0.40530556991774375</v>
      </c>
      <c r="BL33" s="9">
        <f t="shared" si="277"/>
        <v>0.40530556991774375</v>
      </c>
      <c r="BM33" s="9">
        <f t="shared" si="277"/>
        <v>0.40530556991774375</v>
      </c>
      <c r="BN33" s="9">
        <f t="shared" si="277"/>
        <v>0.40530556991774375</v>
      </c>
      <c r="BO33" s="9">
        <f t="shared" si="277"/>
        <v>0.40530556991774375</v>
      </c>
      <c r="BP33" s="9">
        <f t="shared" si="277"/>
        <v>0.40530556991774375</v>
      </c>
      <c r="BQ33" s="9">
        <f t="shared" si="277"/>
        <v>0.40530556991774375</v>
      </c>
    </row>
    <row r="34" spans="1:69">
      <c r="E34" s="10" t="s">
        <v>10</v>
      </c>
      <c r="F34" s="3" t="s">
        <v>21</v>
      </c>
      <c r="G34" s="26"/>
      <c r="H34" s="9"/>
      <c r="I34" s="9"/>
      <c r="J34" s="9">
        <f t="shared" ref="J34:AO34" si="278">J$29*$F27</f>
        <v>0</v>
      </c>
      <c r="K34" s="9">
        <f t="shared" si="278"/>
        <v>0</v>
      </c>
      <c r="L34" s="9">
        <f t="shared" si="278"/>
        <v>0</v>
      </c>
      <c r="M34" s="9">
        <f t="shared" si="278"/>
        <v>0</v>
      </c>
      <c r="N34" s="9">
        <f t="shared" si="278"/>
        <v>0</v>
      </c>
      <c r="O34" s="9">
        <f t="shared" si="278"/>
        <v>0</v>
      </c>
      <c r="P34" s="9">
        <f t="shared" si="278"/>
        <v>0</v>
      </c>
      <c r="Q34" s="9">
        <f t="shared" si="278"/>
        <v>0</v>
      </c>
      <c r="R34" s="9">
        <f t="shared" si="278"/>
        <v>0</v>
      </c>
      <c r="S34" s="9">
        <f t="shared" si="278"/>
        <v>0</v>
      </c>
      <c r="T34" s="9">
        <f t="shared" si="278"/>
        <v>0</v>
      </c>
      <c r="U34" s="9">
        <f t="shared" si="278"/>
        <v>0</v>
      </c>
      <c r="V34" s="9">
        <f t="shared" si="278"/>
        <v>0</v>
      </c>
      <c r="W34" s="9">
        <f t="shared" si="278"/>
        <v>0</v>
      </c>
      <c r="X34" s="9">
        <f t="shared" si="278"/>
        <v>0</v>
      </c>
      <c r="Y34" s="9">
        <f t="shared" si="278"/>
        <v>0</v>
      </c>
      <c r="Z34" s="9">
        <f t="shared" si="278"/>
        <v>0</v>
      </c>
      <c r="AA34" s="9">
        <f t="shared" si="278"/>
        <v>0</v>
      </c>
      <c r="AB34" s="9">
        <f t="shared" si="278"/>
        <v>0</v>
      </c>
      <c r="AC34" s="9">
        <f t="shared" si="278"/>
        <v>0</v>
      </c>
      <c r="AD34" s="9">
        <f t="shared" si="278"/>
        <v>0</v>
      </c>
      <c r="AE34" s="9">
        <f t="shared" si="278"/>
        <v>0</v>
      </c>
      <c r="AF34" s="9">
        <f t="shared" si="278"/>
        <v>0</v>
      </c>
      <c r="AG34" s="9">
        <f t="shared" si="278"/>
        <v>0</v>
      </c>
      <c r="AH34" s="9">
        <f t="shared" si="278"/>
        <v>0</v>
      </c>
      <c r="AI34" s="9">
        <f t="shared" si="278"/>
        <v>0</v>
      </c>
      <c r="AJ34" s="9">
        <f t="shared" si="278"/>
        <v>0</v>
      </c>
      <c r="AK34" s="9">
        <f t="shared" si="278"/>
        <v>0</v>
      </c>
      <c r="AL34" s="9">
        <f t="shared" si="278"/>
        <v>0</v>
      </c>
      <c r="AM34" s="9">
        <f t="shared" si="278"/>
        <v>0</v>
      </c>
      <c r="AN34" s="9">
        <f t="shared" si="278"/>
        <v>0</v>
      </c>
      <c r="AO34" s="9">
        <f t="shared" si="278"/>
        <v>0</v>
      </c>
      <c r="AP34" s="9">
        <f t="shared" ref="AP34:BQ34" si="279">AP$29*$F27</f>
        <v>0</v>
      </c>
      <c r="AQ34" s="9">
        <f t="shared" si="279"/>
        <v>0</v>
      </c>
      <c r="AR34" s="9">
        <f t="shared" si="279"/>
        <v>0</v>
      </c>
      <c r="AS34" s="9">
        <f t="shared" si="279"/>
        <v>0</v>
      </c>
      <c r="AT34" s="9">
        <f t="shared" si="279"/>
        <v>0</v>
      </c>
      <c r="AU34" s="9">
        <f t="shared" si="279"/>
        <v>0</v>
      </c>
      <c r="AV34" s="9">
        <f t="shared" si="279"/>
        <v>0</v>
      </c>
      <c r="AW34" s="9">
        <f t="shared" si="279"/>
        <v>0</v>
      </c>
      <c r="AX34" s="9">
        <f t="shared" si="279"/>
        <v>0</v>
      </c>
      <c r="AY34" s="9">
        <f t="shared" si="279"/>
        <v>0</v>
      </c>
      <c r="AZ34" s="9">
        <f t="shared" si="279"/>
        <v>0</v>
      </c>
      <c r="BA34" s="9">
        <f t="shared" si="279"/>
        <v>0</v>
      </c>
      <c r="BB34" s="9">
        <f t="shared" si="279"/>
        <v>0</v>
      </c>
      <c r="BC34" s="9">
        <f t="shared" si="279"/>
        <v>0</v>
      </c>
      <c r="BD34" s="9">
        <f t="shared" si="279"/>
        <v>0</v>
      </c>
      <c r="BE34" s="9">
        <f t="shared" si="279"/>
        <v>0</v>
      </c>
      <c r="BF34" s="9">
        <f t="shared" si="279"/>
        <v>0</v>
      </c>
      <c r="BG34" s="9">
        <f t="shared" si="279"/>
        <v>0</v>
      </c>
      <c r="BH34" s="9">
        <f t="shared" si="279"/>
        <v>0</v>
      </c>
      <c r="BI34" s="9">
        <f t="shared" si="279"/>
        <v>0</v>
      </c>
      <c r="BJ34" s="9">
        <f t="shared" si="279"/>
        <v>0</v>
      </c>
      <c r="BK34" s="9">
        <f t="shared" si="279"/>
        <v>0</v>
      </c>
      <c r="BL34" s="9">
        <f t="shared" si="279"/>
        <v>0</v>
      </c>
      <c r="BM34" s="9">
        <f t="shared" si="279"/>
        <v>0</v>
      </c>
      <c r="BN34" s="9">
        <f t="shared" si="279"/>
        <v>0</v>
      </c>
      <c r="BO34" s="9">
        <f t="shared" si="279"/>
        <v>0</v>
      </c>
      <c r="BP34" s="9">
        <f t="shared" si="279"/>
        <v>0</v>
      </c>
      <c r="BQ34" s="9">
        <f t="shared" si="279"/>
        <v>0</v>
      </c>
    </row>
    <row r="35" spans="1:69">
      <c r="E35" s="18"/>
      <c r="F35" s="3"/>
      <c r="G35" s="26"/>
      <c r="H35" s="9"/>
      <c r="I35" s="9"/>
    </row>
    <row r="36" spans="1:69">
      <c r="E36" s="18" t="s">
        <v>22</v>
      </c>
      <c r="F36" s="11">
        <v>1</v>
      </c>
      <c r="G36" s="26"/>
      <c r="H36" s="9"/>
      <c r="I36" s="9"/>
      <c r="J36" s="9">
        <f>$F36</f>
        <v>1</v>
      </c>
      <c r="K36" s="9">
        <f t="shared" ref="K36:BQ36" si="280">$F36</f>
        <v>1</v>
      </c>
      <c r="L36" s="9">
        <f t="shared" si="280"/>
        <v>1</v>
      </c>
      <c r="M36" s="9">
        <f t="shared" si="280"/>
        <v>1</v>
      </c>
      <c r="N36" s="9">
        <f t="shared" si="280"/>
        <v>1</v>
      </c>
      <c r="O36" s="9">
        <f t="shared" si="280"/>
        <v>1</v>
      </c>
      <c r="P36" s="9">
        <f t="shared" si="280"/>
        <v>1</v>
      </c>
      <c r="Q36" s="9">
        <f t="shared" si="280"/>
        <v>1</v>
      </c>
      <c r="R36" s="9">
        <f t="shared" si="280"/>
        <v>1</v>
      </c>
      <c r="S36" s="9">
        <f t="shared" si="280"/>
        <v>1</v>
      </c>
      <c r="T36" s="9">
        <f t="shared" si="280"/>
        <v>1</v>
      </c>
      <c r="U36" s="9">
        <f t="shared" si="280"/>
        <v>1</v>
      </c>
      <c r="V36" s="9">
        <f t="shared" si="280"/>
        <v>1</v>
      </c>
      <c r="W36" s="9">
        <f t="shared" si="280"/>
        <v>1</v>
      </c>
      <c r="X36" s="9">
        <f t="shared" si="280"/>
        <v>1</v>
      </c>
      <c r="Y36" s="9">
        <f t="shared" si="280"/>
        <v>1</v>
      </c>
      <c r="Z36" s="9">
        <f t="shared" si="280"/>
        <v>1</v>
      </c>
      <c r="AA36" s="9">
        <f t="shared" si="280"/>
        <v>1</v>
      </c>
      <c r="AB36" s="9">
        <f t="shared" si="280"/>
        <v>1</v>
      </c>
      <c r="AC36" s="9">
        <f t="shared" si="280"/>
        <v>1</v>
      </c>
      <c r="AD36" s="11">
        <f t="shared" si="280"/>
        <v>1</v>
      </c>
      <c r="AE36" s="11">
        <f t="shared" si="280"/>
        <v>1</v>
      </c>
      <c r="AF36" s="11">
        <f t="shared" si="280"/>
        <v>1</v>
      </c>
      <c r="AG36" s="11">
        <f t="shared" si="280"/>
        <v>1</v>
      </c>
      <c r="AH36" s="11">
        <f t="shared" si="280"/>
        <v>1</v>
      </c>
      <c r="AI36" s="11">
        <f t="shared" si="280"/>
        <v>1</v>
      </c>
      <c r="AJ36" s="11">
        <f t="shared" si="280"/>
        <v>1</v>
      </c>
      <c r="AK36" s="11">
        <f t="shared" si="280"/>
        <v>1</v>
      </c>
      <c r="AL36" s="11">
        <f t="shared" si="280"/>
        <v>1</v>
      </c>
      <c r="AM36" s="11">
        <f t="shared" si="280"/>
        <v>1</v>
      </c>
      <c r="AN36" s="11">
        <f t="shared" si="280"/>
        <v>1</v>
      </c>
      <c r="AO36" s="11">
        <f t="shared" si="280"/>
        <v>1</v>
      </c>
      <c r="AP36" s="11">
        <f t="shared" si="280"/>
        <v>1</v>
      </c>
      <c r="AQ36" s="11">
        <f t="shared" si="280"/>
        <v>1</v>
      </c>
      <c r="AR36" s="11">
        <f t="shared" si="280"/>
        <v>1</v>
      </c>
      <c r="AS36" s="11">
        <f t="shared" si="280"/>
        <v>1</v>
      </c>
      <c r="AT36" s="11">
        <f t="shared" si="280"/>
        <v>1</v>
      </c>
      <c r="AU36" s="11">
        <f t="shared" si="280"/>
        <v>1</v>
      </c>
      <c r="AV36" s="11">
        <f t="shared" si="280"/>
        <v>1</v>
      </c>
      <c r="AW36" s="11">
        <f t="shared" si="280"/>
        <v>1</v>
      </c>
      <c r="AX36" s="11">
        <f t="shared" si="280"/>
        <v>1</v>
      </c>
      <c r="AY36" s="11">
        <f t="shared" si="280"/>
        <v>1</v>
      </c>
      <c r="AZ36" s="11">
        <f t="shared" si="280"/>
        <v>1</v>
      </c>
      <c r="BA36" s="11">
        <f t="shared" si="280"/>
        <v>1</v>
      </c>
      <c r="BB36" s="11">
        <f t="shared" si="280"/>
        <v>1</v>
      </c>
      <c r="BC36" s="11">
        <f t="shared" si="280"/>
        <v>1</v>
      </c>
      <c r="BD36" s="11">
        <f t="shared" si="280"/>
        <v>1</v>
      </c>
      <c r="BE36" s="11">
        <f t="shared" si="280"/>
        <v>1</v>
      </c>
      <c r="BF36" s="11">
        <f t="shared" si="280"/>
        <v>1</v>
      </c>
      <c r="BG36" s="11">
        <f t="shared" si="280"/>
        <v>1</v>
      </c>
      <c r="BH36" s="11">
        <f t="shared" si="280"/>
        <v>1</v>
      </c>
      <c r="BI36" s="11">
        <f t="shared" si="280"/>
        <v>1</v>
      </c>
      <c r="BJ36" s="11">
        <f t="shared" si="280"/>
        <v>1</v>
      </c>
      <c r="BK36" s="11">
        <f t="shared" si="280"/>
        <v>1</v>
      </c>
      <c r="BL36" s="11">
        <f t="shared" si="280"/>
        <v>1</v>
      </c>
      <c r="BM36" s="11">
        <f t="shared" si="280"/>
        <v>1</v>
      </c>
      <c r="BN36" s="11">
        <f t="shared" si="280"/>
        <v>1</v>
      </c>
      <c r="BO36" s="11">
        <f t="shared" si="280"/>
        <v>1</v>
      </c>
      <c r="BP36" s="11">
        <f t="shared" si="280"/>
        <v>1</v>
      </c>
      <c r="BQ36" s="11">
        <f t="shared" si="280"/>
        <v>1</v>
      </c>
    </row>
    <row r="38" spans="1:69">
      <c r="D38" s="7" t="s">
        <v>23</v>
      </c>
    </row>
    <row r="39" spans="1:69">
      <c r="E39" s="18" t="s">
        <v>16</v>
      </c>
      <c r="J39" s="9">
        <f t="shared" ref="J39:AO39" si="281">J18+(J$36*J31)</f>
        <v>0.42983741666666669</v>
      </c>
      <c r="K39" s="9">
        <f t="shared" si="281"/>
        <v>0.4592074166666667</v>
      </c>
      <c r="L39" s="9">
        <f t="shared" si="281"/>
        <v>0.48857741666666671</v>
      </c>
      <c r="M39" s="9">
        <f t="shared" si="281"/>
        <v>0.51794741666666666</v>
      </c>
      <c r="N39" s="9">
        <f t="shared" si="281"/>
        <v>0.54731741666666678</v>
      </c>
      <c r="O39" s="9">
        <f t="shared" si="281"/>
        <v>0.57668741666666667</v>
      </c>
      <c r="P39" s="9">
        <f t="shared" si="281"/>
        <v>0.60605741666666679</v>
      </c>
      <c r="Q39" s="9">
        <f t="shared" si="281"/>
        <v>0.60605741666666679</v>
      </c>
      <c r="R39" s="9">
        <f t="shared" si="281"/>
        <v>0.60605741666666679</v>
      </c>
      <c r="S39" s="9">
        <f t="shared" si="281"/>
        <v>0.60605741666666679</v>
      </c>
      <c r="T39" s="9">
        <f t="shared" si="281"/>
        <v>0.60605741666666679</v>
      </c>
      <c r="U39" s="9">
        <f t="shared" si="281"/>
        <v>0.60605741666666679</v>
      </c>
      <c r="V39" s="9">
        <f t="shared" si="281"/>
        <v>0.60605741666666679</v>
      </c>
      <c r="W39" s="9">
        <f t="shared" si="281"/>
        <v>0.60605741666666679</v>
      </c>
      <c r="X39" s="9">
        <f t="shared" si="281"/>
        <v>0.60605741666666679</v>
      </c>
      <c r="Y39" s="9">
        <f t="shared" si="281"/>
        <v>0.60605741666666679</v>
      </c>
      <c r="Z39" s="9">
        <f t="shared" si="281"/>
        <v>0.60605741666666679</v>
      </c>
      <c r="AA39" s="9">
        <f t="shared" si="281"/>
        <v>0.60605741666666679</v>
      </c>
      <c r="AB39" s="9">
        <f t="shared" si="281"/>
        <v>0.60605741666666679</v>
      </c>
      <c r="AC39" s="9">
        <f t="shared" si="281"/>
        <v>0.60605741666666679</v>
      </c>
      <c r="AD39" s="9">
        <f t="shared" si="281"/>
        <v>0.60605741666666679</v>
      </c>
      <c r="AE39" s="9">
        <f t="shared" si="281"/>
        <v>0.60605741666666679</v>
      </c>
      <c r="AF39" s="9">
        <f t="shared" si="281"/>
        <v>0.60605741666666679</v>
      </c>
      <c r="AG39" s="9">
        <f t="shared" si="281"/>
        <v>0.60605741666666679</v>
      </c>
      <c r="AH39" s="9">
        <f t="shared" si="281"/>
        <v>0.60605741666666679</v>
      </c>
      <c r="AI39" s="9">
        <f t="shared" si="281"/>
        <v>0.60605741666666679</v>
      </c>
      <c r="AJ39" s="9">
        <f t="shared" si="281"/>
        <v>0.60605741666666679</v>
      </c>
      <c r="AK39" s="9">
        <f t="shared" si="281"/>
        <v>0.60605741666666679</v>
      </c>
      <c r="AL39" s="9">
        <f t="shared" si="281"/>
        <v>0.60605741666666679</v>
      </c>
      <c r="AM39" s="9">
        <f t="shared" si="281"/>
        <v>0.60605741666666679</v>
      </c>
      <c r="AN39" s="9">
        <f t="shared" si="281"/>
        <v>0.60605741666666679</v>
      </c>
      <c r="AO39" s="9">
        <f t="shared" si="281"/>
        <v>0.60605741666666679</v>
      </c>
      <c r="AP39" s="9">
        <f t="shared" ref="AP39:BQ39" si="282">AP18+(AP$36*AP31)</f>
        <v>0.60605741666666679</v>
      </c>
      <c r="AQ39" s="9">
        <f t="shared" si="282"/>
        <v>0.60605741666666679</v>
      </c>
      <c r="AR39" s="9">
        <f t="shared" si="282"/>
        <v>0.60605741666666679</v>
      </c>
      <c r="AS39" s="9">
        <f t="shared" si="282"/>
        <v>0.60605741666666679</v>
      </c>
      <c r="AT39" s="9">
        <f t="shared" si="282"/>
        <v>0.60605741666666679</v>
      </c>
      <c r="AU39" s="9">
        <f t="shared" si="282"/>
        <v>0.60605741666666679</v>
      </c>
      <c r="AV39" s="9">
        <f t="shared" si="282"/>
        <v>0.60605741666666679</v>
      </c>
      <c r="AW39" s="9">
        <f t="shared" si="282"/>
        <v>0.60605741666666679</v>
      </c>
      <c r="AX39" s="9">
        <f t="shared" si="282"/>
        <v>0.60605741666666679</v>
      </c>
      <c r="AY39" s="9">
        <f t="shared" si="282"/>
        <v>0.60605741666666679</v>
      </c>
      <c r="AZ39" s="9">
        <f t="shared" si="282"/>
        <v>0.60605741666666679</v>
      </c>
      <c r="BA39" s="9">
        <f t="shared" si="282"/>
        <v>0.60605741666666679</v>
      </c>
      <c r="BB39" s="9">
        <f t="shared" si="282"/>
        <v>0.60605741666666679</v>
      </c>
      <c r="BC39" s="9">
        <f t="shared" si="282"/>
        <v>0.60605741666666679</v>
      </c>
      <c r="BD39" s="9">
        <f t="shared" si="282"/>
        <v>0.60605741666666679</v>
      </c>
      <c r="BE39" s="9">
        <f t="shared" si="282"/>
        <v>0.60605741666666679</v>
      </c>
      <c r="BF39" s="9">
        <f t="shared" si="282"/>
        <v>0.60605741666666679</v>
      </c>
      <c r="BG39" s="9">
        <f t="shared" si="282"/>
        <v>0.60605741666666679</v>
      </c>
      <c r="BH39" s="9">
        <f t="shared" si="282"/>
        <v>0.60605741666666679</v>
      </c>
      <c r="BI39" s="9">
        <f t="shared" si="282"/>
        <v>0.60605741666666679</v>
      </c>
      <c r="BJ39" s="9">
        <f t="shared" si="282"/>
        <v>0.60605741666666679</v>
      </c>
      <c r="BK39" s="9">
        <f t="shared" si="282"/>
        <v>0.60605741666666679</v>
      </c>
      <c r="BL39" s="9">
        <f t="shared" si="282"/>
        <v>0.60605741666666679</v>
      </c>
      <c r="BM39" s="9">
        <f t="shared" si="282"/>
        <v>0.60605741666666679</v>
      </c>
      <c r="BN39" s="9">
        <f t="shared" si="282"/>
        <v>0.60605741666666679</v>
      </c>
      <c r="BO39" s="9">
        <f t="shared" si="282"/>
        <v>0.60605741666666679</v>
      </c>
      <c r="BP39" s="9">
        <f t="shared" si="282"/>
        <v>0.60605741666666679</v>
      </c>
      <c r="BQ39" s="9">
        <f t="shared" si="282"/>
        <v>0.60605741666666679</v>
      </c>
    </row>
    <row r="40" spans="1:69">
      <c r="E40" s="10" t="s">
        <v>7</v>
      </c>
      <c r="J40" s="9">
        <f t="shared" ref="J40:AO40" si="283">J19+(J$36*J32)</f>
        <v>1.9263130973815104</v>
      </c>
      <c r="K40" s="9">
        <f t="shared" si="283"/>
        <v>1.969391626793275</v>
      </c>
      <c r="L40" s="9">
        <f t="shared" si="283"/>
        <v>2.0124701562050396</v>
      </c>
      <c r="M40" s="9">
        <f t="shared" si="283"/>
        <v>2.0555486856168041</v>
      </c>
      <c r="N40" s="9">
        <f t="shared" si="283"/>
        <v>2.0986272150285692</v>
      </c>
      <c r="O40" s="9">
        <f t="shared" si="283"/>
        <v>2.1417057444403338</v>
      </c>
      <c r="P40" s="9">
        <f t="shared" si="283"/>
        <v>2.1847842738520984</v>
      </c>
      <c r="Q40" s="9">
        <f t="shared" si="283"/>
        <v>2.1847842738520984</v>
      </c>
      <c r="R40" s="9">
        <f t="shared" si="283"/>
        <v>2.1847842738520984</v>
      </c>
      <c r="S40" s="9">
        <f t="shared" si="283"/>
        <v>2.1847842738520984</v>
      </c>
      <c r="T40" s="9">
        <f t="shared" si="283"/>
        <v>2.1847842738520984</v>
      </c>
      <c r="U40" s="9">
        <f t="shared" si="283"/>
        <v>2.1847842738520984</v>
      </c>
      <c r="V40" s="9">
        <f t="shared" si="283"/>
        <v>2.1847842738520984</v>
      </c>
      <c r="W40" s="9">
        <f t="shared" si="283"/>
        <v>2.1847842738520984</v>
      </c>
      <c r="X40" s="9">
        <f t="shared" si="283"/>
        <v>2.1847842738520984</v>
      </c>
      <c r="Y40" s="9">
        <f t="shared" si="283"/>
        <v>2.1847842738520984</v>
      </c>
      <c r="Z40" s="9">
        <f t="shared" si="283"/>
        <v>2.1847842738520984</v>
      </c>
      <c r="AA40" s="9">
        <f t="shared" si="283"/>
        <v>2.1847842738520984</v>
      </c>
      <c r="AB40" s="9">
        <f t="shared" si="283"/>
        <v>2.1847842738520984</v>
      </c>
      <c r="AC40" s="9">
        <f t="shared" si="283"/>
        <v>2.1847842738520984</v>
      </c>
      <c r="AD40" s="9">
        <f t="shared" si="283"/>
        <v>2.1847842738520984</v>
      </c>
      <c r="AE40" s="9">
        <f t="shared" si="283"/>
        <v>2.1847842738520984</v>
      </c>
      <c r="AF40" s="9">
        <f t="shared" si="283"/>
        <v>2.1847842738520984</v>
      </c>
      <c r="AG40" s="9">
        <f t="shared" si="283"/>
        <v>2.1847842738520984</v>
      </c>
      <c r="AH40" s="9">
        <f t="shared" si="283"/>
        <v>2.1847842738520984</v>
      </c>
      <c r="AI40" s="9">
        <f t="shared" si="283"/>
        <v>2.1847842738520984</v>
      </c>
      <c r="AJ40" s="9">
        <f t="shared" si="283"/>
        <v>2.1847842738520984</v>
      </c>
      <c r="AK40" s="9">
        <f t="shared" si="283"/>
        <v>2.1847842738520984</v>
      </c>
      <c r="AL40" s="9">
        <f t="shared" si="283"/>
        <v>2.1847842738520984</v>
      </c>
      <c r="AM40" s="9">
        <f t="shared" si="283"/>
        <v>2.1847842738520984</v>
      </c>
      <c r="AN40" s="9">
        <f t="shared" si="283"/>
        <v>2.1847842738520984</v>
      </c>
      <c r="AO40" s="9">
        <f t="shared" si="283"/>
        <v>2.1847842738520984</v>
      </c>
      <c r="AP40" s="9">
        <f t="shared" ref="AP40:BQ40" si="284">AP19+(AP$36*AP32)</f>
        <v>2.1847842738520984</v>
      </c>
      <c r="AQ40" s="9">
        <f t="shared" si="284"/>
        <v>2.1847842738520984</v>
      </c>
      <c r="AR40" s="9">
        <f t="shared" si="284"/>
        <v>2.1847842738520984</v>
      </c>
      <c r="AS40" s="9">
        <f t="shared" si="284"/>
        <v>2.1847842738520984</v>
      </c>
      <c r="AT40" s="9">
        <f t="shared" si="284"/>
        <v>2.1847842738520984</v>
      </c>
      <c r="AU40" s="9">
        <f t="shared" si="284"/>
        <v>2.1847842738520984</v>
      </c>
      <c r="AV40" s="9">
        <f t="shared" si="284"/>
        <v>2.1847842738520984</v>
      </c>
      <c r="AW40" s="9">
        <f t="shared" si="284"/>
        <v>2.1847842738520984</v>
      </c>
      <c r="AX40" s="9">
        <f t="shared" si="284"/>
        <v>2.1847842738520984</v>
      </c>
      <c r="AY40" s="9">
        <f t="shared" si="284"/>
        <v>2.1847842738520984</v>
      </c>
      <c r="AZ40" s="9">
        <f t="shared" si="284"/>
        <v>2.1847842738520984</v>
      </c>
      <c r="BA40" s="9">
        <f t="shared" si="284"/>
        <v>2.1847842738520984</v>
      </c>
      <c r="BB40" s="9">
        <f t="shared" si="284"/>
        <v>2.1847842738520984</v>
      </c>
      <c r="BC40" s="9">
        <f t="shared" si="284"/>
        <v>2.1847842738520984</v>
      </c>
      <c r="BD40" s="9">
        <f t="shared" si="284"/>
        <v>2.1847842738520984</v>
      </c>
      <c r="BE40" s="9">
        <f t="shared" si="284"/>
        <v>2.1847842738520984</v>
      </c>
      <c r="BF40" s="9">
        <f t="shared" si="284"/>
        <v>2.1847842738520984</v>
      </c>
      <c r="BG40" s="9">
        <f t="shared" si="284"/>
        <v>2.1847842738520984</v>
      </c>
      <c r="BH40" s="9">
        <f t="shared" si="284"/>
        <v>2.1847842738520984</v>
      </c>
      <c r="BI40" s="9">
        <f t="shared" si="284"/>
        <v>2.1847842738520984</v>
      </c>
      <c r="BJ40" s="9">
        <f t="shared" si="284"/>
        <v>2.1847842738520984</v>
      </c>
      <c r="BK40" s="9">
        <f t="shared" si="284"/>
        <v>2.1847842738520984</v>
      </c>
      <c r="BL40" s="9">
        <f t="shared" si="284"/>
        <v>2.1847842738520984</v>
      </c>
      <c r="BM40" s="9">
        <f t="shared" si="284"/>
        <v>2.1847842738520984</v>
      </c>
      <c r="BN40" s="9">
        <f t="shared" si="284"/>
        <v>2.1847842738520984</v>
      </c>
      <c r="BO40" s="9">
        <f t="shared" si="284"/>
        <v>2.1847842738520984</v>
      </c>
      <c r="BP40" s="9">
        <f t="shared" si="284"/>
        <v>2.1847842738520984</v>
      </c>
      <c r="BQ40" s="9">
        <f t="shared" si="284"/>
        <v>2.1847842738520984</v>
      </c>
    </row>
    <row r="41" spans="1:69">
      <c r="E41" s="10" t="s">
        <v>9</v>
      </c>
      <c r="J41" s="9">
        <f t="shared" ref="J41:AO41" si="285">J20+(J$36*J33)</f>
        <v>1.3105945993245087</v>
      </c>
      <c r="K41" s="9">
        <f t="shared" si="285"/>
        <v>1.3463568554937215</v>
      </c>
      <c r="L41" s="9">
        <f t="shared" si="285"/>
        <v>1.3821191116629343</v>
      </c>
      <c r="M41" s="9">
        <f t="shared" si="285"/>
        <v>1.4178813678321469</v>
      </c>
      <c r="N41" s="9">
        <f t="shared" si="285"/>
        <v>1.4536436240013595</v>
      </c>
      <c r="O41" s="9">
        <f t="shared" si="285"/>
        <v>1.4894058801705723</v>
      </c>
      <c r="P41" s="9">
        <f t="shared" si="285"/>
        <v>1.5251681363397849</v>
      </c>
      <c r="Q41" s="9">
        <f t="shared" si="285"/>
        <v>1.5251681363397849</v>
      </c>
      <c r="R41" s="9">
        <f t="shared" si="285"/>
        <v>1.5251681363397849</v>
      </c>
      <c r="S41" s="9">
        <f t="shared" si="285"/>
        <v>1.5251681363397849</v>
      </c>
      <c r="T41" s="9">
        <f t="shared" si="285"/>
        <v>1.5251681363397849</v>
      </c>
      <c r="U41" s="9">
        <f t="shared" si="285"/>
        <v>1.5251681363397849</v>
      </c>
      <c r="V41" s="9">
        <f t="shared" si="285"/>
        <v>1.5251681363397849</v>
      </c>
      <c r="W41" s="9">
        <f t="shared" si="285"/>
        <v>1.5251681363397849</v>
      </c>
      <c r="X41" s="9">
        <f t="shared" si="285"/>
        <v>1.5251681363397849</v>
      </c>
      <c r="Y41" s="9">
        <f t="shared" si="285"/>
        <v>1.5251681363397849</v>
      </c>
      <c r="Z41" s="9">
        <f t="shared" si="285"/>
        <v>1.5251681363397849</v>
      </c>
      <c r="AA41" s="9">
        <f t="shared" si="285"/>
        <v>1.5251681363397849</v>
      </c>
      <c r="AB41" s="9">
        <f t="shared" si="285"/>
        <v>1.5251681363397849</v>
      </c>
      <c r="AC41" s="9">
        <f t="shared" si="285"/>
        <v>1.5251681363397849</v>
      </c>
      <c r="AD41" s="9">
        <f t="shared" si="285"/>
        <v>1.5251681363397849</v>
      </c>
      <c r="AE41" s="9">
        <f t="shared" si="285"/>
        <v>1.5251681363397849</v>
      </c>
      <c r="AF41" s="9">
        <f t="shared" si="285"/>
        <v>1.5251681363397849</v>
      </c>
      <c r="AG41" s="9">
        <f t="shared" si="285"/>
        <v>1.5251681363397849</v>
      </c>
      <c r="AH41" s="9">
        <f t="shared" si="285"/>
        <v>1.5251681363397849</v>
      </c>
      <c r="AI41" s="9">
        <f t="shared" si="285"/>
        <v>1.5251681363397849</v>
      </c>
      <c r="AJ41" s="9">
        <f t="shared" si="285"/>
        <v>1.5251681363397849</v>
      </c>
      <c r="AK41" s="9">
        <f t="shared" si="285"/>
        <v>1.5251681363397849</v>
      </c>
      <c r="AL41" s="9">
        <f t="shared" si="285"/>
        <v>1.5251681363397849</v>
      </c>
      <c r="AM41" s="9">
        <f t="shared" si="285"/>
        <v>1.5251681363397849</v>
      </c>
      <c r="AN41" s="9">
        <f t="shared" si="285"/>
        <v>1.5251681363397849</v>
      </c>
      <c r="AO41" s="9">
        <f t="shared" si="285"/>
        <v>1.5251681363397849</v>
      </c>
      <c r="AP41" s="9">
        <f t="shared" ref="AP41:BQ41" si="286">AP20+(AP$36*AP33)</f>
        <v>1.5251681363397849</v>
      </c>
      <c r="AQ41" s="9">
        <f t="shared" si="286"/>
        <v>1.5251681363397849</v>
      </c>
      <c r="AR41" s="9">
        <f t="shared" si="286"/>
        <v>1.5251681363397849</v>
      </c>
      <c r="AS41" s="9">
        <f t="shared" si="286"/>
        <v>1.5251681363397849</v>
      </c>
      <c r="AT41" s="9">
        <f t="shared" si="286"/>
        <v>1.5251681363397849</v>
      </c>
      <c r="AU41" s="9">
        <f t="shared" si="286"/>
        <v>1.5251681363397849</v>
      </c>
      <c r="AV41" s="9">
        <f t="shared" si="286"/>
        <v>1.5251681363397849</v>
      </c>
      <c r="AW41" s="9">
        <f t="shared" si="286"/>
        <v>1.5251681363397849</v>
      </c>
      <c r="AX41" s="9">
        <f t="shared" si="286"/>
        <v>1.5251681363397849</v>
      </c>
      <c r="AY41" s="9">
        <f t="shared" si="286"/>
        <v>1.5251681363397849</v>
      </c>
      <c r="AZ41" s="9">
        <f t="shared" si="286"/>
        <v>1.5251681363397849</v>
      </c>
      <c r="BA41" s="9">
        <f t="shared" si="286"/>
        <v>1.5251681363397849</v>
      </c>
      <c r="BB41" s="9">
        <f t="shared" si="286"/>
        <v>1.5251681363397849</v>
      </c>
      <c r="BC41" s="9">
        <f t="shared" si="286"/>
        <v>1.5251681363397849</v>
      </c>
      <c r="BD41" s="9">
        <f t="shared" si="286"/>
        <v>1.5251681363397849</v>
      </c>
      <c r="BE41" s="9">
        <f t="shared" si="286"/>
        <v>1.5251681363397849</v>
      </c>
      <c r="BF41" s="9">
        <f t="shared" si="286"/>
        <v>1.5251681363397849</v>
      </c>
      <c r="BG41" s="9">
        <f t="shared" si="286"/>
        <v>1.5251681363397849</v>
      </c>
      <c r="BH41" s="9">
        <f t="shared" si="286"/>
        <v>1.5251681363397849</v>
      </c>
      <c r="BI41" s="9">
        <f t="shared" si="286"/>
        <v>1.5251681363397849</v>
      </c>
      <c r="BJ41" s="9">
        <f t="shared" si="286"/>
        <v>1.5251681363397849</v>
      </c>
      <c r="BK41" s="9">
        <f t="shared" si="286"/>
        <v>1.5251681363397849</v>
      </c>
      <c r="BL41" s="9">
        <f t="shared" si="286"/>
        <v>1.5251681363397849</v>
      </c>
      <c r="BM41" s="9">
        <f t="shared" si="286"/>
        <v>1.5251681363397849</v>
      </c>
      <c r="BN41" s="9">
        <f t="shared" si="286"/>
        <v>1.5251681363397849</v>
      </c>
      <c r="BO41" s="9">
        <f t="shared" si="286"/>
        <v>1.5251681363397849</v>
      </c>
      <c r="BP41" s="9">
        <f t="shared" si="286"/>
        <v>1.5251681363397849</v>
      </c>
      <c r="BQ41" s="9">
        <f t="shared" si="286"/>
        <v>1.5251681363397849</v>
      </c>
    </row>
    <row r="42" spans="1:69">
      <c r="E42" s="10" t="s">
        <v>10</v>
      </c>
      <c r="J42" s="9">
        <f t="shared" ref="J42:AO42" si="287">J21+(J$36*J34)</f>
        <v>1.013036111111111</v>
      </c>
      <c r="K42" s="9">
        <f t="shared" si="287"/>
        <v>1.013036111111111</v>
      </c>
      <c r="L42" s="9">
        <f t="shared" si="287"/>
        <v>1.013036111111111</v>
      </c>
      <c r="M42" s="9">
        <f t="shared" si="287"/>
        <v>1.013036111111111</v>
      </c>
      <c r="N42" s="9">
        <f t="shared" si="287"/>
        <v>1.013036111111111</v>
      </c>
      <c r="O42" s="9">
        <f t="shared" si="287"/>
        <v>1.013036111111111</v>
      </c>
      <c r="P42" s="9">
        <f t="shared" si="287"/>
        <v>1.013036111111111</v>
      </c>
      <c r="Q42" s="9">
        <f t="shared" si="287"/>
        <v>1.013036111111111</v>
      </c>
      <c r="R42" s="9">
        <f t="shared" si="287"/>
        <v>1.013036111111111</v>
      </c>
      <c r="S42" s="9">
        <f t="shared" si="287"/>
        <v>1.013036111111111</v>
      </c>
      <c r="T42" s="9">
        <f t="shared" si="287"/>
        <v>1.013036111111111</v>
      </c>
      <c r="U42" s="9">
        <f t="shared" si="287"/>
        <v>1.013036111111111</v>
      </c>
      <c r="V42" s="9">
        <f t="shared" si="287"/>
        <v>1.013036111111111</v>
      </c>
      <c r="W42" s="9">
        <f t="shared" si="287"/>
        <v>1.013036111111111</v>
      </c>
      <c r="X42" s="9">
        <f t="shared" si="287"/>
        <v>1.013036111111111</v>
      </c>
      <c r="Y42" s="9">
        <f t="shared" si="287"/>
        <v>1.013036111111111</v>
      </c>
      <c r="Z42" s="9">
        <f t="shared" si="287"/>
        <v>1.013036111111111</v>
      </c>
      <c r="AA42" s="9">
        <f t="shared" si="287"/>
        <v>1.013036111111111</v>
      </c>
      <c r="AB42" s="9">
        <f t="shared" si="287"/>
        <v>1.013036111111111</v>
      </c>
      <c r="AC42" s="9">
        <f t="shared" si="287"/>
        <v>1.013036111111111</v>
      </c>
      <c r="AD42" s="9">
        <f t="shared" si="287"/>
        <v>1.013036111111111</v>
      </c>
      <c r="AE42" s="9">
        <f t="shared" si="287"/>
        <v>1.013036111111111</v>
      </c>
      <c r="AF42" s="9">
        <f t="shared" si="287"/>
        <v>1.013036111111111</v>
      </c>
      <c r="AG42" s="9">
        <f t="shared" si="287"/>
        <v>1.013036111111111</v>
      </c>
      <c r="AH42" s="9">
        <f t="shared" si="287"/>
        <v>1.013036111111111</v>
      </c>
      <c r="AI42" s="9">
        <f t="shared" si="287"/>
        <v>1.013036111111111</v>
      </c>
      <c r="AJ42" s="9">
        <f t="shared" si="287"/>
        <v>1.013036111111111</v>
      </c>
      <c r="AK42" s="9">
        <f t="shared" si="287"/>
        <v>1.013036111111111</v>
      </c>
      <c r="AL42" s="9">
        <f t="shared" si="287"/>
        <v>1.013036111111111</v>
      </c>
      <c r="AM42" s="9">
        <f t="shared" si="287"/>
        <v>1.013036111111111</v>
      </c>
      <c r="AN42" s="9">
        <f t="shared" si="287"/>
        <v>1.013036111111111</v>
      </c>
      <c r="AO42" s="9">
        <f t="shared" si="287"/>
        <v>1.013036111111111</v>
      </c>
      <c r="AP42" s="9">
        <f t="shared" ref="AP42:BQ42" si="288">AP21+(AP$36*AP34)</f>
        <v>1.013036111111111</v>
      </c>
      <c r="AQ42" s="9">
        <f t="shared" si="288"/>
        <v>1.013036111111111</v>
      </c>
      <c r="AR42" s="9">
        <f t="shared" si="288"/>
        <v>1.013036111111111</v>
      </c>
      <c r="AS42" s="9">
        <f t="shared" si="288"/>
        <v>1.013036111111111</v>
      </c>
      <c r="AT42" s="9">
        <f t="shared" si="288"/>
        <v>1.013036111111111</v>
      </c>
      <c r="AU42" s="9">
        <f t="shared" si="288"/>
        <v>1.013036111111111</v>
      </c>
      <c r="AV42" s="9">
        <f t="shared" si="288"/>
        <v>1.013036111111111</v>
      </c>
      <c r="AW42" s="9">
        <f t="shared" si="288"/>
        <v>1.013036111111111</v>
      </c>
      <c r="AX42" s="9">
        <f t="shared" si="288"/>
        <v>1.013036111111111</v>
      </c>
      <c r="AY42" s="9">
        <f t="shared" si="288"/>
        <v>1.013036111111111</v>
      </c>
      <c r="AZ42" s="9">
        <f t="shared" si="288"/>
        <v>1.013036111111111</v>
      </c>
      <c r="BA42" s="9">
        <f t="shared" si="288"/>
        <v>1.013036111111111</v>
      </c>
      <c r="BB42" s="9">
        <f t="shared" si="288"/>
        <v>1.013036111111111</v>
      </c>
      <c r="BC42" s="9">
        <f t="shared" si="288"/>
        <v>1.013036111111111</v>
      </c>
      <c r="BD42" s="9">
        <f t="shared" si="288"/>
        <v>1.013036111111111</v>
      </c>
      <c r="BE42" s="9">
        <f t="shared" si="288"/>
        <v>1.013036111111111</v>
      </c>
      <c r="BF42" s="9">
        <f t="shared" si="288"/>
        <v>1.013036111111111</v>
      </c>
      <c r="BG42" s="9">
        <f t="shared" si="288"/>
        <v>1.013036111111111</v>
      </c>
      <c r="BH42" s="9">
        <f t="shared" si="288"/>
        <v>1.013036111111111</v>
      </c>
      <c r="BI42" s="9">
        <f t="shared" si="288"/>
        <v>1.013036111111111</v>
      </c>
      <c r="BJ42" s="9">
        <f t="shared" si="288"/>
        <v>1.013036111111111</v>
      </c>
      <c r="BK42" s="9">
        <f t="shared" si="288"/>
        <v>1.013036111111111</v>
      </c>
      <c r="BL42" s="9">
        <f t="shared" si="288"/>
        <v>1.013036111111111</v>
      </c>
      <c r="BM42" s="9">
        <f t="shared" si="288"/>
        <v>1.013036111111111</v>
      </c>
      <c r="BN42" s="9">
        <f t="shared" si="288"/>
        <v>1.013036111111111</v>
      </c>
      <c r="BO42" s="9">
        <f t="shared" si="288"/>
        <v>1.013036111111111</v>
      </c>
      <c r="BP42" s="9">
        <f t="shared" si="288"/>
        <v>1.013036111111111</v>
      </c>
      <c r="BQ42" s="9">
        <f t="shared" si="288"/>
        <v>1.013036111111111</v>
      </c>
    </row>
    <row r="43" spans="1:69" ht="15.75" thickBot="1">
      <c r="A43" s="30"/>
      <c r="B43" s="30"/>
      <c r="C43" s="30"/>
      <c r="D43" s="30"/>
      <c r="E43" s="31"/>
      <c r="F43" s="30"/>
      <c r="G43" s="30"/>
      <c r="H43" s="30"/>
      <c r="I43" s="30"/>
      <c r="J43" s="32"/>
      <c r="K43" s="32"/>
      <c r="L43" s="32"/>
      <c r="M43" s="32"/>
      <c r="N43" s="32"/>
      <c r="O43" s="32"/>
      <c r="P43" s="32"/>
      <c r="Q43" s="32"/>
      <c r="R43" s="32"/>
      <c r="S43" s="32"/>
      <c r="T43" s="32"/>
      <c r="U43" s="32"/>
      <c r="V43" s="32"/>
      <c r="W43" s="32"/>
      <c r="X43" s="32"/>
      <c r="Y43" s="32"/>
      <c r="Z43" s="32"/>
      <c r="AA43" s="32"/>
      <c r="AB43" s="32"/>
      <c r="AC43" s="32"/>
      <c r="AD43" s="32"/>
      <c r="AE43" s="32"/>
      <c r="AF43" s="32"/>
      <c r="AG43" s="32"/>
      <c r="AH43" s="32"/>
      <c r="AI43" s="32"/>
      <c r="AJ43" s="32"/>
      <c r="AK43" s="32"/>
      <c r="AL43" s="32"/>
      <c r="AM43" s="32"/>
      <c r="AN43" s="32"/>
      <c r="AO43" s="32"/>
      <c r="AP43" s="32"/>
      <c r="AQ43" s="32"/>
      <c r="AR43" s="32"/>
      <c r="AS43" s="32"/>
      <c r="AT43" s="32"/>
      <c r="AU43" s="32"/>
      <c r="AV43" s="32"/>
      <c r="AW43" s="32"/>
      <c r="AX43" s="30"/>
      <c r="AY43" s="30"/>
      <c r="AZ43" s="30"/>
      <c r="BA43" s="30"/>
      <c r="BB43" s="30"/>
      <c r="BC43" s="30"/>
      <c r="BD43" s="30"/>
      <c r="BE43" s="30"/>
      <c r="BF43" s="30"/>
      <c r="BG43" s="30"/>
      <c r="BH43" s="30"/>
      <c r="BI43" s="30"/>
      <c r="BJ43" s="30"/>
      <c r="BK43" s="30"/>
      <c r="BL43" s="30"/>
      <c r="BM43" s="30"/>
      <c r="BN43" s="30"/>
      <c r="BO43" s="30"/>
      <c r="BP43" s="30"/>
      <c r="BQ43" s="30"/>
    </row>
    <row r="45" spans="1:69">
      <c r="D45" s="15"/>
      <c r="F45" s="9"/>
      <c r="J45" s="33"/>
    </row>
    <row r="46" spans="1:69">
      <c r="E46" s="33"/>
      <c r="F46" s="9"/>
    </row>
    <row r="47" spans="1:69" s="11" customFormat="1">
      <c r="E47" s="4" t="s">
        <v>25</v>
      </c>
      <c r="F47" s="4" t="s">
        <v>26</v>
      </c>
      <c r="G47" s="4"/>
      <c r="H47" s="7">
        <f>SUM(J47:BQ47)</f>
        <v>16629.407999999999</v>
      </c>
      <c r="I47" s="7"/>
      <c r="J47" s="23">
        <v>1491.8040000000001</v>
      </c>
      <c r="K47" s="23">
        <v>2952.8280000000004</v>
      </c>
      <c r="L47" s="23">
        <v>2891.2679999999991</v>
      </c>
      <c r="M47" s="23">
        <v>2797.902</v>
      </c>
      <c r="N47" s="23">
        <v>2677.8600000000006</v>
      </c>
      <c r="O47" s="23">
        <v>2563.9739999999983</v>
      </c>
      <c r="P47" s="23">
        <v>1253.7720000000008</v>
      </c>
      <c r="Q47" s="23"/>
      <c r="R47" s="4"/>
      <c r="S47" s="4"/>
      <c r="T47" s="4"/>
      <c r="U47" s="4"/>
      <c r="V47" s="4"/>
      <c r="W47" s="23"/>
      <c r="X47" s="4"/>
      <c r="Y47" s="4"/>
      <c r="Z47" s="4"/>
      <c r="AA47" s="4"/>
      <c r="AB47" s="4"/>
      <c r="AC47" s="4"/>
      <c r="AD47" s="4"/>
      <c r="AE47" s="4"/>
      <c r="AF47" s="4"/>
      <c r="AG47" s="4"/>
      <c r="AH47" s="4"/>
      <c r="AI47" s="4"/>
      <c r="AJ47" s="4"/>
      <c r="AK47" s="4"/>
      <c r="AL47" s="4"/>
      <c r="AM47" s="4"/>
      <c r="AN47" s="4"/>
      <c r="AO47" s="4"/>
      <c r="AP47" s="4"/>
      <c r="AQ47" s="4"/>
      <c r="AR47" s="4"/>
      <c r="AS47" s="4"/>
      <c r="AT47" s="4"/>
      <c r="AU47" s="4"/>
      <c r="AV47" s="4"/>
      <c r="AW47" s="4"/>
      <c r="AX47" s="4"/>
      <c r="AY47" s="4"/>
      <c r="AZ47" s="4"/>
      <c r="BA47" s="4"/>
      <c r="BB47" s="4"/>
      <c r="BC47" s="4"/>
      <c r="BD47" s="4"/>
      <c r="BE47" s="4"/>
      <c r="BF47" s="4"/>
      <c r="BG47" s="4"/>
      <c r="BH47" s="4"/>
      <c r="BI47" s="4"/>
      <c r="BJ47" s="4"/>
      <c r="BK47" s="4"/>
      <c r="BL47" s="4"/>
      <c r="BM47" s="4"/>
      <c r="BN47" s="4"/>
      <c r="BO47" s="4"/>
      <c r="BP47" s="4"/>
      <c r="BQ47" s="4"/>
    </row>
    <row r="48" spans="1:69" s="11" customFormat="1">
      <c r="E48" s="4" t="s">
        <v>27</v>
      </c>
      <c r="F48" s="4" t="s">
        <v>26</v>
      </c>
      <c r="G48" s="4"/>
      <c r="H48" s="7">
        <f t="shared" ref="H48:H55" si="289">SUM(J48:BQ48)</f>
        <v>5103.125</v>
      </c>
      <c r="I48" s="7"/>
      <c r="J48" s="23">
        <v>465.40500000000003</v>
      </c>
      <c r="K48" s="23">
        <v>910.39750000000004</v>
      </c>
      <c r="L48" s="23">
        <v>881.81999999999994</v>
      </c>
      <c r="M48" s="23">
        <v>853.24250000000029</v>
      </c>
      <c r="N48" s="23">
        <v>820.58249999999998</v>
      </c>
      <c r="O48" s="23">
        <v>787.92249999999967</v>
      </c>
      <c r="P48" s="23">
        <v>383.75500000000011</v>
      </c>
      <c r="Q48" s="23"/>
      <c r="R48" s="23"/>
      <c r="S48" s="23"/>
      <c r="T48" s="23"/>
      <c r="U48" s="4"/>
      <c r="V48" s="4"/>
      <c r="W48" s="23"/>
      <c r="X48" s="4"/>
      <c r="Y48" s="4"/>
      <c r="Z48" s="4"/>
      <c r="AA48" s="4"/>
      <c r="AB48" s="4"/>
      <c r="AC48" s="4"/>
      <c r="AD48" s="4"/>
      <c r="AE48" s="4"/>
      <c r="AF48" s="4"/>
      <c r="AG48" s="4"/>
      <c r="AH48" s="4"/>
      <c r="AI48" s="4"/>
      <c r="AJ48" s="4"/>
      <c r="AK48" s="4"/>
      <c r="AL48" s="4"/>
      <c r="AM48" s="4"/>
      <c r="AN48" s="4"/>
      <c r="AO48" s="4"/>
      <c r="AP48" s="4"/>
      <c r="AQ48" s="4"/>
      <c r="AR48" s="4"/>
      <c r="AS48" s="4"/>
      <c r="AT48" s="4"/>
      <c r="AU48" s="4"/>
      <c r="AV48" s="4"/>
      <c r="AW48" s="4"/>
      <c r="AX48" s="4"/>
      <c r="AY48" s="4"/>
      <c r="AZ48" s="4"/>
      <c r="BA48" s="4"/>
      <c r="BB48" s="4"/>
      <c r="BC48" s="4"/>
      <c r="BD48" s="4"/>
      <c r="BE48" s="4"/>
      <c r="BF48" s="4"/>
      <c r="BG48" s="4"/>
      <c r="BH48" s="4"/>
      <c r="BI48" s="4"/>
      <c r="BJ48" s="4"/>
      <c r="BK48" s="4"/>
      <c r="BL48" s="4"/>
      <c r="BM48" s="4"/>
      <c r="BN48" s="4"/>
      <c r="BO48" s="4"/>
      <c r="BP48" s="4"/>
      <c r="BQ48" s="4"/>
    </row>
    <row r="49" spans="5:16384" s="11" customFormat="1">
      <c r="E49" s="4" t="s">
        <v>28</v>
      </c>
      <c r="F49" s="4" t="s">
        <v>26</v>
      </c>
      <c r="G49" s="4"/>
      <c r="H49" s="7">
        <f t="shared" si="289"/>
        <v>3128.5920000000001</v>
      </c>
      <c r="I49" s="7"/>
      <c r="J49" s="23">
        <v>260.71600000000001</v>
      </c>
      <c r="K49" s="23">
        <v>521.43200000000002</v>
      </c>
      <c r="L49" s="23">
        <v>521.4319999999999</v>
      </c>
      <c r="M49" s="23">
        <v>521.43200000000024</v>
      </c>
      <c r="N49" s="23">
        <v>521.43199999999979</v>
      </c>
      <c r="O49" s="23">
        <v>521.43199999999979</v>
      </c>
      <c r="P49" s="23">
        <v>260.71600000000035</v>
      </c>
      <c r="Q49" s="23"/>
      <c r="R49" s="23"/>
      <c r="S49" s="23"/>
      <c r="T49" s="23"/>
      <c r="U49" s="4"/>
      <c r="V49" s="4"/>
      <c r="W49" s="23"/>
      <c r="X49" s="4"/>
      <c r="Y49" s="4"/>
      <c r="Z49" s="4"/>
      <c r="AA49" s="4"/>
      <c r="AB49" s="4"/>
      <c r="AC49" s="4"/>
      <c r="AD49" s="4"/>
      <c r="AE49" s="4"/>
      <c r="AF49" s="4"/>
      <c r="AG49" s="4"/>
      <c r="AH49" s="4"/>
      <c r="AI49" s="4"/>
      <c r="AJ49" s="4"/>
      <c r="AK49" s="4"/>
      <c r="AL49" s="4"/>
      <c r="AM49" s="4"/>
      <c r="AN49" s="4"/>
      <c r="AO49" s="4"/>
      <c r="AP49" s="4"/>
      <c r="AQ49" s="4"/>
      <c r="AR49" s="4"/>
      <c r="AS49" s="4"/>
      <c r="AT49" s="4"/>
      <c r="AU49" s="4"/>
      <c r="AV49" s="4"/>
      <c r="AW49" s="4"/>
      <c r="AX49" s="4"/>
      <c r="AY49" s="4"/>
      <c r="AZ49" s="4"/>
      <c r="BA49" s="4"/>
      <c r="BB49" s="4"/>
      <c r="BC49" s="4"/>
      <c r="BD49" s="4"/>
      <c r="BE49" s="4"/>
      <c r="BF49" s="4"/>
      <c r="BG49" s="4"/>
      <c r="BH49" s="4"/>
      <c r="BI49" s="4"/>
      <c r="BJ49" s="4"/>
      <c r="BK49" s="4"/>
      <c r="BL49" s="4"/>
      <c r="BM49" s="4"/>
      <c r="BN49" s="4"/>
      <c r="BO49" s="4"/>
      <c r="BP49" s="4"/>
      <c r="BQ49" s="4"/>
    </row>
    <row r="50" spans="5:16384" s="11" customFormat="1">
      <c r="E50" s="4" t="s">
        <v>29</v>
      </c>
      <c r="F50" s="4" t="s">
        <v>26</v>
      </c>
      <c r="G50" s="4"/>
      <c r="H50" s="7">
        <f t="shared" si="289"/>
        <v>45.096000000000004</v>
      </c>
      <c r="I50" s="7"/>
      <c r="J50" s="23">
        <v>0</v>
      </c>
      <c r="K50" s="23">
        <v>7.516</v>
      </c>
      <c r="L50" s="23">
        <v>7.516</v>
      </c>
      <c r="M50" s="23">
        <v>7.5160000000000018</v>
      </c>
      <c r="N50" s="23">
        <v>7.5159999999999982</v>
      </c>
      <c r="O50" s="23">
        <v>7.5159999999999982</v>
      </c>
      <c r="P50" s="23">
        <v>7.5160000000000053</v>
      </c>
      <c r="Q50" s="23"/>
      <c r="R50" s="23"/>
      <c r="S50" s="23"/>
      <c r="T50" s="23"/>
      <c r="U50" s="4"/>
      <c r="V50" s="4"/>
      <c r="W50" s="23"/>
      <c r="X50" s="4"/>
      <c r="Y50" s="4"/>
      <c r="Z50" s="4"/>
      <c r="AA50" s="4"/>
      <c r="AB50" s="4"/>
      <c r="AC50" s="4"/>
      <c r="AD50" s="4"/>
      <c r="AE50" s="4"/>
      <c r="AF50" s="4"/>
      <c r="AG50" s="4"/>
      <c r="AH50" s="4"/>
      <c r="AI50" s="4"/>
      <c r="AJ50" s="4"/>
      <c r="AK50" s="4"/>
      <c r="AL50" s="4"/>
      <c r="AM50" s="4"/>
      <c r="AN50" s="4"/>
      <c r="AO50" s="4"/>
      <c r="AP50" s="4"/>
      <c r="AQ50" s="4"/>
      <c r="AR50" s="4"/>
      <c r="AS50" s="4"/>
      <c r="AT50" s="4"/>
      <c r="AU50" s="4"/>
      <c r="AV50" s="4"/>
      <c r="AW50" s="4"/>
      <c r="AX50" s="4"/>
      <c r="AY50" s="4"/>
      <c r="AZ50" s="4"/>
      <c r="BA50" s="4"/>
      <c r="BB50" s="4"/>
      <c r="BC50" s="4"/>
      <c r="BD50" s="4"/>
      <c r="BE50" s="4"/>
      <c r="BF50" s="4"/>
      <c r="BG50" s="4"/>
      <c r="BH50" s="4"/>
      <c r="BI50" s="4"/>
      <c r="BJ50" s="4"/>
      <c r="BK50" s="4"/>
      <c r="BL50" s="4"/>
      <c r="BM50" s="4"/>
      <c r="BN50" s="4"/>
      <c r="BO50" s="4"/>
      <c r="BP50" s="4"/>
      <c r="BQ50" s="4"/>
    </row>
    <row r="51" spans="5:16384" s="11" customFormat="1">
      <c r="E51" s="5" t="s">
        <v>30</v>
      </c>
      <c r="F51" s="5" t="s">
        <v>26</v>
      </c>
      <c r="G51" s="5"/>
      <c r="H51" s="12">
        <f t="shared" si="289"/>
        <v>24906.221000000001</v>
      </c>
      <c r="I51" s="12"/>
      <c r="J51" s="12">
        <f t="shared" ref="J51:AO51" si="290">SUM(J47:J50)</f>
        <v>2217.9250000000002</v>
      </c>
      <c r="K51" s="12">
        <f t="shared" si="290"/>
        <v>4392.1734999999999</v>
      </c>
      <c r="L51" s="12">
        <f t="shared" si="290"/>
        <v>4302.0359999999982</v>
      </c>
      <c r="M51" s="12">
        <f t="shared" si="290"/>
        <v>4180.0925000000007</v>
      </c>
      <c r="N51" s="12">
        <f t="shared" si="290"/>
        <v>4027.3905000000004</v>
      </c>
      <c r="O51" s="12">
        <f t="shared" si="290"/>
        <v>3880.8444999999979</v>
      </c>
      <c r="P51" s="12">
        <f t="shared" si="290"/>
        <v>1905.7590000000014</v>
      </c>
      <c r="Q51" s="12">
        <f t="shared" si="290"/>
        <v>0</v>
      </c>
      <c r="R51" s="12">
        <f t="shared" si="290"/>
        <v>0</v>
      </c>
      <c r="S51" s="12">
        <f t="shared" si="290"/>
        <v>0</v>
      </c>
      <c r="T51" s="12">
        <f t="shared" si="290"/>
        <v>0</v>
      </c>
      <c r="U51" s="12">
        <f t="shared" si="290"/>
        <v>0</v>
      </c>
      <c r="V51" s="12">
        <f t="shared" si="290"/>
        <v>0</v>
      </c>
      <c r="W51" s="12">
        <f t="shared" si="290"/>
        <v>0</v>
      </c>
      <c r="X51" s="12">
        <f t="shared" si="290"/>
        <v>0</v>
      </c>
      <c r="Y51" s="12">
        <f t="shared" si="290"/>
        <v>0</v>
      </c>
      <c r="Z51" s="12">
        <f t="shared" si="290"/>
        <v>0</v>
      </c>
      <c r="AA51" s="12">
        <f t="shared" si="290"/>
        <v>0</v>
      </c>
      <c r="AB51" s="12">
        <f t="shared" si="290"/>
        <v>0</v>
      </c>
      <c r="AC51" s="12">
        <f t="shared" si="290"/>
        <v>0</v>
      </c>
      <c r="AD51" s="12">
        <f t="shared" si="290"/>
        <v>0</v>
      </c>
      <c r="AE51" s="12">
        <f t="shared" si="290"/>
        <v>0</v>
      </c>
      <c r="AF51" s="12">
        <f t="shared" si="290"/>
        <v>0</v>
      </c>
      <c r="AG51" s="12">
        <f t="shared" si="290"/>
        <v>0</v>
      </c>
      <c r="AH51" s="12">
        <f t="shared" si="290"/>
        <v>0</v>
      </c>
      <c r="AI51" s="12">
        <f t="shared" si="290"/>
        <v>0</v>
      </c>
      <c r="AJ51" s="12">
        <f t="shared" si="290"/>
        <v>0</v>
      </c>
      <c r="AK51" s="12">
        <f t="shared" si="290"/>
        <v>0</v>
      </c>
      <c r="AL51" s="12">
        <f t="shared" si="290"/>
        <v>0</v>
      </c>
      <c r="AM51" s="12">
        <f t="shared" si="290"/>
        <v>0</v>
      </c>
      <c r="AN51" s="12">
        <f t="shared" si="290"/>
        <v>0</v>
      </c>
      <c r="AO51" s="12">
        <f t="shared" si="290"/>
        <v>0</v>
      </c>
      <c r="AP51" s="12">
        <f t="shared" ref="AP51:BQ51" si="291">SUM(AP47:AP50)</f>
        <v>0</v>
      </c>
      <c r="AQ51" s="12">
        <f t="shared" si="291"/>
        <v>0</v>
      </c>
      <c r="AR51" s="12">
        <f t="shared" si="291"/>
        <v>0</v>
      </c>
      <c r="AS51" s="12">
        <f t="shared" si="291"/>
        <v>0</v>
      </c>
      <c r="AT51" s="12">
        <f t="shared" si="291"/>
        <v>0</v>
      </c>
      <c r="AU51" s="12">
        <f t="shared" si="291"/>
        <v>0</v>
      </c>
      <c r="AV51" s="12">
        <f t="shared" si="291"/>
        <v>0</v>
      </c>
      <c r="AW51" s="12">
        <f t="shared" si="291"/>
        <v>0</v>
      </c>
      <c r="AX51" s="12">
        <f t="shared" si="291"/>
        <v>0</v>
      </c>
      <c r="AY51" s="12">
        <f t="shared" si="291"/>
        <v>0</v>
      </c>
      <c r="AZ51" s="12">
        <f t="shared" si="291"/>
        <v>0</v>
      </c>
      <c r="BA51" s="12">
        <f t="shared" si="291"/>
        <v>0</v>
      </c>
      <c r="BB51" s="12">
        <f t="shared" si="291"/>
        <v>0</v>
      </c>
      <c r="BC51" s="12">
        <f t="shared" si="291"/>
        <v>0</v>
      </c>
      <c r="BD51" s="12">
        <f t="shared" si="291"/>
        <v>0</v>
      </c>
      <c r="BE51" s="12">
        <f t="shared" si="291"/>
        <v>0</v>
      </c>
      <c r="BF51" s="12">
        <f t="shared" si="291"/>
        <v>0</v>
      </c>
      <c r="BG51" s="12">
        <f t="shared" si="291"/>
        <v>0</v>
      </c>
      <c r="BH51" s="12">
        <f t="shared" si="291"/>
        <v>0</v>
      </c>
      <c r="BI51" s="12">
        <f t="shared" si="291"/>
        <v>0</v>
      </c>
      <c r="BJ51" s="12">
        <f t="shared" si="291"/>
        <v>0</v>
      </c>
      <c r="BK51" s="12">
        <f t="shared" si="291"/>
        <v>0</v>
      </c>
      <c r="BL51" s="12">
        <f t="shared" si="291"/>
        <v>0</v>
      </c>
      <c r="BM51" s="12">
        <f t="shared" si="291"/>
        <v>0</v>
      </c>
      <c r="BN51" s="12">
        <f t="shared" si="291"/>
        <v>0</v>
      </c>
      <c r="BO51" s="12">
        <f t="shared" si="291"/>
        <v>0</v>
      </c>
      <c r="BP51" s="12">
        <f t="shared" si="291"/>
        <v>0</v>
      </c>
      <c r="BQ51" s="12">
        <f t="shared" si="291"/>
        <v>0</v>
      </c>
    </row>
    <row r="52" spans="5:16384">
      <c r="E52" s="4" t="s">
        <v>31</v>
      </c>
      <c r="F52" s="4" t="s">
        <v>26</v>
      </c>
      <c r="H52" s="7">
        <f t="shared" si="289"/>
        <v>949581.46800000127</v>
      </c>
      <c r="J52" s="7">
        <f t="shared" ref="J52:BU52" si="292">J47+I52</f>
        <v>1491.8040000000001</v>
      </c>
      <c r="K52" s="7">
        <f t="shared" si="292"/>
        <v>4444.6320000000005</v>
      </c>
      <c r="L52" s="7">
        <f t="shared" si="292"/>
        <v>7335.9</v>
      </c>
      <c r="M52" s="7">
        <f t="shared" si="292"/>
        <v>10133.802</v>
      </c>
      <c r="N52" s="7">
        <f t="shared" si="292"/>
        <v>12811.662</v>
      </c>
      <c r="O52" s="7">
        <f t="shared" si="292"/>
        <v>15375.635999999999</v>
      </c>
      <c r="P52" s="7">
        <f t="shared" si="292"/>
        <v>16629.407999999999</v>
      </c>
      <c r="Q52" s="7">
        <f t="shared" si="292"/>
        <v>16629.407999999999</v>
      </c>
      <c r="R52" s="7">
        <f t="shared" si="292"/>
        <v>16629.407999999999</v>
      </c>
      <c r="S52" s="7">
        <f t="shared" si="292"/>
        <v>16629.407999999999</v>
      </c>
      <c r="T52" s="7">
        <f t="shared" si="292"/>
        <v>16629.407999999999</v>
      </c>
      <c r="U52" s="7">
        <f t="shared" si="292"/>
        <v>16629.407999999999</v>
      </c>
      <c r="V52" s="7">
        <f t="shared" si="292"/>
        <v>16629.407999999999</v>
      </c>
      <c r="W52" s="7">
        <f t="shared" si="292"/>
        <v>16629.407999999999</v>
      </c>
      <c r="X52" s="7">
        <f t="shared" si="292"/>
        <v>16629.407999999999</v>
      </c>
      <c r="Y52" s="7">
        <f t="shared" si="292"/>
        <v>16629.407999999999</v>
      </c>
      <c r="Z52" s="7">
        <f t="shared" si="292"/>
        <v>16629.407999999999</v>
      </c>
      <c r="AA52" s="7">
        <f t="shared" si="292"/>
        <v>16629.407999999999</v>
      </c>
      <c r="AB52" s="7">
        <f t="shared" si="292"/>
        <v>16629.407999999999</v>
      </c>
      <c r="AC52" s="7">
        <f t="shared" si="292"/>
        <v>16629.407999999999</v>
      </c>
      <c r="AD52" s="7">
        <f t="shared" si="292"/>
        <v>16629.407999999999</v>
      </c>
      <c r="AE52" s="7">
        <f t="shared" si="292"/>
        <v>16629.407999999999</v>
      </c>
      <c r="AF52" s="7">
        <f t="shared" si="292"/>
        <v>16629.407999999999</v>
      </c>
      <c r="AG52" s="7">
        <f t="shared" si="292"/>
        <v>16629.407999999999</v>
      </c>
      <c r="AH52" s="7">
        <f t="shared" si="292"/>
        <v>16629.407999999999</v>
      </c>
      <c r="AI52" s="7">
        <f t="shared" si="292"/>
        <v>16629.407999999999</v>
      </c>
      <c r="AJ52" s="7">
        <f t="shared" si="292"/>
        <v>16629.407999999999</v>
      </c>
      <c r="AK52" s="7">
        <f t="shared" si="292"/>
        <v>16629.407999999999</v>
      </c>
      <c r="AL52" s="7">
        <f t="shared" si="292"/>
        <v>16629.407999999999</v>
      </c>
      <c r="AM52" s="7">
        <f t="shared" si="292"/>
        <v>16629.407999999999</v>
      </c>
      <c r="AN52" s="7">
        <f t="shared" si="292"/>
        <v>16629.407999999999</v>
      </c>
      <c r="AO52" s="7">
        <f t="shared" si="292"/>
        <v>16629.407999999999</v>
      </c>
      <c r="AP52" s="7">
        <f t="shared" si="292"/>
        <v>16629.407999999999</v>
      </c>
      <c r="AQ52" s="7">
        <f t="shared" si="292"/>
        <v>16629.407999999999</v>
      </c>
      <c r="AR52" s="7">
        <f t="shared" si="292"/>
        <v>16629.407999999999</v>
      </c>
      <c r="AS52" s="7">
        <f t="shared" si="292"/>
        <v>16629.407999999999</v>
      </c>
      <c r="AT52" s="7">
        <f t="shared" si="292"/>
        <v>16629.407999999999</v>
      </c>
      <c r="AU52" s="7">
        <f t="shared" si="292"/>
        <v>16629.407999999999</v>
      </c>
      <c r="AV52" s="7">
        <f t="shared" si="292"/>
        <v>16629.407999999999</v>
      </c>
      <c r="AW52" s="7">
        <f t="shared" si="292"/>
        <v>16629.407999999999</v>
      </c>
      <c r="AX52" s="7">
        <f t="shared" si="292"/>
        <v>16629.407999999999</v>
      </c>
      <c r="AY52" s="7">
        <f t="shared" si="292"/>
        <v>16629.407999999999</v>
      </c>
      <c r="AZ52" s="7">
        <f t="shared" si="292"/>
        <v>16629.407999999999</v>
      </c>
      <c r="BA52" s="7">
        <f t="shared" si="292"/>
        <v>16629.407999999999</v>
      </c>
      <c r="BB52" s="7">
        <f t="shared" si="292"/>
        <v>16629.407999999999</v>
      </c>
      <c r="BC52" s="7">
        <f t="shared" si="292"/>
        <v>16629.407999999999</v>
      </c>
      <c r="BD52" s="7">
        <f t="shared" si="292"/>
        <v>16629.407999999999</v>
      </c>
      <c r="BE52" s="7">
        <f t="shared" si="292"/>
        <v>16629.407999999999</v>
      </c>
      <c r="BF52" s="7">
        <f t="shared" si="292"/>
        <v>16629.407999999999</v>
      </c>
      <c r="BG52" s="7">
        <f t="shared" si="292"/>
        <v>16629.407999999999</v>
      </c>
      <c r="BH52" s="7">
        <f t="shared" si="292"/>
        <v>16629.407999999999</v>
      </c>
      <c r="BI52" s="7">
        <f t="shared" si="292"/>
        <v>16629.407999999999</v>
      </c>
      <c r="BJ52" s="7">
        <f t="shared" si="292"/>
        <v>16629.407999999999</v>
      </c>
      <c r="BK52" s="7">
        <f t="shared" si="292"/>
        <v>16629.407999999999</v>
      </c>
      <c r="BL52" s="7">
        <f t="shared" si="292"/>
        <v>16629.407999999999</v>
      </c>
      <c r="BM52" s="7">
        <f t="shared" si="292"/>
        <v>16629.407999999999</v>
      </c>
      <c r="BN52" s="7">
        <f t="shared" si="292"/>
        <v>16629.407999999999</v>
      </c>
      <c r="BO52" s="7">
        <f t="shared" si="292"/>
        <v>16629.407999999999</v>
      </c>
      <c r="BP52" s="7">
        <f t="shared" si="292"/>
        <v>16629.407999999999</v>
      </c>
      <c r="BQ52" s="7">
        <f t="shared" si="292"/>
        <v>16629.407999999999</v>
      </c>
      <c r="BR52" s="7">
        <f t="shared" si="292"/>
        <v>16629.407999999999</v>
      </c>
      <c r="BS52" s="7">
        <f t="shared" si="292"/>
        <v>16629.407999999999</v>
      </c>
      <c r="BT52" s="7">
        <f t="shared" si="292"/>
        <v>16629.407999999999</v>
      </c>
      <c r="BU52" s="7">
        <f t="shared" si="292"/>
        <v>16629.407999999999</v>
      </c>
      <c r="BV52" s="7">
        <f t="shared" ref="BV52:EG52" si="293">BV47+BU52</f>
        <v>16629.407999999999</v>
      </c>
      <c r="BW52" s="7">
        <f t="shared" si="293"/>
        <v>16629.407999999999</v>
      </c>
      <c r="BX52" s="7">
        <f t="shared" si="293"/>
        <v>16629.407999999999</v>
      </c>
      <c r="BY52" s="7">
        <f t="shared" si="293"/>
        <v>16629.407999999999</v>
      </c>
      <c r="BZ52" s="7">
        <f t="shared" si="293"/>
        <v>16629.407999999999</v>
      </c>
      <c r="CA52" s="7">
        <f t="shared" si="293"/>
        <v>16629.407999999999</v>
      </c>
      <c r="CB52" s="7">
        <f t="shared" si="293"/>
        <v>16629.407999999999</v>
      </c>
      <c r="CC52" s="7">
        <f t="shared" si="293"/>
        <v>16629.407999999999</v>
      </c>
      <c r="CD52" s="7">
        <f t="shared" si="293"/>
        <v>16629.407999999999</v>
      </c>
      <c r="CE52" s="7">
        <f t="shared" si="293"/>
        <v>16629.407999999999</v>
      </c>
      <c r="CF52" s="7">
        <f t="shared" si="293"/>
        <v>16629.407999999999</v>
      </c>
      <c r="CG52" s="7">
        <f t="shared" si="293"/>
        <v>16629.407999999999</v>
      </c>
      <c r="CH52" s="7">
        <f t="shared" si="293"/>
        <v>16629.407999999999</v>
      </c>
      <c r="CI52" s="7">
        <f t="shared" si="293"/>
        <v>16629.407999999999</v>
      </c>
      <c r="CJ52" s="7">
        <f t="shared" si="293"/>
        <v>16629.407999999999</v>
      </c>
      <c r="CK52" s="7">
        <f t="shared" si="293"/>
        <v>16629.407999999999</v>
      </c>
      <c r="CL52" s="7">
        <f t="shared" si="293"/>
        <v>16629.407999999999</v>
      </c>
      <c r="CM52" s="7">
        <f t="shared" si="293"/>
        <v>16629.407999999999</v>
      </c>
      <c r="CN52" s="7">
        <f t="shared" si="293"/>
        <v>16629.407999999999</v>
      </c>
      <c r="CO52" s="7">
        <f t="shared" si="293"/>
        <v>16629.407999999999</v>
      </c>
      <c r="CP52" s="7">
        <f t="shared" si="293"/>
        <v>16629.407999999999</v>
      </c>
      <c r="CQ52" s="7">
        <f t="shared" si="293"/>
        <v>16629.407999999999</v>
      </c>
      <c r="CR52" s="7">
        <f t="shared" si="293"/>
        <v>16629.407999999999</v>
      </c>
      <c r="CS52" s="7">
        <f t="shared" si="293"/>
        <v>16629.407999999999</v>
      </c>
      <c r="CT52" s="7">
        <f t="shared" si="293"/>
        <v>16629.407999999999</v>
      </c>
      <c r="CU52" s="7">
        <f t="shared" si="293"/>
        <v>16629.407999999999</v>
      </c>
      <c r="CV52" s="7">
        <f t="shared" si="293"/>
        <v>16629.407999999999</v>
      </c>
      <c r="CW52" s="7">
        <f t="shared" si="293"/>
        <v>16629.407999999999</v>
      </c>
      <c r="CX52" s="7">
        <f t="shared" si="293"/>
        <v>16629.407999999999</v>
      </c>
      <c r="CY52" s="7">
        <f t="shared" si="293"/>
        <v>16629.407999999999</v>
      </c>
      <c r="CZ52" s="7">
        <f t="shared" si="293"/>
        <v>16629.407999999999</v>
      </c>
      <c r="DA52" s="7">
        <f t="shared" si="293"/>
        <v>16629.407999999999</v>
      </c>
      <c r="DB52" s="7">
        <f t="shared" si="293"/>
        <v>16629.407999999999</v>
      </c>
      <c r="DC52" s="7">
        <f t="shared" si="293"/>
        <v>16629.407999999999</v>
      </c>
      <c r="DD52" s="7">
        <f t="shared" si="293"/>
        <v>16629.407999999999</v>
      </c>
      <c r="DE52" s="7">
        <f t="shared" si="293"/>
        <v>16629.407999999999</v>
      </c>
      <c r="DF52" s="7">
        <f t="shared" si="293"/>
        <v>16629.407999999999</v>
      </c>
      <c r="DG52" s="7">
        <f t="shared" si="293"/>
        <v>16629.407999999999</v>
      </c>
      <c r="DH52" s="7">
        <f t="shared" si="293"/>
        <v>16629.407999999999</v>
      </c>
      <c r="DI52" s="7">
        <f t="shared" si="293"/>
        <v>16629.407999999999</v>
      </c>
      <c r="DJ52" s="7">
        <f t="shared" si="293"/>
        <v>16629.407999999999</v>
      </c>
      <c r="DK52" s="7">
        <f t="shared" si="293"/>
        <v>16629.407999999999</v>
      </c>
      <c r="DL52" s="7">
        <f t="shared" si="293"/>
        <v>16629.407999999999</v>
      </c>
      <c r="DM52" s="7">
        <f t="shared" si="293"/>
        <v>16629.407999999999</v>
      </c>
      <c r="DN52" s="7">
        <f t="shared" si="293"/>
        <v>16629.407999999999</v>
      </c>
      <c r="DO52" s="7">
        <f t="shared" si="293"/>
        <v>16629.407999999999</v>
      </c>
      <c r="DP52" s="7">
        <f t="shared" si="293"/>
        <v>16629.407999999999</v>
      </c>
      <c r="DQ52" s="7">
        <f t="shared" si="293"/>
        <v>16629.407999999999</v>
      </c>
      <c r="DR52" s="7">
        <f t="shared" si="293"/>
        <v>16629.407999999999</v>
      </c>
      <c r="DS52" s="7">
        <f t="shared" si="293"/>
        <v>16629.407999999999</v>
      </c>
      <c r="DT52" s="7">
        <f t="shared" si="293"/>
        <v>16629.407999999999</v>
      </c>
      <c r="DU52" s="7">
        <f t="shared" si="293"/>
        <v>16629.407999999999</v>
      </c>
      <c r="DV52" s="7">
        <f t="shared" si="293"/>
        <v>16629.407999999999</v>
      </c>
      <c r="DW52" s="7">
        <f t="shared" si="293"/>
        <v>16629.407999999999</v>
      </c>
      <c r="DX52" s="7">
        <f t="shared" si="293"/>
        <v>16629.407999999999</v>
      </c>
      <c r="DY52" s="7">
        <f t="shared" si="293"/>
        <v>16629.407999999999</v>
      </c>
      <c r="DZ52" s="7">
        <f t="shared" si="293"/>
        <v>16629.407999999999</v>
      </c>
      <c r="EA52" s="7">
        <f t="shared" si="293"/>
        <v>16629.407999999999</v>
      </c>
      <c r="EB52" s="7">
        <f t="shared" si="293"/>
        <v>16629.407999999999</v>
      </c>
      <c r="EC52" s="7">
        <f t="shared" si="293"/>
        <v>16629.407999999999</v>
      </c>
      <c r="ED52" s="7">
        <f t="shared" si="293"/>
        <v>16629.407999999999</v>
      </c>
      <c r="EE52" s="7">
        <f t="shared" si="293"/>
        <v>16629.407999999999</v>
      </c>
      <c r="EF52" s="7">
        <f t="shared" si="293"/>
        <v>16629.407999999999</v>
      </c>
      <c r="EG52" s="7">
        <f t="shared" si="293"/>
        <v>16629.407999999999</v>
      </c>
      <c r="EH52" s="7">
        <f t="shared" ref="EH52:GS52" si="294">EH47+EG52</f>
        <v>16629.407999999999</v>
      </c>
      <c r="EI52" s="7">
        <f t="shared" si="294"/>
        <v>16629.407999999999</v>
      </c>
      <c r="EJ52" s="7">
        <f t="shared" si="294"/>
        <v>16629.407999999999</v>
      </c>
      <c r="EK52" s="7">
        <f t="shared" si="294"/>
        <v>16629.407999999999</v>
      </c>
      <c r="EL52" s="7">
        <f t="shared" si="294"/>
        <v>16629.407999999999</v>
      </c>
      <c r="EM52" s="7">
        <f t="shared" si="294"/>
        <v>16629.407999999999</v>
      </c>
      <c r="EN52" s="7">
        <f t="shared" si="294"/>
        <v>16629.407999999999</v>
      </c>
      <c r="EO52" s="7">
        <f t="shared" si="294"/>
        <v>16629.407999999999</v>
      </c>
      <c r="EP52" s="7">
        <f t="shared" si="294"/>
        <v>16629.407999999999</v>
      </c>
      <c r="EQ52" s="7">
        <f t="shared" si="294"/>
        <v>16629.407999999999</v>
      </c>
      <c r="ER52" s="7">
        <f t="shared" si="294"/>
        <v>16629.407999999999</v>
      </c>
      <c r="ES52" s="7">
        <f t="shared" si="294"/>
        <v>16629.407999999999</v>
      </c>
      <c r="ET52" s="7">
        <f t="shared" si="294"/>
        <v>16629.407999999999</v>
      </c>
      <c r="EU52" s="7">
        <f t="shared" si="294"/>
        <v>16629.407999999999</v>
      </c>
      <c r="EV52" s="7">
        <f t="shared" si="294"/>
        <v>16629.407999999999</v>
      </c>
      <c r="EW52" s="7">
        <f t="shared" si="294"/>
        <v>16629.407999999999</v>
      </c>
      <c r="EX52" s="7">
        <f t="shared" si="294"/>
        <v>16629.407999999999</v>
      </c>
      <c r="EY52" s="7">
        <f t="shared" si="294"/>
        <v>16629.407999999999</v>
      </c>
      <c r="EZ52" s="7">
        <f t="shared" si="294"/>
        <v>16629.407999999999</v>
      </c>
      <c r="FA52" s="7">
        <f t="shared" si="294"/>
        <v>16629.407999999999</v>
      </c>
      <c r="FB52" s="7">
        <f t="shared" si="294"/>
        <v>16629.407999999999</v>
      </c>
      <c r="FC52" s="7">
        <f t="shared" si="294"/>
        <v>16629.407999999999</v>
      </c>
      <c r="FD52" s="7">
        <f t="shared" si="294"/>
        <v>16629.407999999999</v>
      </c>
      <c r="FE52" s="7">
        <f t="shared" si="294"/>
        <v>16629.407999999999</v>
      </c>
      <c r="FF52" s="7">
        <f t="shared" si="294"/>
        <v>16629.407999999999</v>
      </c>
      <c r="FG52" s="7">
        <f t="shared" si="294"/>
        <v>16629.407999999999</v>
      </c>
      <c r="FH52" s="7">
        <f t="shared" si="294"/>
        <v>16629.407999999999</v>
      </c>
      <c r="FI52" s="7">
        <f t="shared" si="294"/>
        <v>16629.407999999999</v>
      </c>
      <c r="FJ52" s="7">
        <f t="shared" si="294"/>
        <v>16629.407999999999</v>
      </c>
      <c r="FK52" s="7">
        <f t="shared" si="294"/>
        <v>16629.407999999999</v>
      </c>
      <c r="FL52" s="7">
        <f t="shared" si="294"/>
        <v>16629.407999999999</v>
      </c>
      <c r="FM52" s="7">
        <f t="shared" si="294"/>
        <v>16629.407999999999</v>
      </c>
      <c r="FN52" s="7">
        <f t="shared" si="294"/>
        <v>16629.407999999999</v>
      </c>
      <c r="FO52" s="7">
        <f t="shared" si="294"/>
        <v>16629.407999999999</v>
      </c>
      <c r="FP52" s="7">
        <f t="shared" si="294"/>
        <v>16629.407999999999</v>
      </c>
      <c r="FQ52" s="7">
        <f t="shared" si="294"/>
        <v>16629.407999999999</v>
      </c>
      <c r="FR52" s="7">
        <f t="shared" si="294"/>
        <v>16629.407999999999</v>
      </c>
      <c r="FS52" s="7">
        <f t="shared" si="294"/>
        <v>16629.407999999999</v>
      </c>
      <c r="FT52" s="7">
        <f t="shared" si="294"/>
        <v>16629.407999999999</v>
      </c>
      <c r="FU52" s="7">
        <f t="shared" si="294"/>
        <v>16629.407999999999</v>
      </c>
      <c r="FV52" s="7">
        <f t="shared" si="294"/>
        <v>16629.407999999999</v>
      </c>
      <c r="FW52" s="7">
        <f t="shared" si="294"/>
        <v>16629.407999999999</v>
      </c>
      <c r="FX52" s="7">
        <f t="shared" si="294"/>
        <v>16629.407999999999</v>
      </c>
      <c r="FY52" s="7">
        <f t="shared" si="294"/>
        <v>16629.407999999999</v>
      </c>
      <c r="FZ52" s="7">
        <f t="shared" si="294"/>
        <v>16629.407999999999</v>
      </c>
      <c r="GA52" s="7">
        <f t="shared" si="294"/>
        <v>16629.407999999999</v>
      </c>
      <c r="GB52" s="7">
        <f t="shared" si="294"/>
        <v>16629.407999999999</v>
      </c>
      <c r="GC52" s="7">
        <f t="shared" si="294"/>
        <v>16629.407999999999</v>
      </c>
      <c r="GD52" s="7">
        <f t="shared" si="294"/>
        <v>16629.407999999999</v>
      </c>
      <c r="GE52" s="7">
        <f t="shared" si="294"/>
        <v>16629.407999999999</v>
      </c>
      <c r="GF52" s="7">
        <f t="shared" si="294"/>
        <v>16629.407999999999</v>
      </c>
      <c r="GG52" s="7">
        <f t="shared" si="294"/>
        <v>16629.407999999999</v>
      </c>
      <c r="GH52" s="7">
        <f t="shared" si="294"/>
        <v>16629.407999999999</v>
      </c>
      <c r="GI52" s="7">
        <f t="shared" si="294"/>
        <v>16629.407999999999</v>
      </c>
      <c r="GJ52" s="7">
        <f t="shared" si="294"/>
        <v>16629.407999999999</v>
      </c>
      <c r="GK52" s="7">
        <f t="shared" si="294"/>
        <v>16629.407999999999</v>
      </c>
      <c r="GL52" s="7">
        <f t="shared" si="294"/>
        <v>16629.407999999999</v>
      </c>
      <c r="GM52" s="7">
        <f t="shared" si="294"/>
        <v>16629.407999999999</v>
      </c>
      <c r="GN52" s="7">
        <f t="shared" si="294"/>
        <v>16629.407999999999</v>
      </c>
      <c r="GO52" s="7">
        <f t="shared" si="294"/>
        <v>16629.407999999999</v>
      </c>
      <c r="GP52" s="7">
        <f t="shared" si="294"/>
        <v>16629.407999999999</v>
      </c>
      <c r="GQ52" s="7">
        <f t="shared" si="294"/>
        <v>16629.407999999999</v>
      </c>
      <c r="GR52" s="7">
        <f t="shared" si="294"/>
        <v>16629.407999999999</v>
      </c>
      <c r="GS52" s="7">
        <f t="shared" si="294"/>
        <v>16629.407999999999</v>
      </c>
      <c r="GT52" s="7">
        <f t="shared" ref="GT52:JE52" si="295">GT47+GS52</f>
        <v>16629.407999999999</v>
      </c>
      <c r="GU52" s="7">
        <f t="shared" si="295"/>
        <v>16629.407999999999</v>
      </c>
      <c r="GV52" s="7">
        <f t="shared" si="295"/>
        <v>16629.407999999999</v>
      </c>
      <c r="GW52" s="7">
        <f t="shared" si="295"/>
        <v>16629.407999999999</v>
      </c>
      <c r="GX52" s="7">
        <f t="shared" si="295"/>
        <v>16629.407999999999</v>
      </c>
      <c r="GY52" s="7">
        <f t="shared" si="295"/>
        <v>16629.407999999999</v>
      </c>
      <c r="GZ52" s="7">
        <f t="shared" si="295"/>
        <v>16629.407999999999</v>
      </c>
      <c r="HA52" s="7">
        <f t="shared" si="295"/>
        <v>16629.407999999999</v>
      </c>
      <c r="HB52" s="7">
        <f t="shared" si="295"/>
        <v>16629.407999999999</v>
      </c>
      <c r="HC52" s="7">
        <f t="shared" si="295"/>
        <v>16629.407999999999</v>
      </c>
      <c r="HD52" s="7">
        <f t="shared" si="295"/>
        <v>16629.407999999999</v>
      </c>
      <c r="HE52" s="7">
        <f t="shared" si="295"/>
        <v>16629.407999999999</v>
      </c>
      <c r="HF52" s="7">
        <f t="shared" si="295"/>
        <v>16629.407999999999</v>
      </c>
      <c r="HG52" s="7">
        <f t="shared" si="295"/>
        <v>16629.407999999999</v>
      </c>
      <c r="HH52" s="7">
        <f t="shared" si="295"/>
        <v>16629.407999999999</v>
      </c>
      <c r="HI52" s="7">
        <f t="shared" si="295"/>
        <v>16629.407999999999</v>
      </c>
      <c r="HJ52" s="7">
        <f t="shared" si="295"/>
        <v>16629.407999999999</v>
      </c>
      <c r="HK52" s="7">
        <f t="shared" si="295"/>
        <v>16629.407999999999</v>
      </c>
      <c r="HL52" s="7">
        <f t="shared" si="295"/>
        <v>16629.407999999999</v>
      </c>
      <c r="HM52" s="7">
        <f t="shared" si="295"/>
        <v>16629.407999999999</v>
      </c>
      <c r="HN52" s="7">
        <f t="shared" si="295"/>
        <v>16629.407999999999</v>
      </c>
      <c r="HO52" s="7">
        <f t="shared" si="295"/>
        <v>16629.407999999999</v>
      </c>
      <c r="HP52" s="7">
        <f t="shared" si="295"/>
        <v>16629.407999999999</v>
      </c>
      <c r="HQ52" s="7">
        <f t="shared" si="295"/>
        <v>16629.407999999999</v>
      </c>
      <c r="HR52" s="7">
        <f t="shared" si="295"/>
        <v>16629.407999999999</v>
      </c>
      <c r="HS52" s="7">
        <f t="shared" si="295"/>
        <v>16629.407999999999</v>
      </c>
      <c r="HT52" s="7">
        <f t="shared" si="295"/>
        <v>16629.407999999999</v>
      </c>
      <c r="HU52" s="7">
        <f t="shared" si="295"/>
        <v>16629.407999999999</v>
      </c>
      <c r="HV52" s="7">
        <f t="shared" si="295"/>
        <v>16629.407999999999</v>
      </c>
      <c r="HW52" s="7">
        <f t="shared" si="295"/>
        <v>16629.407999999999</v>
      </c>
      <c r="HX52" s="7">
        <f t="shared" si="295"/>
        <v>16629.407999999999</v>
      </c>
      <c r="HY52" s="7">
        <f t="shared" si="295"/>
        <v>16629.407999999999</v>
      </c>
      <c r="HZ52" s="7">
        <f t="shared" si="295"/>
        <v>16629.407999999999</v>
      </c>
      <c r="IA52" s="7">
        <f t="shared" si="295"/>
        <v>16629.407999999999</v>
      </c>
      <c r="IB52" s="7">
        <f t="shared" si="295"/>
        <v>16629.407999999999</v>
      </c>
      <c r="IC52" s="7">
        <f t="shared" si="295"/>
        <v>16629.407999999999</v>
      </c>
      <c r="ID52" s="7">
        <f t="shared" si="295"/>
        <v>16629.407999999999</v>
      </c>
      <c r="IE52" s="7">
        <f t="shared" si="295"/>
        <v>16629.407999999999</v>
      </c>
      <c r="IF52" s="7">
        <f t="shared" si="295"/>
        <v>16629.407999999999</v>
      </c>
      <c r="IG52" s="7">
        <f t="shared" si="295"/>
        <v>16629.407999999999</v>
      </c>
      <c r="IH52" s="7">
        <f t="shared" si="295"/>
        <v>16629.407999999999</v>
      </c>
      <c r="II52" s="7">
        <f t="shared" si="295"/>
        <v>16629.407999999999</v>
      </c>
      <c r="IJ52" s="7">
        <f t="shared" si="295"/>
        <v>16629.407999999999</v>
      </c>
      <c r="IK52" s="7">
        <f t="shared" si="295"/>
        <v>16629.407999999999</v>
      </c>
      <c r="IL52" s="7">
        <f t="shared" si="295"/>
        <v>16629.407999999999</v>
      </c>
      <c r="IM52" s="7">
        <f t="shared" si="295"/>
        <v>16629.407999999999</v>
      </c>
      <c r="IN52" s="7">
        <f t="shared" si="295"/>
        <v>16629.407999999999</v>
      </c>
      <c r="IO52" s="7">
        <f t="shared" si="295"/>
        <v>16629.407999999999</v>
      </c>
      <c r="IP52" s="7">
        <f t="shared" si="295"/>
        <v>16629.407999999999</v>
      </c>
      <c r="IQ52" s="7">
        <f t="shared" si="295"/>
        <v>16629.407999999999</v>
      </c>
      <c r="IR52" s="7">
        <f t="shared" si="295"/>
        <v>16629.407999999999</v>
      </c>
      <c r="IS52" s="7">
        <f t="shared" si="295"/>
        <v>16629.407999999999</v>
      </c>
      <c r="IT52" s="7">
        <f t="shared" si="295"/>
        <v>16629.407999999999</v>
      </c>
      <c r="IU52" s="7">
        <f t="shared" si="295"/>
        <v>16629.407999999999</v>
      </c>
      <c r="IV52" s="7">
        <f t="shared" si="295"/>
        <v>16629.407999999999</v>
      </c>
      <c r="IW52" s="7">
        <f t="shared" si="295"/>
        <v>16629.407999999999</v>
      </c>
      <c r="IX52" s="7">
        <f t="shared" si="295"/>
        <v>16629.407999999999</v>
      </c>
      <c r="IY52" s="7">
        <f t="shared" si="295"/>
        <v>16629.407999999999</v>
      </c>
      <c r="IZ52" s="7">
        <f t="shared" si="295"/>
        <v>16629.407999999999</v>
      </c>
      <c r="JA52" s="7">
        <f t="shared" si="295"/>
        <v>16629.407999999999</v>
      </c>
      <c r="JB52" s="7">
        <f t="shared" si="295"/>
        <v>16629.407999999999</v>
      </c>
      <c r="JC52" s="7">
        <f t="shared" si="295"/>
        <v>16629.407999999999</v>
      </c>
      <c r="JD52" s="7">
        <f t="shared" si="295"/>
        <v>16629.407999999999</v>
      </c>
      <c r="JE52" s="7">
        <f t="shared" si="295"/>
        <v>16629.407999999999</v>
      </c>
      <c r="JF52" s="7">
        <f t="shared" ref="JF52:LQ52" si="296">JF47+JE52</f>
        <v>16629.407999999999</v>
      </c>
      <c r="JG52" s="7">
        <f t="shared" si="296"/>
        <v>16629.407999999999</v>
      </c>
      <c r="JH52" s="7">
        <f t="shared" si="296"/>
        <v>16629.407999999999</v>
      </c>
      <c r="JI52" s="7">
        <f t="shared" si="296"/>
        <v>16629.407999999999</v>
      </c>
      <c r="JJ52" s="7">
        <f t="shared" si="296"/>
        <v>16629.407999999999</v>
      </c>
      <c r="JK52" s="7">
        <f t="shared" si="296"/>
        <v>16629.407999999999</v>
      </c>
      <c r="JL52" s="7">
        <f t="shared" si="296"/>
        <v>16629.407999999999</v>
      </c>
      <c r="JM52" s="7">
        <f t="shared" si="296"/>
        <v>16629.407999999999</v>
      </c>
      <c r="JN52" s="7">
        <f t="shared" si="296"/>
        <v>16629.407999999999</v>
      </c>
      <c r="JO52" s="7">
        <f t="shared" si="296"/>
        <v>16629.407999999999</v>
      </c>
      <c r="JP52" s="7">
        <f t="shared" si="296"/>
        <v>16629.407999999999</v>
      </c>
      <c r="JQ52" s="7">
        <f t="shared" si="296"/>
        <v>16629.407999999999</v>
      </c>
      <c r="JR52" s="7">
        <f t="shared" si="296"/>
        <v>16629.407999999999</v>
      </c>
      <c r="JS52" s="7">
        <f t="shared" si="296"/>
        <v>16629.407999999999</v>
      </c>
      <c r="JT52" s="7">
        <f t="shared" si="296"/>
        <v>16629.407999999999</v>
      </c>
      <c r="JU52" s="7">
        <f t="shared" si="296"/>
        <v>16629.407999999999</v>
      </c>
      <c r="JV52" s="7">
        <f t="shared" si="296"/>
        <v>16629.407999999999</v>
      </c>
      <c r="JW52" s="7">
        <f t="shared" si="296"/>
        <v>16629.407999999999</v>
      </c>
      <c r="JX52" s="7">
        <f t="shared" si="296"/>
        <v>16629.407999999999</v>
      </c>
      <c r="JY52" s="7">
        <f t="shared" si="296"/>
        <v>16629.407999999999</v>
      </c>
      <c r="JZ52" s="7">
        <f t="shared" si="296"/>
        <v>16629.407999999999</v>
      </c>
      <c r="KA52" s="7">
        <f t="shared" si="296"/>
        <v>16629.407999999999</v>
      </c>
      <c r="KB52" s="7">
        <f t="shared" si="296"/>
        <v>16629.407999999999</v>
      </c>
      <c r="KC52" s="7">
        <f t="shared" si="296"/>
        <v>16629.407999999999</v>
      </c>
      <c r="KD52" s="7">
        <f t="shared" si="296"/>
        <v>16629.407999999999</v>
      </c>
      <c r="KE52" s="7">
        <f t="shared" si="296"/>
        <v>16629.407999999999</v>
      </c>
      <c r="KF52" s="7">
        <f t="shared" si="296"/>
        <v>16629.407999999999</v>
      </c>
      <c r="KG52" s="7">
        <f t="shared" si="296"/>
        <v>16629.407999999999</v>
      </c>
      <c r="KH52" s="7">
        <f t="shared" si="296"/>
        <v>16629.407999999999</v>
      </c>
      <c r="KI52" s="7">
        <f t="shared" si="296"/>
        <v>16629.407999999999</v>
      </c>
      <c r="KJ52" s="7">
        <f t="shared" si="296"/>
        <v>16629.407999999999</v>
      </c>
      <c r="KK52" s="7">
        <f t="shared" si="296"/>
        <v>16629.407999999999</v>
      </c>
      <c r="KL52" s="7">
        <f t="shared" si="296"/>
        <v>16629.407999999999</v>
      </c>
      <c r="KM52" s="7">
        <f t="shared" si="296"/>
        <v>16629.407999999999</v>
      </c>
      <c r="KN52" s="7">
        <f t="shared" si="296"/>
        <v>16629.407999999999</v>
      </c>
      <c r="KO52" s="7">
        <f t="shared" si="296"/>
        <v>16629.407999999999</v>
      </c>
      <c r="KP52" s="7">
        <f t="shared" si="296"/>
        <v>16629.407999999999</v>
      </c>
      <c r="KQ52" s="7">
        <f t="shared" si="296"/>
        <v>16629.407999999999</v>
      </c>
      <c r="KR52" s="7">
        <f t="shared" si="296"/>
        <v>16629.407999999999</v>
      </c>
      <c r="KS52" s="7">
        <f t="shared" si="296"/>
        <v>16629.407999999999</v>
      </c>
      <c r="KT52" s="7">
        <f t="shared" si="296"/>
        <v>16629.407999999999</v>
      </c>
      <c r="KU52" s="7">
        <f t="shared" si="296"/>
        <v>16629.407999999999</v>
      </c>
      <c r="KV52" s="7">
        <f t="shared" si="296"/>
        <v>16629.407999999999</v>
      </c>
      <c r="KW52" s="7">
        <f t="shared" si="296"/>
        <v>16629.407999999999</v>
      </c>
      <c r="KX52" s="7">
        <f t="shared" si="296"/>
        <v>16629.407999999999</v>
      </c>
      <c r="KY52" s="7">
        <f t="shared" si="296"/>
        <v>16629.407999999999</v>
      </c>
      <c r="KZ52" s="7">
        <f t="shared" si="296"/>
        <v>16629.407999999999</v>
      </c>
      <c r="LA52" s="7">
        <f t="shared" si="296"/>
        <v>16629.407999999999</v>
      </c>
      <c r="LB52" s="7">
        <f t="shared" si="296"/>
        <v>16629.407999999999</v>
      </c>
      <c r="LC52" s="7">
        <f t="shared" si="296"/>
        <v>16629.407999999999</v>
      </c>
      <c r="LD52" s="7">
        <f t="shared" si="296"/>
        <v>16629.407999999999</v>
      </c>
      <c r="LE52" s="7">
        <f t="shared" si="296"/>
        <v>16629.407999999999</v>
      </c>
      <c r="LF52" s="7">
        <f t="shared" si="296"/>
        <v>16629.407999999999</v>
      </c>
      <c r="LG52" s="7">
        <f t="shared" si="296"/>
        <v>16629.407999999999</v>
      </c>
      <c r="LH52" s="7">
        <f t="shared" si="296"/>
        <v>16629.407999999999</v>
      </c>
      <c r="LI52" s="7">
        <f t="shared" si="296"/>
        <v>16629.407999999999</v>
      </c>
      <c r="LJ52" s="7">
        <f t="shared" si="296"/>
        <v>16629.407999999999</v>
      </c>
      <c r="LK52" s="7">
        <f t="shared" si="296"/>
        <v>16629.407999999999</v>
      </c>
      <c r="LL52" s="7">
        <f t="shared" si="296"/>
        <v>16629.407999999999</v>
      </c>
      <c r="LM52" s="7">
        <f t="shared" si="296"/>
        <v>16629.407999999999</v>
      </c>
      <c r="LN52" s="7">
        <f t="shared" si="296"/>
        <v>16629.407999999999</v>
      </c>
      <c r="LO52" s="7">
        <f t="shared" si="296"/>
        <v>16629.407999999999</v>
      </c>
      <c r="LP52" s="7">
        <f t="shared" si="296"/>
        <v>16629.407999999999</v>
      </c>
      <c r="LQ52" s="7">
        <f t="shared" si="296"/>
        <v>16629.407999999999</v>
      </c>
      <c r="LR52" s="7">
        <f t="shared" ref="LR52:OC52" si="297">LR47+LQ52</f>
        <v>16629.407999999999</v>
      </c>
      <c r="LS52" s="7">
        <f t="shared" si="297"/>
        <v>16629.407999999999</v>
      </c>
      <c r="LT52" s="7">
        <f t="shared" si="297"/>
        <v>16629.407999999999</v>
      </c>
      <c r="LU52" s="7">
        <f t="shared" si="297"/>
        <v>16629.407999999999</v>
      </c>
      <c r="LV52" s="7">
        <f t="shared" si="297"/>
        <v>16629.407999999999</v>
      </c>
      <c r="LW52" s="7">
        <f t="shared" si="297"/>
        <v>16629.407999999999</v>
      </c>
      <c r="LX52" s="7">
        <f t="shared" si="297"/>
        <v>16629.407999999999</v>
      </c>
      <c r="LY52" s="7">
        <f t="shared" si="297"/>
        <v>16629.407999999999</v>
      </c>
      <c r="LZ52" s="7">
        <f t="shared" si="297"/>
        <v>16629.407999999999</v>
      </c>
      <c r="MA52" s="7">
        <f t="shared" si="297"/>
        <v>16629.407999999999</v>
      </c>
      <c r="MB52" s="7">
        <f t="shared" si="297"/>
        <v>16629.407999999999</v>
      </c>
      <c r="MC52" s="7">
        <f t="shared" si="297"/>
        <v>16629.407999999999</v>
      </c>
      <c r="MD52" s="7">
        <f t="shared" si="297"/>
        <v>16629.407999999999</v>
      </c>
      <c r="ME52" s="7">
        <f t="shared" si="297"/>
        <v>16629.407999999999</v>
      </c>
      <c r="MF52" s="7">
        <f t="shared" si="297"/>
        <v>16629.407999999999</v>
      </c>
      <c r="MG52" s="7">
        <f t="shared" si="297"/>
        <v>16629.407999999999</v>
      </c>
      <c r="MH52" s="7">
        <f t="shared" si="297"/>
        <v>16629.407999999999</v>
      </c>
      <c r="MI52" s="7">
        <f t="shared" si="297"/>
        <v>16629.407999999999</v>
      </c>
      <c r="MJ52" s="7">
        <f t="shared" si="297"/>
        <v>16629.407999999999</v>
      </c>
      <c r="MK52" s="7">
        <f t="shared" si="297"/>
        <v>16629.407999999999</v>
      </c>
      <c r="ML52" s="7">
        <f t="shared" si="297"/>
        <v>16629.407999999999</v>
      </c>
      <c r="MM52" s="7">
        <f t="shared" si="297"/>
        <v>16629.407999999999</v>
      </c>
      <c r="MN52" s="7">
        <f t="shared" si="297"/>
        <v>16629.407999999999</v>
      </c>
      <c r="MO52" s="7">
        <f t="shared" si="297"/>
        <v>16629.407999999999</v>
      </c>
      <c r="MP52" s="7">
        <f t="shared" si="297"/>
        <v>16629.407999999999</v>
      </c>
      <c r="MQ52" s="7">
        <f t="shared" si="297"/>
        <v>16629.407999999999</v>
      </c>
      <c r="MR52" s="7">
        <f t="shared" si="297"/>
        <v>16629.407999999999</v>
      </c>
      <c r="MS52" s="7">
        <f t="shared" si="297"/>
        <v>16629.407999999999</v>
      </c>
      <c r="MT52" s="7">
        <f t="shared" si="297"/>
        <v>16629.407999999999</v>
      </c>
      <c r="MU52" s="7">
        <f t="shared" si="297"/>
        <v>16629.407999999999</v>
      </c>
      <c r="MV52" s="7">
        <f t="shared" si="297"/>
        <v>16629.407999999999</v>
      </c>
      <c r="MW52" s="7">
        <f t="shared" si="297"/>
        <v>16629.407999999999</v>
      </c>
      <c r="MX52" s="7">
        <f t="shared" si="297"/>
        <v>16629.407999999999</v>
      </c>
      <c r="MY52" s="7">
        <f t="shared" si="297"/>
        <v>16629.407999999999</v>
      </c>
      <c r="MZ52" s="7">
        <f t="shared" si="297"/>
        <v>16629.407999999999</v>
      </c>
      <c r="NA52" s="7">
        <f t="shared" si="297"/>
        <v>16629.407999999999</v>
      </c>
      <c r="NB52" s="7">
        <f t="shared" si="297"/>
        <v>16629.407999999999</v>
      </c>
      <c r="NC52" s="7">
        <f t="shared" si="297"/>
        <v>16629.407999999999</v>
      </c>
      <c r="ND52" s="7">
        <f t="shared" si="297"/>
        <v>16629.407999999999</v>
      </c>
      <c r="NE52" s="7">
        <f t="shared" si="297"/>
        <v>16629.407999999999</v>
      </c>
      <c r="NF52" s="7">
        <f t="shared" si="297"/>
        <v>16629.407999999999</v>
      </c>
      <c r="NG52" s="7">
        <f t="shared" si="297"/>
        <v>16629.407999999999</v>
      </c>
      <c r="NH52" s="7">
        <f t="shared" si="297"/>
        <v>16629.407999999999</v>
      </c>
      <c r="NI52" s="7">
        <f t="shared" si="297"/>
        <v>16629.407999999999</v>
      </c>
      <c r="NJ52" s="7">
        <f t="shared" si="297"/>
        <v>16629.407999999999</v>
      </c>
      <c r="NK52" s="7">
        <f t="shared" si="297"/>
        <v>16629.407999999999</v>
      </c>
      <c r="NL52" s="7">
        <f t="shared" si="297"/>
        <v>16629.407999999999</v>
      </c>
      <c r="NM52" s="7">
        <f t="shared" si="297"/>
        <v>16629.407999999999</v>
      </c>
      <c r="NN52" s="7">
        <f t="shared" si="297"/>
        <v>16629.407999999999</v>
      </c>
      <c r="NO52" s="7">
        <f t="shared" si="297"/>
        <v>16629.407999999999</v>
      </c>
      <c r="NP52" s="7">
        <f t="shared" si="297"/>
        <v>16629.407999999999</v>
      </c>
      <c r="NQ52" s="7">
        <f t="shared" si="297"/>
        <v>16629.407999999999</v>
      </c>
      <c r="NR52" s="7">
        <f t="shared" si="297"/>
        <v>16629.407999999999</v>
      </c>
      <c r="NS52" s="7">
        <f t="shared" si="297"/>
        <v>16629.407999999999</v>
      </c>
      <c r="NT52" s="7">
        <f t="shared" si="297"/>
        <v>16629.407999999999</v>
      </c>
      <c r="NU52" s="7">
        <f t="shared" si="297"/>
        <v>16629.407999999999</v>
      </c>
      <c r="NV52" s="7">
        <f t="shared" si="297"/>
        <v>16629.407999999999</v>
      </c>
      <c r="NW52" s="7">
        <f t="shared" si="297"/>
        <v>16629.407999999999</v>
      </c>
      <c r="NX52" s="7">
        <f t="shared" si="297"/>
        <v>16629.407999999999</v>
      </c>
      <c r="NY52" s="7">
        <f t="shared" si="297"/>
        <v>16629.407999999999</v>
      </c>
      <c r="NZ52" s="7">
        <f t="shared" si="297"/>
        <v>16629.407999999999</v>
      </c>
      <c r="OA52" s="7">
        <f t="shared" si="297"/>
        <v>16629.407999999999</v>
      </c>
      <c r="OB52" s="7">
        <f t="shared" si="297"/>
        <v>16629.407999999999</v>
      </c>
      <c r="OC52" s="7">
        <f t="shared" si="297"/>
        <v>16629.407999999999</v>
      </c>
      <c r="OD52" s="7">
        <f t="shared" ref="OD52:QO52" si="298">OD47+OC52</f>
        <v>16629.407999999999</v>
      </c>
      <c r="OE52" s="7">
        <f t="shared" si="298"/>
        <v>16629.407999999999</v>
      </c>
      <c r="OF52" s="7">
        <f t="shared" si="298"/>
        <v>16629.407999999999</v>
      </c>
      <c r="OG52" s="7">
        <f t="shared" si="298"/>
        <v>16629.407999999999</v>
      </c>
      <c r="OH52" s="7">
        <f t="shared" si="298"/>
        <v>16629.407999999999</v>
      </c>
      <c r="OI52" s="7">
        <f t="shared" si="298"/>
        <v>16629.407999999999</v>
      </c>
      <c r="OJ52" s="7">
        <f t="shared" si="298"/>
        <v>16629.407999999999</v>
      </c>
      <c r="OK52" s="7">
        <f t="shared" si="298"/>
        <v>16629.407999999999</v>
      </c>
      <c r="OL52" s="7">
        <f t="shared" si="298"/>
        <v>16629.407999999999</v>
      </c>
      <c r="OM52" s="7">
        <f t="shared" si="298"/>
        <v>16629.407999999999</v>
      </c>
      <c r="ON52" s="7">
        <f t="shared" si="298"/>
        <v>16629.407999999999</v>
      </c>
      <c r="OO52" s="7">
        <f t="shared" si="298"/>
        <v>16629.407999999999</v>
      </c>
      <c r="OP52" s="7">
        <f t="shared" si="298"/>
        <v>16629.407999999999</v>
      </c>
      <c r="OQ52" s="7">
        <f t="shared" si="298"/>
        <v>16629.407999999999</v>
      </c>
      <c r="OR52" s="7">
        <f t="shared" si="298"/>
        <v>16629.407999999999</v>
      </c>
      <c r="OS52" s="7">
        <f t="shared" si="298"/>
        <v>16629.407999999999</v>
      </c>
      <c r="OT52" s="7">
        <f t="shared" si="298"/>
        <v>16629.407999999999</v>
      </c>
      <c r="OU52" s="7">
        <f t="shared" si="298"/>
        <v>16629.407999999999</v>
      </c>
      <c r="OV52" s="7">
        <f t="shared" si="298"/>
        <v>16629.407999999999</v>
      </c>
      <c r="OW52" s="7">
        <f t="shared" si="298"/>
        <v>16629.407999999999</v>
      </c>
      <c r="OX52" s="7">
        <f t="shared" si="298"/>
        <v>16629.407999999999</v>
      </c>
      <c r="OY52" s="7">
        <f t="shared" si="298"/>
        <v>16629.407999999999</v>
      </c>
      <c r="OZ52" s="7">
        <f t="shared" si="298"/>
        <v>16629.407999999999</v>
      </c>
      <c r="PA52" s="7">
        <f t="shared" si="298"/>
        <v>16629.407999999999</v>
      </c>
      <c r="PB52" s="7">
        <f t="shared" si="298"/>
        <v>16629.407999999999</v>
      </c>
      <c r="PC52" s="7">
        <f t="shared" si="298"/>
        <v>16629.407999999999</v>
      </c>
      <c r="PD52" s="7">
        <f t="shared" si="298"/>
        <v>16629.407999999999</v>
      </c>
      <c r="PE52" s="7">
        <f t="shared" si="298"/>
        <v>16629.407999999999</v>
      </c>
      <c r="PF52" s="7">
        <f t="shared" si="298"/>
        <v>16629.407999999999</v>
      </c>
      <c r="PG52" s="7">
        <f t="shared" si="298"/>
        <v>16629.407999999999</v>
      </c>
      <c r="PH52" s="7">
        <f t="shared" si="298"/>
        <v>16629.407999999999</v>
      </c>
      <c r="PI52" s="7">
        <f t="shared" si="298"/>
        <v>16629.407999999999</v>
      </c>
      <c r="PJ52" s="7">
        <f t="shared" si="298"/>
        <v>16629.407999999999</v>
      </c>
      <c r="PK52" s="7">
        <f t="shared" si="298"/>
        <v>16629.407999999999</v>
      </c>
      <c r="PL52" s="7">
        <f t="shared" si="298"/>
        <v>16629.407999999999</v>
      </c>
      <c r="PM52" s="7">
        <f t="shared" si="298"/>
        <v>16629.407999999999</v>
      </c>
      <c r="PN52" s="7">
        <f t="shared" si="298"/>
        <v>16629.407999999999</v>
      </c>
      <c r="PO52" s="7">
        <f t="shared" si="298"/>
        <v>16629.407999999999</v>
      </c>
      <c r="PP52" s="7">
        <f t="shared" si="298"/>
        <v>16629.407999999999</v>
      </c>
      <c r="PQ52" s="7">
        <f t="shared" si="298"/>
        <v>16629.407999999999</v>
      </c>
      <c r="PR52" s="7">
        <f t="shared" si="298"/>
        <v>16629.407999999999</v>
      </c>
      <c r="PS52" s="7">
        <f t="shared" si="298"/>
        <v>16629.407999999999</v>
      </c>
      <c r="PT52" s="7">
        <f t="shared" si="298"/>
        <v>16629.407999999999</v>
      </c>
      <c r="PU52" s="7">
        <f t="shared" si="298"/>
        <v>16629.407999999999</v>
      </c>
      <c r="PV52" s="7">
        <f t="shared" si="298"/>
        <v>16629.407999999999</v>
      </c>
      <c r="PW52" s="7">
        <f t="shared" si="298"/>
        <v>16629.407999999999</v>
      </c>
      <c r="PX52" s="7">
        <f t="shared" si="298"/>
        <v>16629.407999999999</v>
      </c>
      <c r="PY52" s="7">
        <f t="shared" si="298"/>
        <v>16629.407999999999</v>
      </c>
      <c r="PZ52" s="7">
        <f t="shared" si="298"/>
        <v>16629.407999999999</v>
      </c>
      <c r="QA52" s="7">
        <f t="shared" si="298"/>
        <v>16629.407999999999</v>
      </c>
      <c r="QB52" s="7">
        <f t="shared" si="298"/>
        <v>16629.407999999999</v>
      </c>
      <c r="QC52" s="7">
        <f t="shared" si="298"/>
        <v>16629.407999999999</v>
      </c>
      <c r="QD52" s="7">
        <f t="shared" si="298"/>
        <v>16629.407999999999</v>
      </c>
      <c r="QE52" s="7">
        <f t="shared" si="298"/>
        <v>16629.407999999999</v>
      </c>
      <c r="QF52" s="7">
        <f t="shared" si="298"/>
        <v>16629.407999999999</v>
      </c>
      <c r="QG52" s="7">
        <f t="shared" si="298"/>
        <v>16629.407999999999</v>
      </c>
      <c r="QH52" s="7">
        <f t="shared" si="298"/>
        <v>16629.407999999999</v>
      </c>
      <c r="QI52" s="7">
        <f t="shared" si="298"/>
        <v>16629.407999999999</v>
      </c>
      <c r="QJ52" s="7">
        <f t="shared" si="298"/>
        <v>16629.407999999999</v>
      </c>
      <c r="QK52" s="7">
        <f t="shared" si="298"/>
        <v>16629.407999999999</v>
      </c>
      <c r="QL52" s="7">
        <f t="shared" si="298"/>
        <v>16629.407999999999</v>
      </c>
      <c r="QM52" s="7">
        <f t="shared" si="298"/>
        <v>16629.407999999999</v>
      </c>
      <c r="QN52" s="7">
        <f t="shared" si="298"/>
        <v>16629.407999999999</v>
      </c>
      <c r="QO52" s="7">
        <f t="shared" si="298"/>
        <v>16629.407999999999</v>
      </c>
      <c r="QP52" s="7">
        <f t="shared" ref="QP52:TA52" si="299">QP47+QO52</f>
        <v>16629.407999999999</v>
      </c>
      <c r="QQ52" s="7">
        <f t="shared" si="299"/>
        <v>16629.407999999999</v>
      </c>
      <c r="QR52" s="7">
        <f t="shared" si="299"/>
        <v>16629.407999999999</v>
      </c>
      <c r="QS52" s="7">
        <f t="shared" si="299"/>
        <v>16629.407999999999</v>
      </c>
      <c r="QT52" s="7">
        <f t="shared" si="299"/>
        <v>16629.407999999999</v>
      </c>
      <c r="QU52" s="7">
        <f t="shared" si="299"/>
        <v>16629.407999999999</v>
      </c>
      <c r="QV52" s="7">
        <f t="shared" si="299"/>
        <v>16629.407999999999</v>
      </c>
      <c r="QW52" s="7">
        <f t="shared" si="299"/>
        <v>16629.407999999999</v>
      </c>
      <c r="QX52" s="7">
        <f t="shared" si="299"/>
        <v>16629.407999999999</v>
      </c>
      <c r="QY52" s="7">
        <f t="shared" si="299"/>
        <v>16629.407999999999</v>
      </c>
      <c r="QZ52" s="7">
        <f t="shared" si="299"/>
        <v>16629.407999999999</v>
      </c>
      <c r="RA52" s="7">
        <f t="shared" si="299"/>
        <v>16629.407999999999</v>
      </c>
      <c r="RB52" s="7">
        <f t="shared" si="299"/>
        <v>16629.407999999999</v>
      </c>
      <c r="RC52" s="7">
        <f t="shared" si="299"/>
        <v>16629.407999999999</v>
      </c>
      <c r="RD52" s="7">
        <f t="shared" si="299"/>
        <v>16629.407999999999</v>
      </c>
      <c r="RE52" s="7">
        <f t="shared" si="299"/>
        <v>16629.407999999999</v>
      </c>
      <c r="RF52" s="7">
        <f t="shared" si="299"/>
        <v>16629.407999999999</v>
      </c>
      <c r="RG52" s="7">
        <f t="shared" si="299"/>
        <v>16629.407999999999</v>
      </c>
      <c r="RH52" s="7">
        <f t="shared" si="299"/>
        <v>16629.407999999999</v>
      </c>
      <c r="RI52" s="7">
        <f t="shared" si="299"/>
        <v>16629.407999999999</v>
      </c>
      <c r="RJ52" s="7">
        <f t="shared" si="299"/>
        <v>16629.407999999999</v>
      </c>
      <c r="RK52" s="7">
        <f t="shared" si="299"/>
        <v>16629.407999999999</v>
      </c>
      <c r="RL52" s="7">
        <f t="shared" si="299"/>
        <v>16629.407999999999</v>
      </c>
      <c r="RM52" s="7">
        <f t="shared" si="299"/>
        <v>16629.407999999999</v>
      </c>
      <c r="RN52" s="7">
        <f t="shared" si="299"/>
        <v>16629.407999999999</v>
      </c>
      <c r="RO52" s="7">
        <f t="shared" si="299"/>
        <v>16629.407999999999</v>
      </c>
      <c r="RP52" s="7">
        <f t="shared" si="299"/>
        <v>16629.407999999999</v>
      </c>
      <c r="RQ52" s="7">
        <f t="shared" si="299"/>
        <v>16629.407999999999</v>
      </c>
      <c r="RR52" s="7">
        <f t="shared" si="299"/>
        <v>16629.407999999999</v>
      </c>
      <c r="RS52" s="7">
        <f t="shared" si="299"/>
        <v>16629.407999999999</v>
      </c>
      <c r="RT52" s="7">
        <f t="shared" si="299"/>
        <v>16629.407999999999</v>
      </c>
      <c r="RU52" s="7">
        <f t="shared" si="299"/>
        <v>16629.407999999999</v>
      </c>
      <c r="RV52" s="7">
        <f t="shared" si="299"/>
        <v>16629.407999999999</v>
      </c>
      <c r="RW52" s="7">
        <f t="shared" si="299"/>
        <v>16629.407999999999</v>
      </c>
      <c r="RX52" s="7">
        <f t="shared" si="299"/>
        <v>16629.407999999999</v>
      </c>
      <c r="RY52" s="7">
        <f t="shared" si="299"/>
        <v>16629.407999999999</v>
      </c>
      <c r="RZ52" s="7">
        <f t="shared" si="299"/>
        <v>16629.407999999999</v>
      </c>
      <c r="SA52" s="7">
        <f t="shared" si="299"/>
        <v>16629.407999999999</v>
      </c>
      <c r="SB52" s="7">
        <f t="shared" si="299"/>
        <v>16629.407999999999</v>
      </c>
      <c r="SC52" s="7">
        <f t="shared" si="299"/>
        <v>16629.407999999999</v>
      </c>
      <c r="SD52" s="7">
        <f t="shared" si="299"/>
        <v>16629.407999999999</v>
      </c>
      <c r="SE52" s="7">
        <f t="shared" si="299"/>
        <v>16629.407999999999</v>
      </c>
      <c r="SF52" s="7">
        <f t="shared" si="299"/>
        <v>16629.407999999999</v>
      </c>
      <c r="SG52" s="7">
        <f t="shared" si="299"/>
        <v>16629.407999999999</v>
      </c>
      <c r="SH52" s="7">
        <f t="shared" si="299"/>
        <v>16629.407999999999</v>
      </c>
      <c r="SI52" s="7">
        <f t="shared" si="299"/>
        <v>16629.407999999999</v>
      </c>
      <c r="SJ52" s="7">
        <f t="shared" si="299"/>
        <v>16629.407999999999</v>
      </c>
      <c r="SK52" s="7">
        <f t="shared" si="299"/>
        <v>16629.407999999999</v>
      </c>
      <c r="SL52" s="7">
        <f t="shared" si="299"/>
        <v>16629.407999999999</v>
      </c>
      <c r="SM52" s="7">
        <f t="shared" si="299"/>
        <v>16629.407999999999</v>
      </c>
      <c r="SN52" s="7">
        <f t="shared" si="299"/>
        <v>16629.407999999999</v>
      </c>
      <c r="SO52" s="7">
        <f t="shared" si="299"/>
        <v>16629.407999999999</v>
      </c>
      <c r="SP52" s="7">
        <f t="shared" si="299"/>
        <v>16629.407999999999</v>
      </c>
      <c r="SQ52" s="7">
        <f t="shared" si="299"/>
        <v>16629.407999999999</v>
      </c>
      <c r="SR52" s="7">
        <f t="shared" si="299"/>
        <v>16629.407999999999</v>
      </c>
      <c r="SS52" s="7">
        <f t="shared" si="299"/>
        <v>16629.407999999999</v>
      </c>
      <c r="ST52" s="7">
        <f t="shared" si="299"/>
        <v>16629.407999999999</v>
      </c>
      <c r="SU52" s="7">
        <f t="shared" si="299"/>
        <v>16629.407999999999</v>
      </c>
      <c r="SV52" s="7">
        <f t="shared" si="299"/>
        <v>16629.407999999999</v>
      </c>
      <c r="SW52" s="7">
        <f t="shared" si="299"/>
        <v>16629.407999999999</v>
      </c>
      <c r="SX52" s="7">
        <f t="shared" si="299"/>
        <v>16629.407999999999</v>
      </c>
      <c r="SY52" s="7">
        <f t="shared" si="299"/>
        <v>16629.407999999999</v>
      </c>
      <c r="SZ52" s="7">
        <f t="shared" si="299"/>
        <v>16629.407999999999</v>
      </c>
      <c r="TA52" s="7">
        <f t="shared" si="299"/>
        <v>16629.407999999999</v>
      </c>
      <c r="TB52" s="7">
        <f t="shared" ref="TB52:VM52" si="300">TB47+TA52</f>
        <v>16629.407999999999</v>
      </c>
      <c r="TC52" s="7">
        <f t="shared" si="300"/>
        <v>16629.407999999999</v>
      </c>
      <c r="TD52" s="7">
        <f t="shared" si="300"/>
        <v>16629.407999999999</v>
      </c>
      <c r="TE52" s="7">
        <f t="shared" si="300"/>
        <v>16629.407999999999</v>
      </c>
      <c r="TF52" s="7">
        <f t="shared" si="300"/>
        <v>16629.407999999999</v>
      </c>
      <c r="TG52" s="7">
        <f t="shared" si="300"/>
        <v>16629.407999999999</v>
      </c>
      <c r="TH52" s="7">
        <f t="shared" si="300"/>
        <v>16629.407999999999</v>
      </c>
      <c r="TI52" s="7">
        <f t="shared" si="300"/>
        <v>16629.407999999999</v>
      </c>
      <c r="TJ52" s="7">
        <f t="shared" si="300"/>
        <v>16629.407999999999</v>
      </c>
      <c r="TK52" s="7">
        <f t="shared" si="300"/>
        <v>16629.407999999999</v>
      </c>
      <c r="TL52" s="7">
        <f t="shared" si="300"/>
        <v>16629.407999999999</v>
      </c>
      <c r="TM52" s="7">
        <f t="shared" si="300"/>
        <v>16629.407999999999</v>
      </c>
      <c r="TN52" s="7">
        <f t="shared" si="300"/>
        <v>16629.407999999999</v>
      </c>
      <c r="TO52" s="7">
        <f t="shared" si="300"/>
        <v>16629.407999999999</v>
      </c>
      <c r="TP52" s="7">
        <f t="shared" si="300"/>
        <v>16629.407999999999</v>
      </c>
      <c r="TQ52" s="7">
        <f t="shared" si="300"/>
        <v>16629.407999999999</v>
      </c>
      <c r="TR52" s="7">
        <f t="shared" si="300"/>
        <v>16629.407999999999</v>
      </c>
      <c r="TS52" s="7">
        <f t="shared" si="300"/>
        <v>16629.407999999999</v>
      </c>
      <c r="TT52" s="7">
        <f t="shared" si="300"/>
        <v>16629.407999999999</v>
      </c>
      <c r="TU52" s="7">
        <f t="shared" si="300"/>
        <v>16629.407999999999</v>
      </c>
      <c r="TV52" s="7">
        <f t="shared" si="300"/>
        <v>16629.407999999999</v>
      </c>
      <c r="TW52" s="7">
        <f t="shared" si="300"/>
        <v>16629.407999999999</v>
      </c>
      <c r="TX52" s="7">
        <f t="shared" si="300"/>
        <v>16629.407999999999</v>
      </c>
      <c r="TY52" s="7">
        <f t="shared" si="300"/>
        <v>16629.407999999999</v>
      </c>
      <c r="TZ52" s="7">
        <f t="shared" si="300"/>
        <v>16629.407999999999</v>
      </c>
      <c r="UA52" s="7">
        <f t="shared" si="300"/>
        <v>16629.407999999999</v>
      </c>
      <c r="UB52" s="7">
        <f t="shared" si="300"/>
        <v>16629.407999999999</v>
      </c>
      <c r="UC52" s="7">
        <f t="shared" si="300"/>
        <v>16629.407999999999</v>
      </c>
      <c r="UD52" s="7">
        <f t="shared" si="300"/>
        <v>16629.407999999999</v>
      </c>
      <c r="UE52" s="7">
        <f t="shared" si="300"/>
        <v>16629.407999999999</v>
      </c>
      <c r="UF52" s="7">
        <f t="shared" si="300"/>
        <v>16629.407999999999</v>
      </c>
      <c r="UG52" s="7">
        <f t="shared" si="300"/>
        <v>16629.407999999999</v>
      </c>
      <c r="UH52" s="7">
        <f t="shared" si="300"/>
        <v>16629.407999999999</v>
      </c>
      <c r="UI52" s="7">
        <f t="shared" si="300"/>
        <v>16629.407999999999</v>
      </c>
      <c r="UJ52" s="7">
        <f t="shared" si="300"/>
        <v>16629.407999999999</v>
      </c>
      <c r="UK52" s="7">
        <f t="shared" si="300"/>
        <v>16629.407999999999</v>
      </c>
      <c r="UL52" s="7">
        <f t="shared" si="300"/>
        <v>16629.407999999999</v>
      </c>
      <c r="UM52" s="7">
        <f t="shared" si="300"/>
        <v>16629.407999999999</v>
      </c>
      <c r="UN52" s="7">
        <f t="shared" si="300"/>
        <v>16629.407999999999</v>
      </c>
      <c r="UO52" s="7">
        <f t="shared" si="300"/>
        <v>16629.407999999999</v>
      </c>
      <c r="UP52" s="7">
        <f t="shared" si="300"/>
        <v>16629.407999999999</v>
      </c>
      <c r="UQ52" s="7">
        <f t="shared" si="300"/>
        <v>16629.407999999999</v>
      </c>
      <c r="UR52" s="7">
        <f t="shared" si="300"/>
        <v>16629.407999999999</v>
      </c>
      <c r="US52" s="7">
        <f t="shared" si="300"/>
        <v>16629.407999999999</v>
      </c>
      <c r="UT52" s="7">
        <f t="shared" si="300"/>
        <v>16629.407999999999</v>
      </c>
      <c r="UU52" s="7">
        <f t="shared" si="300"/>
        <v>16629.407999999999</v>
      </c>
      <c r="UV52" s="7">
        <f t="shared" si="300"/>
        <v>16629.407999999999</v>
      </c>
      <c r="UW52" s="7">
        <f t="shared" si="300"/>
        <v>16629.407999999999</v>
      </c>
      <c r="UX52" s="7">
        <f t="shared" si="300"/>
        <v>16629.407999999999</v>
      </c>
      <c r="UY52" s="7">
        <f t="shared" si="300"/>
        <v>16629.407999999999</v>
      </c>
      <c r="UZ52" s="7">
        <f t="shared" si="300"/>
        <v>16629.407999999999</v>
      </c>
      <c r="VA52" s="7">
        <f t="shared" si="300"/>
        <v>16629.407999999999</v>
      </c>
      <c r="VB52" s="7">
        <f t="shared" si="300"/>
        <v>16629.407999999999</v>
      </c>
      <c r="VC52" s="7">
        <f t="shared" si="300"/>
        <v>16629.407999999999</v>
      </c>
      <c r="VD52" s="7">
        <f t="shared" si="300"/>
        <v>16629.407999999999</v>
      </c>
      <c r="VE52" s="7">
        <f t="shared" si="300"/>
        <v>16629.407999999999</v>
      </c>
      <c r="VF52" s="7">
        <f t="shared" si="300"/>
        <v>16629.407999999999</v>
      </c>
      <c r="VG52" s="7">
        <f t="shared" si="300"/>
        <v>16629.407999999999</v>
      </c>
      <c r="VH52" s="7">
        <f t="shared" si="300"/>
        <v>16629.407999999999</v>
      </c>
      <c r="VI52" s="7">
        <f t="shared" si="300"/>
        <v>16629.407999999999</v>
      </c>
      <c r="VJ52" s="7">
        <f t="shared" si="300"/>
        <v>16629.407999999999</v>
      </c>
      <c r="VK52" s="7">
        <f t="shared" si="300"/>
        <v>16629.407999999999</v>
      </c>
      <c r="VL52" s="7">
        <f t="shared" si="300"/>
        <v>16629.407999999999</v>
      </c>
      <c r="VM52" s="7">
        <f t="shared" si="300"/>
        <v>16629.407999999999</v>
      </c>
      <c r="VN52" s="7">
        <f t="shared" ref="VN52:XY52" si="301">VN47+VM52</f>
        <v>16629.407999999999</v>
      </c>
      <c r="VO52" s="7">
        <f t="shared" si="301"/>
        <v>16629.407999999999</v>
      </c>
      <c r="VP52" s="7">
        <f t="shared" si="301"/>
        <v>16629.407999999999</v>
      </c>
      <c r="VQ52" s="7">
        <f t="shared" si="301"/>
        <v>16629.407999999999</v>
      </c>
      <c r="VR52" s="7">
        <f t="shared" si="301"/>
        <v>16629.407999999999</v>
      </c>
      <c r="VS52" s="7">
        <f t="shared" si="301"/>
        <v>16629.407999999999</v>
      </c>
      <c r="VT52" s="7">
        <f t="shared" si="301"/>
        <v>16629.407999999999</v>
      </c>
      <c r="VU52" s="7">
        <f t="shared" si="301"/>
        <v>16629.407999999999</v>
      </c>
      <c r="VV52" s="7">
        <f t="shared" si="301"/>
        <v>16629.407999999999</v>
      </c>
      <c r="VW52" s="7">
        <f t="shared" si="301"/>
        <v>16629.407999999999</v>
      </c>
      <c r="VX52" s="7">
        <f t="shared" si="301"/>
        <v>16629.407999999999</v>
      </c>
      <c r="VY52" s="7">
        <f t="shared" si="301"/>
        <v>16629.407999999999</v>
      </c>
      <c r="VZ52" s="7">
        <f t="shared" si="301"/>
        <v>16629.407999999999</v>
      </c>
      <c r="WA52" s="7">
        <f t="shared" si="301"/>
        <v>16629.407999999999</v>
      </c>
      <c r="WB52" s="7">
        <f t="shared" si="301"/>
        <v>16629.407999999999</v>
      </c>
      <c r="WC52" s="7">
        <f t="shared" si="301"/>
        <v>16629.407999999999</v>
      </c>
      <c r="WD52" s="7">
        <f t="shared" si="301"/>
        <v>16629.407999999999</v>
      </c>
      <c r="WE52" s="7">
        <f t="shared" si="301"/>
        <v>16629.407999999999</v>
      </c>
      <c r="WF52" s="7">
        <f t="shared" si="301"/>
        <v>16629.407999999999</v>
      </c>
      <c r="WG52" s="7">
        <f t="shared" si="301"/>
        <v>16629.407999999999</v>
      </c>
      <c r="WH52" s="7">
        <f t="shared" si="301"/>
        <v>16629.407999999999</v>
      </c>
      <c r="WI52" s="7">
        <f t="shared" si="301"/>
        <v>16629.407999999999</v>
      </c>
      <c r="WJ52" s="7">
        <f t="shared" si="301"/>
        <v>16629.407999999999</v>
      </c>
      <c r="WK52" s="7">
        <f t="shared" si="301"/>
        <v>16629.407999999999</v>
      </c>
      <c r="WL52" s="7">
        <f t="shared" si="301"/>
        <v>16629.407999999999</v>
      </c>
      <c r="WM52" s="7">
        <f t="shared" si="301"/>
        <v>16629.407999999999</v>
      </c>
      <c r="WN52" s="7">
        <f t="shared" si="301"/>
        <v>16629.407999999999</v>
      </c>
      <c r="WO52" s="7">
        <f t="shared" si="301"/>
        <v>16629.407999999999</v>
      </c>
      <c r="WP52" s="7">
        <f t="shared" si="301"/>
        <v>16629.407999999999</v>
      </c>
      <c r="WQ52" s="7">
        <f t="shared" si="301"/>
        <v>16629.407999999999</v>
      </c>
      <c r="WR52" s="7">
        <f t="shared" si="301"/>
        <v>16629.407999999999</v>
      </c>
      <c r="WS52" s="7">
        <f t="shared" si="301"/>
        <v>16629.407999999999</v>
      </c>
      <c r="WT52" s="7">
        <f t="shared" si="301"/>
        <v>16629.407999999999</v>
      </c>
      <c r="WU52" s="7">
        <f t="shared" si="301"/>
        <v>16629.407999999999</v>
      </c>
      <c r="WV52" s="7">
        <f t="shared" si="301"/>
        <v>16629.407999999999</v>
      </c>
      <c r="WW52" s="7">
        <f t="shared" si="301"/>
        <v>16629.407999999999</v>
      </c>
      <c r="WX52" s="7">
        <f t="shared" si="301"/>
        <v>16629.407999999999</v>
      </c>
      <c r="WY52" s="7">
        <f t="shared" si="301"/>
        <v>16629.407999999999</v>
      </c>
      <c r="WZ52" s="7">
        <f t="shared" si="301"/>
        <v>16629.407999999999</v>
      </c>
      <c r="XA52" s="7">
        <f t="shared" si="301"/>
        <v>16629.407999999999</v>
      </c>
      <c r="XB52" s="7">
        <f t="shared" si="301"/>
        <v>16629.407999999999</v>
      </c>
      <c r="XC52" s="7">
        <f t="shared" si="301"/>
        <v>16629.407999999999</v>
      </c>
      <c r="XD52" s="7">
        <f t="shared" si="301"/>
        <v>16629.407999999999</v>
      </c>
      <c r="XE52" s="7">
        <f t="shared" si="301"/>
        <v>16629.407999999999</v>
      </c>
      <c r="XF52" s="7">
        <f t="shared" si="301"/>
        <v>16629.407999999999</v>
      </c>
      <c r="XG52" s="7">
        <f t="shared" si="301"/>
        <v>16629.407999999999</v>
      </c>
      <c r="XH52" s="7">
        <f t="shared" si="301"/>
        <v>16629.407999999999</v>
      </c>
      <c r="XI52" s="7">
        <f t="shared" si="301"/>
        <v>16629.407999999999</v>
      </c>
      <c r="XJ52" s="7">
        <f t="shared" si="301"/>
        <v>16629.407999999999</v>
      </c>
      <c r="XK52" s="7">
        <f t="shared" si="301"/>
        <v>16629.407999999999</v>
      </c>
      <c r="XL52" s="7">
        <f t="shared" si="301"/>
        <v>16629.407999999999</v>
      </c>
      <c r="XM52" s="7">
        <f t="shared" si="301"/>
        <v>16629.407999999999</v>
      </c>
      <c r="XN52" s="7">
        <f t="shared" si="301"/>
        <v>16629.407999999999</v>
      </c>
      <c r="XO52" s="7">
        <f t="shared" si="301"/>
        <v>16629.407999999999</v>
      </c>
      <c r="XP52" s="7">
        <f t="shared" si="301"/>
        <v>16629.407999999999</v>
      </c>
      <c r="XQ52" s="7">
        <f t="shared" si="301"/>
        <v>16629.407999999999</v>
      </c>
      <c r="XR52" s="7">
        <f t="shared" si="301"/>
        <v>16629.407999999999</v>
      </c>
      <c r="XS52" s="7">
        <f t="shared" si="301"/>
        <v>16629.407999999999</v>
      </c>
      <c r="XT52" s="7">
        <f t="shared" si="301"/>
        <v>16629.407999999999</v>
      </c>
      <c r="XU52" s="7">
        <f t="shared" si="301"/>
        <v>16629.407999999999</v>
      </c>
      <c r="XV52" s="7">
        <f t="shared" si="301"/>
        <v>16629.407999999999</v>
      </c>
      <c r="XW52" s="7">
        <f t="shared" si="301"/>
        <v>16629.407999999999</v>
      </c>
      <c r="XX52" s="7">
        <f t="shared" si="301"/>
        <v>16629.407999999999</v>
      </c>
      <c r="XY52" s="7">
        <f t="shared" si="301"/>
        <v>16629.407999999999</v>
      </c>
      <c r="XZ52" s="7">
        <f t="shared" ref="XZ52:AAK52" si="302">XZ47+XY52</f>
        <v>16629.407999999999</v>
      </c>
      <c r="YA52" s="7">
        <f t="shared" si="302"/>
        <v>16629.407999999999</v>
      </c>
      <c r="YB52" s="7">
        <f t="shared" si="302"/>
        <v>16629.407999999999</v>
      </c>
      <c r="YC52" s="7">
        <f t="shared" si="302"/>
        <v>16629.407999999999</v>
      </c>
      <c r="YD52" s="7">
        <f t="shared" si="302"/>
        <v>16629.407999999999</v>
      </c>
      <c r="YE52" s="7">
        <f t="shared" si="302"/>
        <v>16629.407999999999</v>
      </c>
      <c r="YF52" s="7">
        <f t="shared" si="302"/>
        <v>16629.407999999999</v>
      </c>
      <c r="YG52" s="7">
        <f t="shared" si="302"/>
        <v>16629.407999999999</v>
      </c>
      <c r="YH52" s="7">
        <f t="shared" si="302"/>
        <v>16629.407999999999</v>
      </c>
      <c r="YI52" s="7">
        <f t="shared" si="302"/>
        <v>16629.407999999999</v>
      </c>
      <c r="YJ52" s="7">
        <f t="shared" si="302"/>
        <v>16629.407999999999</v>
      </c>
      <c r="YK52" s="7">
        <f t="shared" si="302"/>
        <v>16629.407999999999</v>
      </c>
      <c r="YL52" s="7">
        <f t="shared" si="302"/>
        <v>16629.407999999999</v>
      </c>
      <c r="YM52" s="7">
        <f t="shared" si="302"/>
        <v>16629.407999999999</v>
      </c>
      <c r="YN52" s="7">
        <f t="shared" si="302"/>
        <v>16629.407999999999</v>
      </c>
      <c r="YO52" s="7">
        <f t="shared" si="302"/>
        <v>16629.407999999999</v>
      </c>
      <c r="YP52" s="7">
        <f t="shared" si="302"/>
        <v>16629.407999999999</v>
      </c>
      <c r="YQ52" s="7">
        <f t="shared" si="302"/>
        <v>16629.407999999999</v>
      </c>
      <c r="YR52" s="7">
        <f t="shared" si="302"/>
        <v>16629.407999999999</v>
      </c>
      <c r="YS52" s="7">
        <f t="shared" si="302"/>
        <v>16629.407999999999</v>
      </c>
      <c r="YT52" s="7">
        <f t="shared" si="302"/>
        <v>16629.407999999999</v>
      </c>
      <c r="YU52" s="7">
        <f t="shared" si="302"/>
        <v>16629.407999999999</v>
      </c>
      <c r="YV52" s="7">
        <f t="shared" si="302"/>
        <v>16629.407999999999</v>
      </c>
      <c r="YW52" s="7">
        <f t="shared" si="302"/>
        <v>16629.407999999999</v>
      </c>
      <c r="YX52" s="7">
        <f t="shared" si="302"/>
        <v>16629.407999999999</v>
      </c>
      <c r="YY52" s="7">
        <f t="shared" si="302"/>
        <v>16629.407999999999</v>
      </c>
      <c r="YZ52" s="7">
        <f t="shared" si="302"/>
        <v>16629.407999999999</v>
      </c>
      <c r="ZA52" s="7">
        <f t="shared" si="302"/>
        <v>16629.407999999999</v>
      </c>
      <c r="ZB52" s="7">
        <f t="shared" si="302"/>
        <v>16629.407999999999</v>
      </c>
      <c r="ZC52" s="7">
        <f t="shared" si="302"/>
        <v>16629.407999999999</v>
      </c>
      <c r="ZD52" s="7">
        <f t="shared" si="302"/>
        <v>16629.407999999999</v>
      </c>
      <c r="ZE52" s="7">
        <f t="shared" si="302"/>
        <v>16629.407999999999</v>
      </c>
      <c r="ZF52" s="7">
        <f t="shared" si="302"/>
        <v>16629.407999999999</v>
      </c>
      <c r="ZG52" s="7">
        <f t="shared" si="302"/>
        <v>16629.407999999999</v>
      </c>
      <c r="ZH52" s="7">
        <f t="shared" si="302"/>
        <v>16629.407999999999</v>
      </c>
      <c r="ZI52" s="7">
        <f t="shared" si="302"/>
        <v>16629.407999999999</v>
      </c>
      <c r="ZJ52" s="7">
        <f t="shared" si="302"/>
        <v>16629.407999999999</v>
      </c>
      <c r="ZK52" s="7">
        <f t="shared" si="302"/>
        <v>16629.407999999999</v>
      </c>
      <c r="ZL52" s="7">
        <f t="shared" si="302"/>
        <v>16629.407999999999</v>
      </c>
      <c r="ZM52" s="7">
        <f t="shared" si="302"/>
        <v>16629.407999999999</v>
      </c>
      <c r="ZN52" s="7">
        <f t="shared" si="302"/>
        <v>16629.407999999999</v>
      </c>
      <c r="ZO52" s="7">
        <f t="shared" si="302"/>
        <v>16629.407999999999</v>
      </c>
      <c r="ZP52" s="7">
        <f t="shared" si="302"/>
        <v>16629.407999999999</v>
      </c>
      <c r="ZQ52" s="7">
        <f t="shared" si="302"/>
        <v>16629.407999999999</v>
      </c>
      <c r="ZR52" s="7">
        <f t="shared" si="302"/>
        <v>16629.407999999999</v>
      </c>
      <c r="ZS52" s="7">
        <f t="shared" si="302"/>
        <v>16629.407999999999</v>
      </c>
      <c r="ZT52" s="7">
        <f t="shared" si="302"/>
        <v>16629.407999999999</v>
      </c>
      <c r="ZU52" s="7">
        <f t="shared" si="302"/>
        <v>16629.407999999999</v>
      </c>
      <c r="ZV52" s="7">
        <f t="shared" si="302"/>
        <v>16629.407999999999</v>
      </c>
      <c r="ZW52" s="7">
        <f t="shared" si="302"/>
        <v>16629.407999999999</v>
      </c>
      <c r="ZX52" s="7">
        <f t="shared" si="302"/>
        <v>16629.407999999999</v>
      </c>
      <c r="ZY52" s="7">
        <f t="shared" si="302"/>
        <v>16629.407999999999</v>
      </c>
      <c r="ZZ52" s="7">
        <f t="shared" si="302"/>
        <v>16629.407999999999</v>
      </c>
      <c r="AAA52" s="7">
        <f t="shared" si="302"/>
        <v>16629.407999999999</v>
      </c>
      <c r="AAB52" s="7">
        <f t="shared" si="302"/>
        <v>16629.407999999999</v>
      </c>
      <c r="AAC52" s="7">
        <f t="shared" si="302"/>
        <v>16629.407999999999</v>
      </c>
      <c r="AAD52" s="7">
        <f t="shared" si="302"/>
        <v>16629.407999999999</v>
      </c>
      <c r="AAE52" s="7">
        <f t="shared" si="302"/>
        <v>16629.407999999999</v>
      </c>
      <c r="AAF52" s="7">
        <f t="shared" si="302"/>
        <v>16629.407999999999</v>
      </c>
      <c r="AAG52" s="7">
        <f t="shared" si="302"/>
        <v>16629.407999999999</v>
      </c>
      <c r="AAH52" s="7">
        <f t="shared" si="302"/>
        <v>16629.407999999999</v>
      </c>
      <c r="AAI52" s="7">
        <f t="shared" si="302"/>
        <v>16629.407999999999</v>
      </c>
      <c r="AAJ52" s="7">
        <f t="shared" si="302"/>
        <v>16629.407999999999</v>
      </c>
      <c r="AAK52" s="7">
        <f t="shared" si="302"/>
        <v>16629.407999999999</v>
      </c>
      <c r="AAL52" s="7">
        <f t="shared" ref="AAL52:ACW52" si="303">AAL47+AAK52</f>
        <v>16629.407999999999</v>
      </c>
      <c r="AAM52" s="7">
        <f t="shared" si="303"/>
        <v>16629.407999999999</v>
      </c>
      <c r="AAN52" s="7">
        <f t="shared" si="303"/>
        <v>16629.407999999999</v>
      </c>
      <c r="AAO52" s="7">
        <f t="shared" si="303"/>
        <v>16629.407999999999</v>
      </c>
      <c r="AAP52" s="7">
        <f t="shared" si="303"/>
        <v>16629.407999999999</v>
      </c>
      <c r="AAQ52" s="7">
        <f t="shared" si="303"/>
        <v>16629.407999999999</v>
      </c>
      <c r="AAR52" s="7">
        <f t="shared" si="303"/>
        <v>16629.407999999999</v>
      </c>
      <c r="AAS52" s="7">
        <f t="shared" si="303"/>
        <v>16629.407999999999</v>
      </c>
      <c r="AAT52" s="7">
        <f t="shared" si="303"/>
        <v>16629.407999999999</v>
      </c>
      <c r="AAU52" s="7">
        <f t="shared" si="303"/>
        <v>16629.407999999999</v>
      </c>
      <c r="AAV52" s="7">
        <f t="shared" si="303"/>
        <v>16629.407999999999</v>
      </c>
      <c r="AAW52" s="7">
        <f t="shared" si="303"/>
        <v>16629.407999999999</v>
      </c>
      <c r="AAX52" s="7">
        <f t="shared" si="303"/>
        <v>16629.407999999999</v>
      </c>
      <c r="AAY52" s="7">
        <f t="shared" si="303"/>
        <v>16629.407999999999</v>
      </c>
      <c r="AAZ52" s="7">
        <f t="shared" si="303"/>
        <v>16629.407999999999</v>
      </c>
      <c r="ABA52" s="7">
        <f t="shared" si="303"/>
        <v>16629.407999999999</v>
      </c>
      <c r="ABB52" s="7">
        <f t="shared" si="303"/>
        <v>16629.407999999999</v>
      </c>
      <c r="ABC52" s="7">
        <f t="shared" si="303"/>
        <v>16629.407999999999</v>
      </c>
      <c r="ABD52" s="7">
        <f t="shared" si="303"/>
        <v>16629.407999999999</v>
      </c>
      <c r="ABE52" s="7">
        <f t="shared" si="303"/>
        <v>16629.407999999999</v>
      </c>
      <c r="ABF52" s="7">
        <f t="shared" si="303"/>
        <v>16629.407999999999</v>
      </c>
      <c r="ABG52" s="7">
        <f t="shared" si="303"/>
        <v>16629.407999999999</v>
      </c>
      <c r="ABH52" s="7">
        <f t="shared" si="303"/>
        <v>16629.407999999999</v>
      </c>
      <c r="ABI52" s="7">
        <f t="shared" si="303"/>
        <v>16629.407999999999</v>
      </c>
      <c r="ABJ52" s="7">
        <f t="shared" si="303"/>
        <v>16629.407999999999</v>
      </c>
      <c r="ABK52" s="7">
        <f t="shared" si="303"/>
        <v>16629.407999999999</v>
      </c>
      <c r="ABL52" s="7">
        <f t="shared" si="303"/>
        <v>16629.407999999999</v>
      </c>
      <c r="ABM52" s="7">
        <f t="shared" si="303"/>
        <v>16629.407999999999</v>
      </c>
      <c r="ABN52" s="7">
        <f t="shared" si="303"/>
        <v>16629.407999999999</v>
      </c>
      <c r="ABO52" s="7">
        <f t="shared" si="303"/>
        <v>16629.407999999999</v>
      </c>
      <c r="ABP52" s="7">
        <f t="shared" si="303"/>
        <v>16629.407999999999</v>
      </c>
      <c r="ABQ52" s="7">
        <f t="shared" si="303"/>
        <v>16629.407999999999</v>
      </c>
      <c r="ABR52" s="7">
        <f t="shared" si="303"/>
        <v>16629.407999999999</v>
      </c>
      <c r="ABS52" s="7">
        <f t="shared" si="303"/>
        <v>16629.407999999999</v>
      </c>
      <c r="ABT52" s="7">
        <f t="shared" si="303"/>
        <v>16629.407999999999</v>
      </c>
      <c r="ABU52" s="7">
        <f t="shared" si="303"/>
        <v>16629.407999999999</v>
      </c>
      <c r="ABV52" s="7">
        <f t="shared" si="303"/>
        <v>16629.407999999999</v>
      </c>
      <c r="ABW52" s="7">
        <f t="shared" si="303"/>
        <v>16629.407999999999</v>
      </c>
      <c r="ABX52" s="7">
        <f t="shared" si="303"/>
        <v>16629.407999999999</v>
      </c>
      <c r="ABY52" s="7">
        <f t="shared" si="303"/>
        <v>16629.407999999999</v>
      </c>
      <c r="ABZ52" s="7">
        <f t="shared" si="303"/>
        <v>16629.407999999999</v>
      </c>
      <c r="ACA52" s="7">
        <f t="shared" si="303"/>
        <v>16629.407999999999</v>
      </c>
      <c r="ACB52" s="7">
        <f t="shared" si="303"/>
        <v>16629.407999999999</v>
      </c>
      <c r="ACC52" s="7">
        <f t="shared" si="303"/>
        <v>16629.407999999999</v>
      </c>
      <c r="ACD52" s="7">
        <f t="shared" si="303"/>
        <v>16629.407999999999</v>
      </c>
      <c r="ACE52" s="7">
        <f t="shared" si="303"/>
        <v>16629.407999999999</v>
      </c>
      <c r="ACF52" s="7">
        <f t="shared" si="303"/>
        <v>16629.407999999999</v>
      </c>
      <c r="ACG52" s="7">
        <f t="shared" si="303"/>
        <v>16629.407999999999</v>
      </c>
      <c r="ACH52" s="7">
        <f t="shared" si="303"/>
        <v>16629.407999999999</v>
      </c>
      <c r="ACI52" s="7">
        <f t="shared" si="303"/>
        <v>16629.407999999999</v>
      </c>
      <c r="ACJ52" s="7">
        <f t="shared" si="303"/>
        <v>16629.407999999999</v>
      </c>
      <c r="ACK52" s="7">
        <f t="shared" si="303"/>
        <v>16629.407999999999</v>
      </c>
      <c r="ACL52" s="7">
        <f t="shared" si="303"/>
        <v>16629.407999999999</v>
      </c>
      <c r="ACM52" s="7">
        <f t="shared" si="303"/>
        <v>16629.407999999999</v>
      </c>
      <c r="ACN52" s="7">
        <f t="shared" si="303"/>
        <v>16629.407999999999</v>
      </c>
      <c r="ACO52" s="7">
        <f t="shared" si="303"/>
        <v>16629.407999999999</v>
      </c>
      <c r="ACP52" s="7">
        <f t="shared" si="303"/>
        <v>16629.407999999999</v>
      </c>
      <c r="ACQ52" s="7">
        <f t="shared" si="303"/>
        <v>16629.407999999999</v>
      </c>
      <c r="ACR52" s="7">
        <f t="shared" si="303"/>
        <v>16629.407999999999</v>
      </c>
      <c r="ACS52" s="7">
        <f t="shared" si="303"/>
        <v>16629.407999999999</v>
      </c>
      <c r="ACT52" s="7">
        <f t="shared" si="303"/>
        <v>16629.407999999999</v>
      </c>
      <c r="ACU52" s="7">
        <f t="shared" si="303"/>
        <v>16629.407999999999</v>
      </c>
      <c r="ACV52" s="7">
        <f t="shared" si="303"/>
        <v>16629.407999999999</v>
      </c>
      <c r="ACW52" s="7">
        <f t="shared" si="303"/>
        <v>16629.407999999999</v>
      </c>
      <c r="ACX52" s="7">
        <f t="shared" ref="ACX52:AFI52" si="304">ACX47+ACW52</f>
        <v>16629.407999999999</v>
      </c>
      <c r="ACY52" s="7">
        <f t="shared" si="304"/>
        <v>16629.407999999999</v>
      </c>
      <c r="ACZ52" s="7">
        <f t="shared" si="304"/>
        <v>16629.407999999999</v>
      </c>
      <c r="ADA52" s="7">
        <f t="shared" si="304"/>
        <v>16629.407999999999</v>
      </c>
      <c r="ADB52" s="7">
        <f t="shared" si="304"/>
        <v>16629.407999999999</v>
      </c>
      <c r="ADC52" s="7">
        <f t="shared" si="304"/>
        <v>16629.407999999999</v>
      </c>
      <c r="ADD52" s="7">
        <f t="shared" si="304"/>
        <v>16629.407999999999</v>
      </c>
      <c r="ADE52" s="7">
        <f t="shared" si="304"/>
        <v>16629.407999999999</v>
      </c>
      <c r="ADF52" s="7">
        <f t="shared" si="304"/>
        <v>16629.407999999999</v>
      </c>
      <c r="ADG52" s="7">
        <f t="shared" si="304"/>
        <v>16629.407999999999</v>
      </c>
      <c r="ADH52" s="7">
        <f t="shared" si="304"/>
        <v>16629.407999999999</v>
      </c>
      <c r="ADI52" s="7">
        <f t="shared" si="304"/>
        <v>16629.407999999999</v>
      </c>
      <c r="ADJ52" s="7">
        <f t="shared" si="304"/>
        <v>16629.407999999999</v>
      </c>
      <c r="ADK52" s="7">
        <f t="shared" si="304"/>
        <v>16629.407999999999</v>
      </c>
      <c r="ADL52" s="7">
        <f t="shared" si="304"/>
        <v>16629.407999999999</v>
      </c>
      <c r="ADM52" s="7">
        <f t="shared" si="304"/>
        <v>16629.407999999999</v>
      </c>
      <c r="ADN52" s="7">
        <f t="shared" si="304"/>
        <v>16629.407999999999</v>
      </c>
      <c r="ADO52" s="7">
        <f t="shared" si="304"/>
        <v>16629.407999999999</v>
      </c>
      <c r="ADP52" s="7">
        <f t="shared" si="304"/>
        <v>16629.407999999999</v>
      </c>
      <c r="ADQ52" s="7">
        <f t="shared" si="304"/>
        <v>16629.407999999999</v>
      </c>
      <c r="ADR52" s="7">
        <f t="shared" si="304"/>
        <v>16629.407999999999</v>
      </c>
      <c r="ADS52" s="7">
        <f t="shared" si="304"/>
        <v>16629.407999999999</v>
      </c>
      <c r="ADT52" s="7">
        <f t="shared" si="304"/>
        <v>16629.407999999999</v>
      </c>
      <c r="ADU52" s="7">
        <f t="shared" si="304"/>
        <v>16629.407999999999</v>
      </c>
      <c r="ADV52" s="7">
        <f t="shared" si="304"/>
        <v>16629.407999999999</v>
      </c>
      <c r="ADW52" s="7">
        <f t="shared" si="304"/>
        <v>16629.407999999999</v>
      </c>
      <c r="ADX52" s="7">
        <f t="shared" si="304"/>
        <v>16629.407999999999</v>
      </c>
      <c r="ADY52" s="7">
        <f t="shared" si="304"/>
        <v>16629.407999999999</v>
      </c>
      <c r="ADZ52" s="7">
        <f t="shared" si="304"/>
        <v>16629.407999999999</v>
      </c>
      <c r="AEA52" s="7">
        <f t="shared" si="304"/>
        <v>16629.407999999999</v>
      </c>
      <c r="AEB52" s="7">
        <f t="shared" si="304"/>
        <v>16629.407999999999</v>
      </c>
      <c r="AEC52" s="7">
        <f t="shared" si="304"/>
        <v>16629.407999999999</v>
      </c>
      <c r="AED52" s="7">
        <f t="shared" si="304"/>
        <v>16629.407999999999</v>
      </c>
      <c r="AEE52" s="7">
        <f t="shared" si="304"/>
        <v>16629.407999999999</v>
      </c>
      <c r="AEF52" s="7">
        <f t="shared" si="304"/>
        <v>16629.407999999999</v>
      </c>
      <c r="AEG52" s="7">
        <f t="shared" si="304"/>
        <v>16629.407999999999</v>
      </c>
      <c r="AEH52" s="7">
        <f t="shared" si="304"/>
        <v>16629.407999999999</v>
      </c>
      <c r="AEI52" s="7">
        <f t="shared" si="304"/>
        <v>16629.407999999999</v>
      </c>
      <c r="AEJ52" s="7">
        <f t="shared" si="304"/>
        <v>16629.407999999999</v>
      </c>
      <c r="AEK52" s="7">
        <f t="shared" si="304"/>
        <v>16629.407999999999</v>
      </c>
      <c r="AEL52" s="7">
        <f t="shared" si="304"/>
        <v>16629.407999999999</v>
      </c>
      <c r="AEM52" s="7">
        <f t="shared" si="304"/>
        <v>16629.407999999999</v>
      </c>
      <c r="AEN52" s="7">
        <f t="shared" si="304"/>
        <v>16629.407999999999</v>
      </c>
      <c r="AEO52" s="7">
        <f t="shared" si="304"/>
        <v>16629.407999999999</v>
      </c>
      <c r="AEP52" s="7">
        <f t="shared" si="304"/>
        <v>16629.407999999999</v>
      </c>
      <c r="AEQ52" s="7">
        <f t="shared" si="304"/>
        <v>16629.407999999999</v>
      </c>
      <c r="AER52" s="7">
        <f t="shared" si="304"/>
        <v>16629.407999999999</v>
      </c>
      <c r="AES52" s="7">
        <f t="shared" si="304"/>
        <v>16629.407999999999</v>
      </c>
      <c r="AET52" s="7">
        <f t="shared" si="304"/>
        <v>16629.407999999999</v>
      </c>
      <c r="AEU52" s="7">
        <f t="shared" si="304"/>
        <v>16629.407999999999</v>
      </c>
      <c r="AEV52" s="7">
        <f t="shared" si="304"/>
        <v>16629.407999999999</v>
      </c>
      <c r="AEW52" s="7">
        <f t="shared" si="304"/>
        <v>16629.407999999999</v>
      </c>
      <c r="AEX52" s="7">
        <f t="shared" si="304"/>
        <v>16629.407999999999</v>
      </c>
      <c r="AEY52" s="7">
        <f t="shared" si="304"/>
        <v>16629.407999999999</v>
      </c>
      <c r="AEZ52" s="7">
        <f t="shared" si="304"/>
        <v>16629.407999999999</v>
      </c>
      <c r="AFA52" s="7">
        <f t="shared" si="304"/>
        <v>16629.407999999999</v>
      </c>
      <c r="AFB52" s="7">
        <f t="shared" si="304"/>
        <v>16629.407999999999</v>
      </c>
      <c r="AFC52" s="7">
        <f t="shared" si="304"/>
        <v>16629.407999999999</v>
      </c>
      <c r="AFD52" s="7">
        <f t="shared" si="304"/>
        <v>16629.407999999999</v>
      </c>
      <c r="AFE52" s="7">
        <f t="shared" si="304"/>
        <v>16629.407999999999</v>
      </c>
      <c r="AFF52" s="7">
        <f t="shared" si="304"/>
        <v>16629.407999999999</v>
      </c>
      <c r="AFG52" s="7">
        <f t="shared" si="304"/>
        <v>16629.407999999999</v>
      </c>
      <c r="AFH52" s="7">
        <f t="shared" si="304"/>
        <v>16629.407999999999</v>
      </c>
      <c r="AFI52" s="7">
        <f t="shared" si="304"/>
        <v>16629.407999999999</v>
      </c>
      <c r="AFJ52" s="7">
        <f t="shared" ref="AFJ52:AHU52" si="305">AFJ47+AFI52</f>
        <v>16629.407999999999</v>
      </c>
      <c r="AFK52" s="7">
        <f t="shared" si="305"/>
        <v>16629.407999999999</v>
      </c>
      <c r="AFL52" s="7">
        <f t="shared" si="305"/>
        <v>16629.407999999999</v>
      </c>
      <c r="AFM52" s="7">
        <f t="shared" si="305"/>
        <v>16629.407999999999</v>
      </c>
      <c r="AFN52" s="7">
        <f t="shared" si="305"/>
        <v>16629.407999999999</v>
      </c>
      <c r="AFO52" s="7">
        <f t="shared" si="305"/>
        <v>16629.407999999999</v>
      </c>
      <c r="AFP52" s="7">
        <f t="shared" si="305"/>
        <v>16629.407999999999</v>
      </c>
      <c r="AFQ52" s="7">
        <f t="shared" si="305"/>
        <v>16629.407999999999</v>
      </c>
      <c r="AFR52" s="7">
        <f t="shared" si="305"/>
        <v>16629.407999999999</v>
      </c>
      <c r="AFS52" s="7">
        <f t="shared" si="305"/>
        <v>16629.407999999999</v>
      </c>
      <c r="AFT52" s="7">
        <f t="shared" si="305"/>
        <v>16629.407999999999</v>
      </c>
      <c r="AFU52" s="7">
        <f t="shared" si="305"/>
        <v>16629.407999999999</v>
      </c>
      <c r="AFV52" s="7">
        <f t="shared" si="305"/>
        <v>16629.407999999999</v>
      </c>
      <c r="AFW52" s="7">
        <f t="shared" si="305"/>
        <v>16629.407999999999</v>
      </c>
      <c r="AFX52" s="7">
        <f t="shared" si="305"/>
        <v>16629.407999999999</v>
      </c>
      <c r="AFY52" s="7">
        <f t="shared" si="305"/>
        <v>16629.407999999999</v>
      </c>
      <c r="AFZ52" s="7">
        <f t="shared" si="305"/>
        <v>16629.407999999999</v>
      </c>
      <c r="AGA52" s="7">
        <f t="shared" si="305"/>
        <v>16629.407999999999</v>
      </c>
      <c r="AGB52" s="7">
        <f t="shared" si="305"/>
        <v>16629.407999999999</v>
      </c>
      <c r="AGC52" s="7">
        <f t="shared" si="305"/>
        <v>16629.407999999999</v>
      </c>
      <c r="AGD52" s="7">
        <f t="shared" si="305"/>
        <v>16629.407999999999</v>
      </c>
      <c r="AGE52" s="7">
        <f t="shared" si="305"/>
        <v>16629.407999999999</v>
      </c>
      <c r="AGF52" s="7">
        <f t="shared" si="305"/>
        <v>16629.407999999999</v>
      </c>
      <c r="AGG52" s="7">
        <f t="shared" si="305"/>
        <v>16629.407999999999</v>
      </c>
      <c r="AGH52" s="7">
        <f t="shared" si="305"/>
        <v>16629.407999999999</v>
      </c>
      <c r="AGI52" s="7">
        <f t="shared" si="305"/>
        <v>16629.407999999999</v>
      </c>
      <c r="AGJ52" s="7">
        <f t="shared" si="305"/>
        <v>16629.407999999999</v>
      </c>
      <c r="AGK52" s="7">
        <f t="shared" si="305"/>
        <v>16629.407999999999</v>
      </c>
      <c r="AGL52" s="7">
        <f t="shared" si="305"/>
        <v>16629.407999999999</v>
      </c>
      <c r="AGM52" s="7">
        <f t="shared" si="305"/>
        <v>16629.407999999999</v>
      </c>
      <c r="AGN52" s="7">
        <f t="shared" si="305"/>
        <v>16629.407999999999</v>
      </c>
      <c r="AGO52" s="7">
        <f t="shared" si="305"/>
        <v>16629.407999999999</v>
      </c>
      <c r="AGP52" s="7">
        <f t="shared" si="305"/>
        <v>16629.407999999999</v>
      </c>
      <c r="AGQ52" s="7">
        <f t="shared" si="305"/>
        <v>16629.407999999999</v>
      </c>
      <c r="AGR52" s="7">
        <f t="shared" si="305"/>
        <v>16629.407999999999</v>
      </c>
      <c r="AGS52" s="7">
        <f t="shared" si="305"/>
        <v>16629.407999999999</v>
      </c>
      <c r="AGT52" s="7">
        <f t="shared" si="305"/>
        <v>16629.407999999999</v>
      </c>
      <c r="AGU52" s="7">
        <f t="shared" si="305"/>
        <v>16629.407999999999</v>
      </c>
      <c r="AGV52" s="7">
        <f t="shared" si="305"/>
        <v>16629.407999999999</v>
      </c>
      <c r="AGW52" s="7">
        <f t="shared" si="305"/>
        <v>16629.407999999999</v>
      </c>
      <c r="AGX52" s="7">
        <f t="shared" si="305"/>
        <v>16629.407999999999</v>
      </c>
      <c r="AGY52" s="7">
        <f t="shared" si="305"/>
        <v>16629.407999999999</v>
      </c>
      <c r="AGZ52" s="7">
        <f t="shared" si="305"/>
        <v>16629.407999999999</v>
      </c>
      <c r="AHA52" s="7">
        <f t="shared" si="305"/>
        <v>16629.407999999999</v>
      </c>
      <c r="AHB52" s="7">
        <f t="shared" si="305"/>
        <v>16629.407999999999</v>
      </c>
      <c r="AHC52" s="7">
        <f t="shared" si="305"/>
        <v>16629.407999999999</v>
      </c>
      <c r="AHD52" s="7">
        <f t="shared" si="305"/>
        <v>16629.407999999999</v>
      </c>
      <c r="AHE52" s="7">
        <f t="shared" si="305"/>
        <v>16629.407999999999</v>
      </c>
      <c r="AHF52" s="7">
        <f t="shared" si="305"/>
        <v>16629.407999999999</v>
      </c>
      <c r="AHG52" s="7">
        <f t="shared" si="305"/>
        <v>16629.407999999999</v>
      </c>
      <c r="AHH52" s="7">
        <f t="shared" si="305"/>
        <v>16629.407999999999</v>
      </c>
      <c r="AHI52" s="7">
        <f t="shared" si="305"/>
        <v>16629.407999999999</v>
      </c>
      <c r="AHJ52" s="7">
        <f t="shared" si="305"/>
        <v>16629.407999999999</v>
      </c>
      <c r="AHK52" s="7">
        <f t="shared" si="305"/>
        <v>16629.407999999999</v>
      </c>
      <c r="AHL52" s="7">
        <f t="shared" si="305"/>
        <v>16629.407999999999</v>
      </c>
      <c r="AHM52" s="7">
        <f t="shared" si="305"/>
        <v>16629.407999999999</v>
      </c>
      <c r="AHN52" s="7">
        <f t="shared" si="305"/>
        <v>16629.407999999999</v>
      </c>
      <c r="AHO52" s="7">
        <f t="shared" si="305"/>
        <v>16629.407999999999</v>
      </c>
      <c r="AHP52" s="7">
        <f t="shared" si="305"/>
        <v>16629.407999999999</v>
      </c>
      <c r="AHQ52" s="7">
        <f t="shared" si="305"/>
        <v>16629.407999999999</v>
      </c>
      <c r="AHR52" s="7">
        <f t="shared" si="305"/>
        <v>16629.407999999999</v>
      </c>
      <c r="AHS52" s="7">
        <f t="shared" si="305"/>
        <v>16629.407999999999</v>
      </c>
      <c r="AHT52" s="7">
        <f t="shared" si="305"/>
        <v>16629.407999999999</v>
      </c>
      <c r="AHU52" s="7">
        <f t="shared" si="305"/>
        <v>16629.407999999999</v>
      </c>
      <c r="AHV52" s="7">
        <f t="shared" ref="AHV52:AKG52" si="306">AHV47+AHU52</f>
        <v>16629.407999999999</v>
      </c>
      <c r="AHW52" s="7">
        <f t="shared" si="306"/>
        <v>16629.407999999999</v>
      </c>
      <c r="AHX52" s="7">
        <f t="shared" si="306"/>
        <v>16629.407999999999</v>
      </c>
      <c r="AHY52" s="7">
        <f t="shared" si="306"/>
        <v>16629.407999999999</v>
      </c>
      <c r="AHZ52" s="7">
        <f t="shared" si="306"/>
        <v>16629.407999999999</v>
      </c>
      <c r="AIA52" s="7">
        <f t="shared" si="306"/>
        <v>16629.407999999999</v>
      </c>
      <c r="AIB52" s="7">
        <f t="shared" si="306"/>
        <v>16629.407999999999</v>
      </c>
      <c r="AIC52" s="7">
        <f t="shared" si="306"/>
        <v>16629.407999999999</v>
      </c>
      <c r="AID52" s="7">
        <f t="shared" si="306"/>
        <v>16629.407999999999</v>
      </c>
      <c r="AIE52" s="7">
        <f t="shared" si="306"/>
        <v>16629.407999999999</v>
      </c>
      <c r="AIF52" s="7">
        <f t="shared" si="306"/>
        <v>16629.407999999999</v>
      </c>
      <c r="AIG52" s="7">
        <f t="shared" si="306"/>
        <v>16629.407999999999</v>
      </c>
      <c r="AIH52" s="7">
        <f t="shared" si="306"/>
        <v>16629.407999999999</v>
      </c>
      <c r="AII52" s="7">
        <f t="shared" si="306"/>
        <v>16629.407999999999</v>
      </c>
      <c r="AIJ52" s="7">
        <f t="shared" si="306"/>
        <v>16629.407999999999</v>
      </c>
      <c r="AIK52" s="7">
        <f t="shared" si="306"/>
        <v>16629.407999999999</v>
      </c>
      <c r="AIL52" s="7">
        <f t="shared" si="306"/>
        <v>16629.407999999999</v>
      </c>
      <c r="AIM52" s="7">
        <f t="shared" si="306"/>
        <v>16629.407999999999</v>
      </c>
      <c r="AIN52" s="7">
        <f t="shared" si="306"/>
        <v>16629.407999999999</v>
      </c>
      <c r="AIO52" s="7">
        <f t="shared" si="306"/>
        <v>16629.407999999999</v>
      </c>
      <c r="AIP52" s="7">
        <f t="shared" si="306"/>
        <v>16629.407999999999</v>
      </c>
      <c r="AIQ52" s="7">
        <f t="shared" si="306"/>
        <v>16629.407999999999</v>
      </c>
      <c r="AIR52" s="7">
        <f t="shared" si="306"/>
        <v>16629.407999999999</v>
      </c>
      <c r="AIS52" s="7">
        <f t="shared" si="306"/>
        <v>16629.407999999999</v>
      </c>
      <c r="AIT52" s="7">
        <f t="shared" si="306"/>
        <v>16629.407999999999</v>
      </c>
      <c r="AIU52" s="7">
        <f t="shared" si="306"/>
        <v>16629.407999999999</v>
      </c>
      <c r="AIV52" s="7">
        <f t="shared" si="306"/>
        <v>16629.407999999999</v>
      </c>
      <c r="AIW52" s="7">
        <f t="shared" si="306"/>
        <v>16629.407999999999</v>
      </c>
      <c r="AIX52" s="7">
        <f t="shared" si="306"/>
        <v>16629.407999999999</v>
      </c>
      <c r="AIY52" s="7">
        <f t="shared" si="306"/>
        <v>16629.407999999999</v>
      </c>
      <c r="AIZ52" s="7">
        <f t="shared" si="306"/>
        <v>16629.407999999999</v>
      </c>
      <c r="AJA52" s="7">
        <f t="shared" si="306"/>
        <v>16629.407999999999</v>
      </c>
      <c r="AJB52" s="7">
        <f t="shared" si="306"/>
        <v>16629.407999999999</v>
      </c>
      <c r="AJC52" s="7">
        <f t="shared" si="306"/>
        <v>16629.407999999999</v>
      </c>
      <c r="AJD52" s="7">
        <f t="shared" si="306"/>
        <v>16629.407999999999</v>
      </c>
      <c r="AJE52" s="7">
        <f t="shared" si="306"/>
        <v>16629.407999999999</v>
      </c>
      <c r="AJF52" s="7">
        <f t="shared" si="306"/>
        <v>16629.407999999999</v>
      </c>
      <c r="AJG52" s="7">
        <f t="shared" si="306"/>
        <v>16629.407999999999</v>
      </c>
      <c r="AJH52" s="7">
        <f t="shared" si="306"/>
        <v>16629.407999999999</v>
      </c>
      <c r="AJI52" s="7">
        <f t="shared" si="306"/>
        <v>16629.407999999999</v>
      </c>
      <c r="AJJ52" s="7">
        <f t="shared" si="306"/>
        <v>16629.407999999999</v>
      </c>
      <c r="AJK52" s="7">
        <f t="shared" si="306"/>
        <v>16629.407999999999</v>
      </c>
      <c r="AJL52" s="7">
        <f t="shared" si="306"/>
        <v>16629.407999999999</v>
      </c>
      <c r="AJM52" s="7">
        <f t="shared" si="306"/>
        <v>16629.407999999999</v>
      </c>
      <c r="AJN52" s="7">
        <f t="shared" si="306"/>
        <v>16629.407999999999</v>
      </c>
      <c r="AJO52" s="7">
        <f t="shared" si="306"/>
        <v>16629.407999999999</v>
      </c>
      <c r="AJP52" s="7">
        <f t="shared" si="306"/>
        <v>16629.407999999999</v>
      </c>
      <c r="AJQ52" s="7">
        <f t="shared" si="306"/>
        <v>16629.407999999999</v>
      </c>
      <c r="AJR52" s="7">
        <f t="shared" si="306"/>
        <v>16629.407999999999</v>
      </c>
      <c r="AJS52" s="7">
        <f t="shared" si="306"/>
        <v>16629.407999999999</v>
      </c>
      <c r="AJT52" s="7">
        <f t="shared" si="306"/>
        <v>16629.407999999999</v>
      </c>
      <c r="AJU52" s="7">
        <f t="shared" si="306"/>
        <v>16629.407999999999</v>
      </c>
      <c r="AJV52" s="7">
        <f t="shared" si="306"/>
        <v>16629.407999999999</v>
      </c>
      <c r="AJW52" s="7">
        <f t="shared" si="306"/>
        <v>16629.407999999999</v>
      </c>
      <c r="AJX52" s="7">
        <f t="shared" si="306"/>
        <v>16629.407999999999</v>
      </c>
      <c r="AJY52" s="7">
        <f t="shared" si="306"/>
        <v>16629.407999999999</v>
      </c>
      <c r="AJZ52" s="7">
        <f t="shared" si="306"/>
        <v>16629.407999999999</v>
      </c>
      <c r="AKA52" s="7">
        <f t="shared" si="306"/>
        <v>16629.407999999999</v>
      </c>
      <c r="AKB52" s="7">
        <f t="shared" si="306"/>
        <v>16629.407999999999</v>
      </c>
      <c r="AKC52" s="7">
        <f t="shared" si="306"/>
        <v>16629.407999999999</v>
      </c>
      <c r="AKD52" s="7">
        <f t="shared" si="306"/>
        <v>16629.407999999999</v>
      </c>
      <c r="AKE52" s="7">
        <f t="shared" si="306"/>
        <v>16629.407999999999</v>
      </c>
      <c r="AKF52" s="7">
        <f t="shared" si="306"/>
        <v>16629.407999999999</v>
      </c>
      <c r="AKG52" s="7">
        <f t="shared" si="306"/>
        <v>16629.407999999999</v>
      </c>
      <c r="AKH52" s="7">
        <f t="shared" ref="AKH52:AMS52" si="307">AKH47+AKG52</f>
        <v>16629.407999999999</v>
      </c>
      <c r="AKI52" s="7">
        <f t="shared" si="307"/>
        <v>16629.407999999999</v>
      </c>
      <c r="AKJ52" s="7">
        <f t="shared" si="307"/>
        <v>16629.407999999999</v>
      </c>
      <c r="AKK52" s="7">
        <f t="shared" si="307"/>
        <v>16629.407999999999</v>
      </c>
      <c r="AKL52" s="7">
        <f t="shared" si="307"/>
        <v>16629.407999999999</v>
      </c>
      <c r="AKM52" s="7">
        <f t="shared" si="307"/>
        <v>16629.407999999999</v>
      </c>
      <c r="AKN52" s="7">
        <f t="shared" si="307"/>
        <v>16629.407999999999</v>
      </c>
      <c r="AKO52" s="7">
        <f t="shared" si="307"/>
        <v>16629.407999999999</v>
      </c>
      <c r="AKP52" s="7">
        <f t="shared" si="307"/>
        <v>16629.407999999999</v>
      </c>
      <c r="AKQ52" s="7">
        <f t="shared" si="307"/>
        <v>16629.407999999999</v>
      </c>
      <c r="AKR52" s="7">
        <f t="shared" si="307"/>
        <v>16629.407999999999</v>
      </c>
      <c r="AKS52" s="7">
        <f t="shared" si="307"/>
        <v>16629.407999999999</v>
      </c>
      <c r="AKT52" s="7">
        <f t="shared" si="307"/>
        <v>16629.407999999999</v>
      </c>
      <c r="AKU52" s="7">
        <f t="shared" si="307"/>
        <v>16629.407999999999</v>
      </c>
      <c r="AKV52" s="7">
        <f t="shared" si="307"/>
        <v>16629.407999999999</v>
      </c>
      <c r="AKW52" s="7">
        <f t="shared" si="307"/>
        <v>16629.407999999999</v>
      </c>
      <c r="AKX52" s="7">
        <f t="shared" si="307"/>
        <v>16629.407999999999</v>
      </c>
      <c r="AKY52" s="7">
        <f t="shared" si="307"/>
        <v>16629.407999999999</v>
      </c>
      <c r="AKZ52" s="7">
        <f t="shared" si="307"/>
        <v>16629.407999999999</v>
      </c>
      <c r="ALA52" s="7">
        <f t="shared" si="307"/>
        <v>16629.407999999999</v>
      </c>
      <c r="ALB52" s="7">
        <f t="shared" si="307"/>
        <v>16629.407999999999</v>
      </c>
      <c r="ALC52" s="7">
        <f t="shared" si="307"/>
        <v>16629.407999999999</v>
      </c>
      <c r="ALD52" s="7">
        <f t="shared" si="307"/>
        <v>16629.407999999999</v>
      </c>
      <c r="ALE52" s="7">
        <f t="shared" si="307"/>
        <v>16629.407999999999</v>
      </c>
      <c r="ALF52" s="7">
        <f t="shared" si="307"/>
        <v>16629.407999999999</v>
      </c>
      <c r="ALG52" s="7">
        <f t="shared" si="307"/>
        <v>16629.407999999999</v>
      </c>
      <c r="ALH52" s="7">
        <f t="shared" si="307"/>
        <v>16629.407999999999</v>
      </c>
      <c r="ALI52" s="7">
        <f t="shared" si="307"/>
        <v>16629.407999999999</v>
      </c>
      <c r="ALJ52" s="7">
        <f t="shared" si="307"/>
        <v>16629.407999999999</v>
      </c>
      <c r="ALK52" s="7">
        <f t="shared" si="307"/>
        <v>16629.407999999999</v>
      </c>
      <c r="ALL52" s="7">
        <f t="shared" si="307"/>
        <v>16629.407999999999</v>
      </c>
      <c r="ALM52" s="7">
        <f t="shared" si="307"/>
        <v>16629.407999999999</v>
      </c>
      <c r="ALN52" s="7">
        <f t="shared" si="307"/>
        <v>16629.407999999999</v>
      </c>
      <c r="ALO52" s="7">
        <f t="shared" si="307"/>
        <v>16629.407999999999</v>
      </c>
      <c r="ALP52" s="7">
        <f t="shared" si="307"/>
        <v>16629.407999999999</v>
      </c>
      <c r="ALQ52" s="7">
        <f t="shared" si="307"/>
        <v>16629.407999999999</v>
      </c>
      <c r="ALR52" s="7">
        <f t="shared" si="307"/>
        <v>16629.407999999999</v>
      </c>
      <c r="ALS52" s="7">
        <f t="shared" si="307"/>
        <v>16629.407999999999</v>
      </c>
      <c r="ALT52" s="7">
        <f t="shared" si="307"/>
        <v>16629.407999999999</v>
      </c>
      <c r="ALU52" s="7">
        <f t="shared" si="307"/>
        <v>16629.407999999999</v>
      </c>
      <c r="ALV52" s="7">
        <f t="shared" si="307"/>
        <v>16629.407999999999</v>
      </c>
      <c r="ALW52" s="7">
        <f t="shared" si="307"/>
        <v>16629.407999999999</v>
      </c>
      <c r="ALX52" s="7">
        <f t="shared" si="307"/>
        <v>16629.407999999999</v>
      </c>
      <c r="ALY52" s="7">
        <f t="shared" si="307"/>
        <v>16629.407999999999</v>
      </c>
      <c r="ALZ52" s="7">
        <f t="shared" si="307"/>
        <v>16629.407999999999</v>
      </c>
      <c r="AMA52" s="7">
        <f t="shared" si="307"/>
        <v>16629.407999999999</v>
      </c>
      <c r="AMB52" s="7">
        <f t="shared" si="307"/>
        <v>16629.407999999999</v>
      </c>
      <c r="AMC52" s="7">
        <f t="shared" si="307"/>
        <v>16629.407999999999</v>
      </c>
      <c r="AMD52" s="7">
        <f t="shared" si="307"/>
        <v>16629.407999999999</v>
      </c>
      <c r="AME52" s="7">
        <f t="shared" si="307"/>
        <v>16629.407999999999</v>
      </c>
      <c r="AMF52" s="7">
        <f t="shared" si="307"/>
        <v>16629.407999999999</v>
      </c>
      <c r="AMG52" s="7">
        <f t="shared" si="307"/>
        <v>16629.407999999999</v>
      </c>
      <c r="AMH52" s="7">
        <f t="shared" si="307"/>
        <v>16629.407999999999</v>
      </c>
      <c r="AMI52" s="7">
        <f t="shared" si="307"/>
        <v>16629.407999999999</v>
      </c>
      <c r="AMJ52" s="7">
        <f t="shared" si="307"/>
        <v>16629.407999999999</v>
      </c>
      <c r="AMK52" s="7">
        <f t="shared" si="307"/>
        <v>16629.407999999999</v>
      </c>
      <c r="AML52" s="7">
        <f t="shared" si="307"/>
        <v>16629.407999999999</v>
      </c>
      <c r="AMM52" s="7">
        <f t="shared" si="307"/>
        <v>16629.407999999999</v>
      </c>
      <c r="AMN52" s="7">
        <f t="shared" si="307"/>
        <v>16629.407999999999</v>
      </c>
      <c r="AMO52" s="7">
        <f t="shared" si="307"/>
        <v>16629.407999999999</v>
      </c>
      <c r="AMP52" s="7">
        <f t="shared" si="307"/>
        <v>16629.407999999999</v>
      </c>
      <c r="AMQ52" s="7">
        <f t="shared" si="307"/>
        <v>16629.407999999999</v>
      </c>
      <c r="AMR52" s="7">
        <f t="shared" si="307"/>
        <v>16629.407999999999</v>
      </c>
      <c r="AMS52" s="7">
        <f t="shared" si="307"/>
        <v>16629.407999999999</v>
      </c>
      <c r="AMT52" s="7">
        <f t="shared" ref="AMT52:APE52" si="308">AMT47+AMS52</f>
        <v>16629.407999999999</v>
      </c>
      <c r="AMU52" s="7">
        <f t="shared" si="308"/>
        <v>16629.407999999999</v>
      </c>
      <c r="AMV52" s="7">
        <f t="shared" si="308"/>
        <v>16629.407999999999</v>
      </c>
      <c r="AMW52" s="7">
        <f t="shared" si="308"/>
        <v>16629.407999999999</v>
      </c>
      <c r="AMX52" s="7">
        <f t="shared" si="308"/>
        <v>16629.407999999999</v>
      </c>
      <c r="AMY52" s="7">
        <f t="shared" si="308"/>
        <v>16629.407999999999</v>
      </c>
      <c r="AMZ52" s="7">
        <f t="shared" si="308"/>
        <v>16629.407999999999</v>
      </c>
      <c r="ANA52" s="7">
        <f t="shared" si="308"/>
        <v>16629.407999999999</v>
      </c>
      <c r="ANB52" s="7">
        <f t="shared" si="308"/>
        <v>16629.407999999999</v>
      </c>
      <c r="ANC52" s="7">
        <f t="shared" si="308"/>
        <v>16629.407999999999</v>
      </c>
      <c r="AND52" s="7">
        <f t="shared" si="308"/>
        <v>16629.407999999999</v>
      </c>
      <c r="ANE52" s="7">
        <f t="shared" si="308"/>
        <v>16629.407999999999</v>
      </c>
      <c r="ANF52" s="7">
        <f t="shared" si="308"/>
        <v>16629.407999999999</v>
      </c>
      <c r="ANG52" s="7">
        <f t="shared" si="308"/>
        <v>16629.407999999999</v>
      </c>
      <c r="ANH52" s="7">
        <f t="shared" si="308"/>
        <v>16629.407999999999</v>
      </c>
      <c r="ANI52" s="7">
        <f t="shared" si="308"/>
        <v>16629.407999999999</v>
      </c>
      <c r="ANJ52" s="7">
        <f t="shared" si="308"/>
        <v>16629.407999999999</v>
      </c>
      <c r="ANK52" s="7">
        <f t="shared" si="308"/>
        <v>16629.407999999999</v>
      </c>
      <c r="ANL52" s="7">
        <f t="shared" si="308"/>
        <v>16629.407999999999</v>
      </c>
      <c r="ANM52" s="7">
        <f t="shared" si="308"/>
        <v>16629.407999999999</v>
      </c>
      <c r="ANN52" s="7">
        <f t="shared" si="308"/>
        <v>16629.407999999999</v>
      </c>
      <c r="ANO52" s="7">
        <f t="shared" si="308"/>
        <v>16629.407999999999</v>
      </c>
      <c r="ANP52" s="7">
        <f t="shared" si="308"/>
        <v>16629.407999999999</v>
      </c>
      <c r="ANQ52" s="7">
        <f t="shared" si="308"/>
        <v>16629.407999999999</v>
      </c>
      <c r="ANR52" s="7">
        <f t="shared" si="308"/>
        <v>16629.407999999999</v>
      </c>
      <c r="ANS52" s="7">
        <f t="shared" si="308"/>
        <v>16629.407999999999</v>
      </c>
      <c r="ANT52" s="7">
        <f t="shared" si="308"/>
        <v>16629.407999999999</v>
      </c>
      <c r="ANU52" s="7">
        <f t="shared" si="308"/>
        <v>16629.407999999999</v>
      </c>
      <c r="ANV52" s="7">
        <f t="shared" si="308"/>
        <v>16629.407999999999</v>
      </c>
      <c r="ANW52" s="7">
        <f t="shared" si="308"/>
        <v>16629.407999999999</v>
      </c>
      <c r="ANX52" s="7">
        <f t="shared" si="308"/>
        <v>16629.407999999999</v>
      </c>
      <c r="ANY52" s="7">
        <f t="shared" si="308"/>
        <v>16629.407999999999</v>
      </c>
      <c r="ANZ52" s="7">
        <f t="shared" si="308"/>
        <v>16629.407999999999</v>
      </c>
      <c r="AOA52" s="7">
        <f t="shared" si="308"/>
        <v>16629.407999999999</v>
      </c>
      <c r="AOB52" s="7">
        <f t="shared" si="308"/>
        <v>16629.407999999999</v>
      </c>
      <c r="AOC52" s="7">
        <f t="shared" si="308"/>
        <v>16629.407999999999</v>
      </c>
      <c r="AOD52" s="7">
        <f t="shared" si="308"/>
        <v>16629.407999999999</v>
      </c>
      <c r="AOE52" s="7">
        <f t="shared" si="308"/>
        <v>16629.407999999999</v>
      </c>
      <c r="AOF52" s="7">
        <f t="shared" si="308"/>
        <v>16629.407999999999</v>
      </c>
      <c r="AOG52" s="7">
        <f t="shared" si="308"/>
        <v>16629.407999999999</v>
      </c>
      <c r="AOH52" s="7">
        <f t="shared" si="308"/>
        <v>16629.407999999999</v>
      </c>
      <c r="AOI52" s="7">
        <f t="shared" si="308"/>
        <v>16629.407999999999</v>
      </c>
      <c r="AOJ52" s="7">
        <f t="shared" si="308"/>
        <v>16629.407999999999</v>
      </c>
      <c r="AOK52" s="7">
        <f t="shared" si="308"/>
        <v>16629.407999999999</v>
      </c>
      <c r="AOL52" s="7">
        <f t="shared" si="308"/>
        <v>16629.407999999999</v>
      </c>
      <c r="AOM52" s="7">
        <f t="shared" si="308"/>
        <v>16629.407999999999</v>
      </c>
      <c r="AON52" s="7">
        <f t="shared" si="308"/>
        <v>16629.407999999999</v>
      </c>
      <c r="AOO52" s="7">
        <f t="shared" si="308"/>
        <v>16629.407999999999</v>
      </c>
      <c r="AOP52" s="7">
        <f t="shared" si="308"/>
        <v>16629.407999999999</v>
      </c>
      <c r="AOQ52" s="7">
        <f t="shared" si="308"/>
        <v>16629.407999999999</v>
      </c>
      <c r="AOR52" s="7">
        <f t="shared" si="308"/>
        <v>16629.407999999999</v>
      </c>
      <c r="AOS52" s="7">
        <f t="shared" si="308"/>
        <v>16629.407999999999</v>
      </c>
      <c r="AOT52" s="7">
        <f t="shared" si="308"/>
        <v>16629.407999999999</v>
      </c>
      <c r="AOU52" s="7">
        <f t="shared" si="308"/>
        <v>16629.407999999999</v>
      </c>
      <c r="AOV52" s="7">
        <f t="shared" si="308"/>
        <v>16629.407999999999</v>
      </c>
      <c r="AOW52" s="7">
        <f t="shared" si="308"/>
        <v>16629.407999999999</v>
      </c>
      <c r="AOX52" s="7">
        <f t="shared" si="308"/>
        <v>16629.407999999999</v>
      </c>
      <c r="AOY52" s="7">
        <f t="shared" si="308"/>
        <v>16629.407999999999</v>
      </c>
      <c r="AOZ52" s="7">
        <f t="shared" si="308"/>
        <v>16629.407999999999</v>
      </c>
      <c r="APA52" s="7">
        <f t="shared" si="308"/>
        <v>16629.407999999999</v>
      </c>
      <c r="APB52" s="7">
        <f t="shared" si="308"/>
        <v>16629.407999999999</v>
      </c>
      <c r="APC52" s="7">
        <f t="shared" si="308"/>
        <v>16629.407999999999</v>
      </c>
      <c r="APD52" s="7">
        <f t="shared" si="308"/>
        <v>16629.407999999999</v>
      </c>
      <c r="APE52" s="7">
        <f t="shared" si="308"/>
        <v>16629.407999999999</v>
      </c>
      <c r="APF52" s="7">
        <f t="shared" ref="APF52:ARQ52" si="309">APF47+APE52</f>
        <v>16629.407999999999</v>
      </c>
      <c r="APG52" s="7">
        <f t="shared" si="309"/>
        <v>16629.407999999999</v>
      </c>
      <c r="APH52" s="7">
        <f t="shared" si="309"/>
        <v>16629.407999999999</v>
      </c>
      <c r="API52" s="7">
        <f t="shared" si="309"/>
        <v>16629.407999999999</v>
      </c>
      <c r="APJ52" s="7">
        <f t="shared" si="309"/>
        <v>16629.407999999999</v>
      </c>
      <c r="APK52" s="7">
        <f t="shared" si="309"/>
        <v>16629.407999999999</v>
      </c>
      <c r="APL52" s="7">
        <f t="shared" si="309"/>
        <v>16629.407999999999</v>
      </c>
      <c r="APM52" s="7">
        <f t="shared" si="309"/>
        <v>16629.407999999999</v>
      </c>
      <c r="APN52" s="7">
        <f t="shared" si="309"/>
        <v>16629.407999999999</v>
      </c>
      <c r="APO52" s="7">
        <f t="shared" si="309"/>
        <v>16629.407999999999</v>
      </c>
      <c r="APP52" s="7">
        <f t="shared" si="309"/>
        <v>16629.407999999999</v>
      </c>
      <c r="APQ52" s="7">
        <f t="shared" si="309"/>
        <v>16629.407999999999</v>
      </c>
      <c r="APR52" s="7">
        <f t="shared" si="309"/>
        <v>16629.407999999999</v>
      </c>
      <c r="APS52" s="7">
        <f t="shared" si="309"/>
        <v>16629.407999999999</v>
      </c>
      <c r="APT52" s="7">
        <f t="shared" si="309"/>
        <v>16629.407999999999</v>
      </c>
      <c r="APU52" s="7">
        <f t="shared" si="309"/>
        <v>16629.407999999999</v>
      </c>
      <c r="APV52" s="7">
        <f t="shared" si="309"/>
        <v>16629.407999999999</v>
      </c>
      <c r="APW52" s="7">
        <f t="shared" si="309"/>
        <v>16629.407999999999</v>
      </c>
      <c r="APX52" s="7">
        <f t="shared" si="309"/>
        <v>16629.407999999999</v>
      </c>
      <c r="APY52" s="7">
        <f t="shared" si="309"/>
        <v>16629.407999999999</v>
      </c>
      <c r="APZ52" s="7">
        <f t="shared" si="309"/>
        <v>16629.407999999999</v>
      </c>
      <c r="AQA52" s="7">
        <f t="shared" si="309"/>
        <v>16629.407999999999</v>
      </c>
      <c r="AQB52" s="7">
        <f t="shared" si="309"/>
        <v>16629.407999999999</v>
      </c>
      <c r="AQC52" s="7">
        <f t="shared" si="309"/>
        <v>16629.407999999999</v>
      </c>
      <c r="AQD52" s="7">
        <f t="shared" si="309"/>
        <v>16629.407999999999</v>
      </c>
      <c r="AQE52" s="7">
        <f t="shared" si="309"/>
        <v>16629.407999999999</v>
      </c>
      <c r="AQF52" s="7">
        <f t="shared" si="309"/>
        <v>16629.407999999999</v>
      </c>
      <c r="AQG52" s="7">
        <f t="shared" si="309"/>
        <v>16629.407999999999</v>
      </c>
      <c r="AQH52" s="7">
        <f t="shared" si="309"/>
        <v>16629.407999999999</v>
      </c>
      <c r="AQI52" s="7">
        <f t="shared" si="309"/>
        <v>16629.407999999999</v>
      </c>
      <c r="AQJ52" s="7">
        <f t="shared" si="309"/>
        <v>16629.407999999999</v>
      </c>
      <c r="AQK52" s="7">
        <f t="shared" si="309"/>
        <v>16629.407999999999</v>
      </c>
      <c r="AQL52" s="7">
        <f t="shared" si="309"/>
        <v>16629.407999999999</v>
      </c>
      <c r="AQM52" s="7">
        <f t="shared" si="309"/>
        <v>16629.407999999999</v>
      </c>
      <c r="AQN52" s="7">
        <f t="shared" si="309"/>
        <v>16629.407999999999</v>
      </c>
      <c r="AQO52" s="7">
        <f t="shared" si="309"/>
        <v>16629.407999999999</v>
      </c>
      <c r="AQP52" s="7">
        <f t="shared" si="309"/>
        <v>16629.407999999999</v>
      </c>
      <c r="AQQ52" s="7">
        <f t="shared" si="309"/>
        <v>16629.407999999999</v>
      </c>
      <c r="AQR52" s="7">
        <f t="shared" si="309"/>
        <v>16629.407999999999</v>
      </c>
      <c r="AQS52" s="7">
        <f t="shared" si="309"/>
        <v>16629.407999999999</v>
      </c>
      <c r="AQT52" s="7">
        <f t="shared" si="309"/>
        <v>16629.407999999999</v>
      </c>
      <c r="AQU52" s="7">
        <f t="shared" si="309"/>
        <v>16629.407999999999</v>
      </c>
      <c r="AQV52" s="7">
        <f t="shared" si="309"/>
        <v>16629.407999999999</v>
      </c>
      <c r="AQW52" s="7">
        <f t="shared" si="309"/>
        <v>16629.407999999999</v>
      </c>
      <c r="AQX52" s="7">
        <f t="shared" si="309"/>
        <v>16629.407999999999</v>
      </c>
      <c r="AQY52" s="7">
        <f t="shared" si="309"/>
        <v>16629.407999999999</v>
      </c>
      <c r="AQZ52" s="7">
        <f t="shared" si="309"/>
        <v>16629.407999999999</v>
      </c>
      <c r="ARA52" s="7">
        <f t="shared" si="309"/>
        <v>16629.407999999999</v>
      </c>
      <c r="ARB52" s="7">
        <f t="shared" si="309"/>
        <v>16629.407999999999</v>
      </c>
      <c r="ARC52" s="7">
        <f t="shared" si="309"/>
        <v>16629.407999999999</v>
      </c>
      <c r="ARD52" s="7">
        <f t="shared" si="309"/>
        <v>16629.407999999999</v>
      </c>
      <c r="ARE52" s="7">
        <f t="shared" si="309"/>
        <v>16629.407999999999</v>
      </c>
      <c r="ARF52" s="7">
        <f t="shared" si="309"/>
        <v>16629.407999999999</v>
      </c>
      <c r="ARG52" s="7">
        <f t="shared" si="309"/>
        <v>16629.407999999999</v>
      </c>
      <c r="ARH52" s="7">
        <f t="shared" si="309"/>
        <v>16629.407999999999</v>
      </c>
      <c r="ARI52" s="7">
        <f t="shared" si="309"/>
        <v>16629.407999999999</v>
      </c>
      <c r="ARJ52" s="7">
        <f t="shared" si="309"/>
        <v>16629.407999999999</v>
      </c>
      <c r="ARK52" s="7">
        <f t="shared" si="309"/>
        <v>16629.407999999999</v>
      </c>
      <c r="ARL52" s="7">
        <f t="shared" si="309"/>
        <v>16629.407999999999</v>
      </c>
      <c r="ARM52" s="7">
        <f t="shared" si="309"/>
        <v>16629.407999999999</v>
      </c>
      <c r="ARN52" s="7">
        <f t="shared" si="309"/>
        <v>16629.407999999999</v>
      </c>
      <c r="ARO52" s="7">
        <f t="shared" si="309"/>
        <v>16629.407999999999</v>
      </c>
      <c r="ARP52" s="7">
        <f t="shared" si="309"/>
        <v>16629.407999999999</v>
      </c>
      <c r="ARQ52" s="7">
        <f t="shared" si="309"/>
        <v>16629.407999999999</v>
      </c>
      <c r="ARR52" s="7">
        <f t="shared" ref="ARR52:AUC52" si="310">ARR47+ARQ52</f>
        <v>16629.407999999999</v>
      </c>
      <c r="ARS52" s="7">
        <f t="shared" si="310"/>
        <v>16629.407999999999</v>
      </c>
      <c r="ART52" s="7">
        <f t="shared" si="310"/>
        <v>16629.407999999999</v>
      </c>
      <c r="ARU52" s="7">
        <f t="shared" si="310"/>
        <v>16629.407999999999</v>
      </c>
      <c r="ARV52" s="7">
        <f t="shared" si="310"/>
        <v>16629.407999999999</v>
      </c>
      <c r="ARW52" s="7">
        <f t="shared" si="310"/>
        <v>16629.407999999999</v>
      </c>
      <c r="ARX52" s="7">
        <f t="shared" si="310"/>
        <v>16629.407999999999</v>
      </c>
      <c r="ARY52" s="7">
        <f t="shared" si="310"/>
        <v>16629.407999999999</v>
      </c>
      <c r="ARZ52" s="7">
        <f t="shared" si="310"/>
        <v>16629.407999999999</v>
      </c>
      <c r="ASA52" s="7">
        <f t="shared" si="310"/>
        <v>16629.407999999999</v>
      </c>
      <c r="ASB52" s="7">
        <f t="shared" si="310"/>
        <v>16629.407999999999</v>
      </c>
      <c r="ASC52" s="7">
        <f t="shared" si="310"/>
        <v>16629.407999999999</v>
      </c>
      <c r="ASD52" s="7">
        <f t="shared" si="310"/>
        <v>16629.407999999999</v>
      </c>
      <c r="ASE52" s="7">
        <f t="shared" si="310"/>
        <v>16629.407999999999</v>
      </c>
      <c r="ASF52" s="7">
        <f t="shared" si="310"/>
        <v>16629.407999999999</v>
      </c>
      <c r="ASG52" s="7">
        <f t="shared" si="310"/>
        <v>16629.407999999999</v>
      </c>
      <c r="ASH52" s="7">
        <f t="shared" si="310"/>
        <v>16629.407999999999</v>
      </c>
      <c r="ASI52" s="7">
        <f t="shared" si="310"/>
        <v>16629.407999999999</v>
      </c>
      <c r="ASJ52" s="7">
        <f t="shared" si="310"/>
        <v>16629.407999999999</v>
      </c>
      <c r="ASK52" s="7">
        <f t="shared" si="310"/>
        <v>16629.407999999999</v>
      </c>
      <c r="ASL52" s="7">
        <f t="shared" si="310"/>
        <v>16629.407999999999</v>
      </c>
      <c r="ASM52" s="7">
        <f t="shared" si="310"/>
        <v>16629.407999999999</v>
      </c>
      <c r="ASN52" s="7">
        <f t="shared" si="310"/>
        <v>16629.407999999999</v>
      </c>
      <c r="ASO52" s="7">
        <f t="shared" si="310"/>
        <v>16629.407999999999</v>
      </c>
      <c r="ASP52" s="7">
        <f t="shared" si="310"/>
        <v>16629.407999999999</v>
      </c>
      <c r="ASQ52" s="7">
        <f t="shared" si="310"/>
        <v>16629.407999999999</v>
      </c>
      <c r="ASR52" s="7">
        <f t="shared" si="310"/>
        <v>16629.407999999999</v>
      </c>
      <c r="ASS52" s="7">
        <f t="shared" si="310"/>
        <v>16629.407999999999</v>
      </c>
      <c r="AST52" s="7">
        <f t="shared" si="310"/>
        <v>16629.407999999999</v>
      </c>
      <c r="ASU52" s="7">
        <f t="shared" si="310"/>
        <v>16629.407999999999</v>
      </c>
      <c r="ASV52" s="7">
        <f t="shared" si="310"/>
        <v>16629.407999999999</v>
      </c>
      <c r="ASW52" s="7">
        <f t="shared" si="310"/>
        <v>16629.407999999999</v>
      </c>
      <c r="ASX52" s="7">
        <f t="shared" si="310"/>
        <v>16629.407999999999</v>
      </c>
      <c r="ASY52" s="7">
        <f t="shared" si="310"/>
        <v>16629.407999999999</v>
      </c>
      <c r="ASZ52" s="7">
        <f t="shared" si="310"/>
        <v>16629.407999999999</v>
      </c>
      <c r="ATA52" s="7">
        <f t="shared" si="310"/>
        <v>16629.407999999999</v>
      </c>
      <c r="ATB52" s="7">
        <f t="shared" si="310"/>
        <v>16629.407999999999</v>
      </c>
      <c r="ATC52" s="7">
        <f t="shared" si="310"/>
        <v>16629.407999999999</v>
      </c>
      <c r="ATD52" s="7">
        <f t="shared" si="310"/>
        <v>16629.407999999999</v>
      </c>
      <c r="ATE52" s="7">
        <f t="shared" si="310"/>
        <v>16629.407999999999</v>
      </c>
      <c r="ATF52" s="7">
        <f t="shared" si="310"/>
        <v>16629.407999999999</v>
      </c>
      <c r="ATG52" s="7">
        <f t="shared" si="310"/>
        <v>16629.407999999999</v>
      </c>
      <c r="ATH52" s="7">
        <f t="shared" si="310"/>
        <v>16629.407999999999</v>
      </c>
      <c r="ATI52" s="7">
        <f t="shared" si="310"/>
        <v>16629.407999999999</v>
      </c>
      <c r="ATJ52" s="7">
        <f t="shared" si="310"/>
        <v>16629.407999999999</v>
      </c>
      <c r="ATK52" s="7">
        <f t="shared" si="310"/>
        <v>16629.407999999999</v>
      </c>
      <c r="ATL52" s="7">
        <f t="shared" si="310"/>
        <v>16629.407999999999</v>
      </c>
      <c r="ATM52" s="7">
        <f t="shared" si="310"/>
        <v>16629.407999999999</v>
      </c>
      <c r="ATN52" s="7">
        <f t="shared" si="310"/>
        <v>16629.407999999999</v>
      </c>
      <c r="ATO52" s="7">
        <f t="shared" si="310"/>
        <v>16629.407999999999</v>
      </c>
      <c r="ATP52" s="7">
        <f t="shared" si="310"/>
        <v>16629.407999999999</v>
      </c>
      <c r="ATQ52" s="7">
        <f t="shared" si="310"/>
        <v>16629.407999999999</v>
      </c>
      <c r="ATR52" s="7">
        <f t="shared" si="310"/>
        <v>16629.407999999999</v>
      </c>
      <c r="ATS52" s="7">
        <f t="shared" si="310"/>
        <v>16629.407999999999</v>
      </c>
      <c r="ATT52" s="7">
        <f t="shared" si="310"/>
        <v>16629.407999999999</v>
      </c>
      <c r="ATU52" s="7">
        <f t="shared" si="310"/>
        <v>16629.407999999999</v>
      </c>
      <c r="ATV52" s="7">
        <f t="shared" si="310"/>
        <v>16629.407999999999</v>
      </c>
      <c r="ATW52" s="7">
        <f t="shared" si="310"/>
        <v>16629.407999999999</v>
      </c>
      <c r="ATX52" s="7">
        <f t="shared" si="310"/>
        <v>16629.407999999999</v>
      </c>
      <c r="ATY52" s="7">
        <f t="shared" si="310"/>
        <v>16629.407999999999</v>
      </c>
      <c r="ATZ52" s="7">
        <f t="shared" si="310"/>
        <v>16629.407999999999</v>
      </c>
      <c r="AUA52" s="7">
        <f t="shared" si="310"/>
        <v>16629.407999999999</v>
      </c>
      <c r="AUB52" s="7">
        <f t="shared" si="310"/>
        <v>16629.407999999999</v>
      </c>
      <c r="AUC52" s="7">
        <f t="shared" si="310"/>
        <v>16629.407999999999</v>
      </c>
      <c r="AUD52" s="7">
        <f t="shared" ref="AUD52:AWO52" si="311">AUD47+AUC52</f>
        <v>16629.407999999999</v>
      </c>
      <c r="AUE52" s="7">
        <f t="shared" si="311"/>
        <v>16629.407999999999</v>
      </c>
      <c r="AUF52" s="7">
        <f t="shared" si="311"/>
        <v>16629.407999999999</v>
      </c>
      <c r="AUG52" s="7">
        <f t="shared" si="311"/>
        <v>16629.407999999999</v>
      </c>
      <c r="AUH52" s="7">
        <f t="shared" si="311"/>
        <v>16629.407999999999</v>
      </c>
      <c r="AUI52" s="7">
        <f t="shared" si="311"/>
        <v>16629.407999999999</v>
      </c>
      <c r="AUJ52" s="7">
        <f t="shared" si="311"/>
        <v>16629.407999999999</v>
      </c>
      <c r="AUK52" s="7">
        <f t="shared" si="311"/>
        <v>16629.407999999999</v>
      </c>
      <c r="AUL52" s="7">
        <f t="shared" si="311"/>
        <v>16629.407999999999</v>
      </c>
      <c r="AUM52" s="7">
        <f t="shared" si="311"/>
        <v>16629.407999999999</v>
      </c>
      <c r="AUN52" s="7">
        <f t="shared" si="311"/>
        <v>16629.407999999999</v>
      </c>
      <c r="AUO52" s="7">
        <f t="shared" si="311"/>
        <v>16629.407999999999</v>
      </c>
      <c r="AUP52" s="7">
        <f t="shared" si="311"/>
        <v>16629.407999999999</v>
      </c>
      <c r="AUQ52" s="7">
        <f t="shared" si="311"/>
        <v>16629.407999999999</v>
      </c>
      <c r="AUR52" s="7">
        <f t="shared" si="311"/>
        <v>16629.407999999999</v>
      </c>
      <c r="AUS52" s="7">
        <f t="shared" si="311"/>
        <v>16629.407999999999</v>
      </c>
      <c r="AUT52" s="7">
        <f t="shared" si="311"/>
        <v>16629.407999999999</v>
      </c>
      <c r="AUU52" s="7">
        <f t="shared" si="311"/>
        <v>16629.407999999999</v>
      </c>
      <c r="AUV52" s="7">
        <f t="shared" si="311"/>
        <v>16629.407999999999</v>
      </c>
      <c r="AUW52" s="7">
        <f t="shared" si="311"/>
        <v>16629.407999999999</v>
      </c>
      <c r="AUX52" s="7">
        <f t="shared" si="311"/>
        <v>16629.407999999999</v>
      </c>
      <c r="AUY52" s="7">
        <f t="shared" si="311"/>
        <v>16629.407999999999</v>
      </c>
      <c r="AUZ52" s="7">
        <f t="shared" si="311"/>
        <v>16629.407999999999</v>
      </c>
      <c r="AVA52" s="7">
        <f t="shared" si="311"/>
        <v>16629.407999999999</v>
      </c>
      <c r="AVB52" s="7">
        <f t="shared" si="311"/>
        <v>16629.407999999999</v>
      </c>
      <c r="AVC52" s="7">
        <f t="shared" si="311"/>
        <v>16629.407999999999</v>
      </c>
      <c r="AVD52" s="7">
        <f t="shared" si="311"/>
        <v>16629.407999999999</v>
      </c>
      <c r="AVE52" s="7">
        <f t="shared" si="311"/>
        <v>16629.407999999999</v>
      </c>
      <c r="AVF52" s="7">
        <f t="shared" si="311"/>
        <v>16629.407999999999</v>
      </c>
      <c r="AVG52" s="7">
        <f t="shared" si="311"/>
        <v>16629.407999999999</v>
      </c>
      <c r="AVH52" s="7">
        <f t="shared" si="311"/>
        <v>16629.407999999999</v>
      </c>
      <c r="AVI52" s="7">
        <f t="shared" si="311"/>
        <v>16629.407999999999</v>
      </c>
      <c r="AVJ52" s="7">
        <f t="shared" si="311"/>
        <v>16629.407999999999</v>
      </c>
      <c r="AVK52" s="7">
        <f t="shared" si="311"/>
        <v>16629.407999999999</v>
      </c>
      <c r="AVL52" s="7">
        <f t="shared" si="311"/>
        <v>16629.407999999999</v>
      </c>
      <c r="AVM52" s="7">
        <f t="shared" si="311"/>
        <v>16629.407999999999</v>
      </c>
      <c r="AVN52" s="7">
        <f t="shared" si="311"/>
        <v>16629.407999999999</v>
      </c>
      <c r="AVO52" s="7">
        <f t="shared" si="311"/>
        <v>16629.407999999999</v>
      </c>
      <c r="AVP52" s="7">
        <f t="shared" si="311"/>
        <v>16629.407999999999</v>
      </c>
      <c r="AVQ52" s="7">
        <f t="shared" si="311"/>
        <v>16629.407999999999</v>
      </c>
      <c r="AVR52" s="7">
        <f t="shared" si="311"/>
        <v>16629.407999999999</v>
      </c>
      <c r="AVS52" s="7">
        <f t="shared" si="311"/>
        <v>16629.407999999999</v>
      </c>
      <c r="AVT52" s="7">
        <f t="shared" si="311"/>
        <v>16629.407999999999</v>
      </c>
      <c r="AVU52" s="7">
        <f t="shared" si="311"/>
        <v>16629.407999999999</v>
      </c>
      <c r="AVV52" s="7">
        <f t="shared" si="311"/>
        <v>16629.407999999999</v>
      </c>
      <c r="AVW52" s="7">
        <f t="shared" si="311"/>
        <v>16629.407999999999</v>
      </c>
      <c r="AVX52" s="7">
        <f t="shared" si="311"/>
        <v>16629.407999999999</v>
      </c>
      <c r="AVY52" s="7">
        <f t="shared" si="311"/>
        <v>16629.407999999999</v>
      </c>
      <c r="AVZ52" s="7">
        <f t="shared" si="311"/>
        <v>16629.407999999999</v>
      </c>
      <c r="AWA52" s="7">
        <f t="shared" si="311"/>
        <v>16629.407999999999</v>
      </c>
      <c r="AWB52" s="7">
        <f t="shared" si="311"/>
        <v>16629.407999999999</v>
      </c>
      <c r="AWC52" s="7">
        <f t="shared" si="311"/>
        <v>16629.407999999999</v>
      </c>
      <c r="AWD52" s="7">
        <f t="shared" si="311"/>
        <v>16629.407999999999</v>
      </c>
      <c r="AWE52" s="7">
        <f t="shared" si="311"/>
        <v>16629.407999999999</v>
      </c>
      <c r="AWF52" s="7">
        <f t="shared" si="311"/>
        <v>16629.407999999999</v>
      </c>
      <c r="AWG52" s="7">
        <f t="shared" si="311"/>
        <v>16629.407999999999</v>
      </c>
      <c r="AWH52" s="7">
        <f t="shared" si="311"/>
        <v>16629.407999999999</v>
      </c>
      <c r="AWI52" s="7">
        <f t="shared" si="311"/>
        <v>16629.407999999999</v>
      </c>
      <c r="AWJ52" s="7">
        <f t="shared" si="311"/>
        <v>16629.407999999999</v>
      </c>
      <c r="AWK52" s="7">
        <f t="shared" si="311"/>
        <v>16629.407999999999</v>
      </c>
      <c r="AWL52" s="7">
        <f t="shared" si="311"/>
        <v>16629.407999999999</v>
      </c>
      <c r="AWM52" s="7">
        <f t="shared" si="311"/>
        <v>16629.407999999999</v>
      </c>
      <c r="AWN52" s="7">
        <f t="shared" si="311"/>
        <v>16629.407999999999</v>
      </c>
      <c r="AWO52" s="7">
        <f t="shared" si="311"/>
        <v>16629.407999999999</v>
      </c>
      <c r="AWP52" s="7">
        <f t="shared" ref="AWP52:AZA52" si="312">AWP47+AWO52</f>
        <v>16629.407999999999</v>
      </c>
      <c r="AWQ52" s="7">
        <f t="shared" si="312"/>
        <v>16629.407999999999</v>
      </c>
      <c r="AWR52" s="7">
        <f t="shared" si="312"/>
        <v>16629.407999999999</v>
      </c>
      <c r="AWS52" s="7">
        <f t="shared" si="312"/>
        <v>16629.407999999999</v>
      </c>
      <c r="AWT52" s="7">
        <f t="shared" si="312"/>
        <v>16629.407999999999</v>
      </c>
      <c r="AWU52" s="7">
        <f t="shared" si="312"/>
        <v>16629.407999999999</v>
      </c>
      <c r="AWV52" s="7">
        <f t="shared" si="312"/>
        <v>16629.407999999999</v>
      </c>
      <c r="AWW52" s="7">
        <f t="shared" si="312"/>
        <v>16629.407999999999</v>
      </c>
      <c r="AWX52" s="7">
        <f t="shared" si="312"/>
        <v>16629.407999999999</v>
      </c>
      <c r="AWY52" s="7">
        <f t="shared" si="312"/>
        <v>16629.407999999999</v>
      </c>
      <c r="AWZ52" s="7">
        <f t="shared" si="312"/>
        <v>16629.407999999999</v>
      </c>
      <c r="AXA52" s="7">
        <f t="shared" si="312"/>
        <v>16629.407999999999</v>
      </c>
      <c r="AXB52" s="7">
        <f t="shared" si="312"/>
        <v>16629.407999999999</v>
      </c>
      <c r="AXC52" s="7">
        <f t="shared" si="312"/>
        <v>16629.407999999999</v>
      </c>
      <c r="AXD52" s="7">
        <f t="shared" si="312"/>
        <v>16629.407999999999</v>
      </c>
      <c r="AXE52" s="7">
        <f t="shared" si="312"/>
        <v>16629.407999999999</v>
      </c>
      <c r="AXF52" s="7">
        <f t="shared" si="312"/>
        <v>16629.407999999999</v>
      </c>
      <c r="AXG52" s="7">
        <f t="shared" si="312"/>
        <v>16629.407999999999</v>
      </c>
      <c r="AXH52" s="7">
        <f t="shared" si="312"/>
        <v>16629.407999999999</v>
      </c>
      <c r="AXI52" s="7">
        <f t="shared" si="312"/>
        <v>16629.407999999999</v>
      </c>
      <c r="AXJ52" s="7">
        <f t="shared" si="312"/>
        <v>16629.407999999999</v>
      </c>
      <c r="AXK52" s="7">
        <f t="shared" si="312"/>
        <v>16629.407999999999</v>
      </c>
      <c r="AXL52" s="7">
        <f t="shared" si="312"/>
        <v>16629.407999999999</v>
      </c>
      <c r="AXM52" s="7">
        <f t="shared" si="312"/>
        <v>16629.407999999999</v>
      </c>
      <c r="AXN52" s="7">
        <f t="shared" si="312"/>
        <v>16629.407999999999</v>
      </c>
      <c r="AXO52" s="7">
        <f t="shared" si="312"/>
        <v>16629.407999999999</v>
      </c>
      <c r="AXP52" s="7">
        <f t="shared" si="312"/>
        <v>16629.407999999999</v>
      </c>
      <c r="AXQ52" s="7">
        <f t="shared" si="312"/>
        <v>16629.407999999999</v>
      </c>
      <c r="AXR52" s="7">
        <f t="shared" si="312"/>
        <v>16629.407999999999</v>
      </c>
      <c r="AXS52" s="7">
        <f t="shared" si="312"/>
        <v>16629.407999999999</v>
      </c>
      <c r="AXT52" s="7">
        <f t="shared" si="312"/>
        <v>16629.407999999999</v>
      </c>
      <c r="AXU52" s="7">
        <f t="shared" si="312"/>
        <v>16629.407999999999</v>
      </c>
      <c r="AXV52" s="7">
        <f t="shared" si="312"/>
        <v>16629.407999999999</v>
      </c>
      <c r="AXW52" s="7">
        <f t="shared" si="312"/>
        <v>16629.407999999999</v>
      </c>
      <c r="AXX52" s="7">
        <f t="shared" si="312"/>
        <v>16629.407999999999</v>
      </c>
      <c r="AXY52" s="7">
        <f t="shared" si="312"/>
        <v>16629.407999999999</v>
      </c>
      <c r="AXZ52" s="7">
        <f t="shared" si="312"/>
        <v>16629.407999999999</v>
      </c>
      <c r="AYA52" s="7">
        <f t="shared" si="312"/>
        <v>16629.407999999999</v>
      </c>
      <c r="AYB52" s="7">
        <f t="shared" si="312"/>
        <v>16629.407999999999</v>
      </c>
      <c r="AYC52" s="7">
        <f t="shared" si="312"/>
        <v>16629.407999999999</v>
      </c>
      <c r="AYD52" s="7">
        <f t="shared" si="312"/>
        <v>16629.407999999999</v>
      </c>
      <c r="AYE52" s="7">
        <f t="shared" si="312"/>
        <v>16629.407999999999</v>
      </c>
      <c r="AYF52" s="7">
        <f t="shared" si="312"/>
        <v>16629.407999999999</v>
      </c>
      <c r="AYG52" s="7">
        <f t="shared" si="312"/>
        <v>16629.407999999999</v>
      </c>
      <c r="AYH52" s="7">
        <f t="shared" si="312"/>
        <v>16629.407999999999</v>
      </c>
      <c r="AYI52" s="7">
        <f t="shared" si="312"/>
        <v>16629.407999999999</v>
      </c>
      <c r="AYJ52" s="7">
        <f t="shared" si="312"/>
        <v>16629.407999999999</v>
      </c>
      <c r="AYK52" s="7">
        <f t="shared" si="312"/>
        <v>16629.407999999999</v>
      </c>
      <c r="AYL52" s="7">
        <f t="shared" si="312"/>
        <v>16629.407999999999</v>
      </c>
      <c r="AYM52" s="7">
        <f t="shared" si="312"/>
        <v>16629.407999999999</v>
      </c>
      <c r="AYN52" s="7">
        <f t="shared" si="312"/>
        <v>16629.407999999999</v>
      </c>
      <c r="AYO52" s="7">
        <f t="shared" si="312"/>
        <v>16629.407999999999</v>
      </c>
      <c r="AYP52" s="7">
        <f t="shared" si="312"/>
        <v>16629.407999999999</v>
      </c>
      <c r="AYQ52" s="7">
        <f t="shared" si="312"/>
        <v>16629.407999999999</v>
      </c>
      <c r="AYR52" s="7">
        <f t="shared" si="312"/>
        <v>16629.407999999999</v>
      </c>
      <c r="AYS52" s="7">
        <f t="shared" si="312"/>
        <v>16629.407999999999</v>
      </c>
      <c r="AYT52" s="7">
        <f t="shared" si="312"/>
        <v>16629.407999999999</v>
      </c>
      <c r="AYU52" s="7">
        <f t="shared" si="312"/>
        <v>16629.407999999999</v>
      </c>
      <c r="AYV52" s="7">
        <f t="shared" si="312"/>
        <v>16629.407999999999</v>
      </c>
      <c r="AYW52" s="7">
        <f t="shared" si="312"/>
        <v>16629.407999999999</v>
      </c>
      <c r="AYX52" s="7">
        <f t="shared" si="312"/>
        <v>16629.407999999999</v>
      </c>
      <c r="AYY52" s="7">
        <f t="shared" si="312"/>
        <v>16629.407999999999</v>
      </c>
      <c r="AYZ52" s="7">
        <f t="shared" si="312"/>
        <v>16629.407999999999</v>
      </c>
      <c r="AZA52" s="7">
        <f t="shared" si="312"/>
        <v>16629.407999999999</v>
      </c>
      <c r="AZB52" s="7">
        <f t="shared" ref="AZB52:BBM52" si="313">AZB47+AZA52</f>
        <v>16629.407999999999</v>
      </c>
      <c r="AZC52" s="7">
        <f t="shared" si="313"/>
        <v>16629.407999999999</v>
      </c>
      <c r="AZD52" s="7">
        <f t="shared" si="313"/>
        <v>16629.407999999999</v>
      </c>
      <c r="AZE52" s="7">
        <f t="shared" si="313"/>
        <v>16629.407999999999</v>
      </c>
      <c r="AZF52" s="7">
        <f t="shared" si="313"/>
        <v>16629.407999999999</v>
      </c>
      <c r="AZG52" s="7">
        <f t="shared" si="313"/>
        <v>16629.407999999999</v>
      </c>
      <c r="AZH52" s="7">
        <f t="shared" si="313"/>
        <v>16629.407999999999</v>
      </c>
      <c r="AZI52" s="7">
        <f t="shared" si="313"/>
        <v>16629.407999999999</v>
      </c>
      <c r="AZJ52" s="7">
        <f t="shared" si="313"/>
        <v>16629.407999999999</v>
      </c>
      <c r="AZK52" s="7">
        <f t="shared" si="313"/>
        <v>16629.407999999999</v>
      </c>
      <c r="AZL52" s="7">
        <f t="shared" si="313"/>
        <v>16629.407999999999</v>
      </c>
      <c r="AZM52" s="7">
        <f t="shared" si="313"/>
        <v>16629.407999999999</v>
      </c>
      <c r="AZN52" s="7">
        <f t="shared" si="313"/>
        <v>16629.407999999999</v>
      </c>
      <c r="AZO52" s="7">
        <f t="shared" si="313"/>
        <v>16629.407999999999</v>
      </c>
      <c r="AZP52" s="7">
        <f t="shared" si="313"/>
        <v>16629.407999999999</v>
      </c>
      <c r="AZQ52" s="7">
        <f t="shared" si="313"/>
        <v>16629.407999999999</v>
      </c>
      <c r="AZR52" s="7">
        <f t="shared" si="313"/>
        <v>16629.407999999999</v>
      </c>
      <c r="AZS52" s="7">
        <f t="shared" si="313"/>
        <v>16629.407999999999</v>
      </c>
      <c r="AZT52" s="7">
        <f t="shared" si="313"/>
        <v>16629.407999999999</v>
      </c>
      <c r="AZU52" s="7">
        <f t="shared" si="313"/>
        <v>16629.407999999999</v>
      </c>
      <c r="AZV52" s="7">
        <f t="shared" si="313"/>
        <v>16629.407999999999</v>
      </c>
      <c r="AZW52" s="7">
        <f t="shared" si="313"/>
        <v>16629.407999999999</v>
      </c>
      <c r="AZX52" s="7">
        <f t="shared" si="313"/>
        <v>16629.407999999999</v>
      </c>
      <c r="AZY52" s="7">
        <f t="shared" si="313"/>
        <v>16629.407999999999</v>
      </c>
      <c r="AZZ52" s="7">
        <f t="shared" si="313"/>
        <v>16629.407999999999</v>
      </c>
      <c r="BAA52" s="7">
        <f t="shared" si="313"/>
        <v>16629.407999999999</v>
      </c>
      <c r="BAB52" s="7">
        <f t="shared" si="313"/>
        <v>16629.407999999999</v>
      </c>
      <c r="BAC52" s="7">
        <f t="shared" si="313"/>
        <v>16629.407999999999</v>
      </c>
      <c r="BAD52" s="7">
        <f t="shared" si="313"/>
        <v>16629.407999999999</v>
      </c>
      <c r="BAE52" s="7">
        <f t="shared" si="313"/>
        <v>16629.407999999999</v>
      </c>
      <c r="BAF52" s="7">
        <f t="shared" si="313"/>
        <v>16629.407999999999</v>
      </c>
      <c r="BAG52" s="7">
        <f t="shared" si="313"/>
        <v>16629.407999999999</v>
      </c>
      <c r="BAH52" s="7">
        <f t="shared" si="313"/>
        <v>16629.407999999999</v>
      </c>
      <c r="BAI52" s="7">
        <f t="shared" si="313"/>
        <v>16629.407999999999</v>
      </c>
      <c r="BAJ52" s="7">
        <f t="shared" si="313"/>
        <v>16629.407999999999</v>
      </c>
      <c r="BAK52" s="7">
        <f t="shared" si="313"/>
        <v>16629.407999999999</v>
      </c>
      <c r="BAL52" s="7">
        <f t="shared" si="313"/>
        <v>16629.407999999999</v>
      </c>
      <c r="BAM52" s="7">
        <f t="shared" si="313"/>
        <v>16629.407999999999</v>
      </c>
      <c r="BAN52" s="7">
        <f t="shared" si="313"/>
        <v>16629.407999999999</v>
      </c>
      <c r="BAO52" s="7">
        <f t="shared" si="313"/>
        <v>16629.407999999999</v>
      </c>
      <c r="BAP52" s="7">
        <f t="shared" si="313"/>
        <v>16629.407999999999</v>
      </c>
      <c r="BAQ52" s="7">
        <f t="shared" si="313"/>
        <v>16629.407999999999</v>
      </c>
      <c r="BAR52" s="7">
        <f t="shared" si="313"/>
        <v>16629.407999999999</v>
      </c>
      <c r="BAS52" s="7">
        <f t="shared" si="313"/>
        <v>16629.407999999999</v>
      </c>
      <c r="BAT52" s="7">
        <f t="shared" si="313"/>
        <v>16629.407999999999</v>
      </c>
      <c r="BAU52" s="7">
        <f t="shared" si="313"/>
        <v>16629.407999999999</v>
      </c>
      <c r="BAV52" s="7">
        <f t="shared" si="313"/>
        <v>16629.407999999999</v>
      </c>
      <c r="BAW52" s="7">
        <f t="shared" si="313"/>
        <v>16629.407999999999</v>
      </c>
      <c r="BAX52" s="7">
        <f t="shared" si="313"/>
        <v>16629.407999999999</v>
      </c>
      <c r="BAY52" s="7">
        <f t="shared" si="313"/>
        <v>16629.407999999999</v>
      </c>
      <c r="BAZ52" s="7">
        <f t="shared" si="313"/>
        <v>16629.407999999999</v>
      </c>
      <c r="BBA52" s="7">
        <f t="shared" si="313"/>
        <v>16629.407999999999</v>
      </c>
      <c r="BBB52" s="7">
        <f t="shared" si="313"/>
        <v>16629.407999999999</v>
      </c>
      <c r="BBC52" s="7">
        <f t="shared" si="313"/>
        <v>16629.407999999999</v>
      </c>
      <c r="BBD52" s="7">
        <f t="shared" si="313"/>
        <v>16629.407999999999</v>
      </c>
      <c r="BBE52" s="7">
        <f t="shared" si="313"/>
        <v>16629.407999999999</v>
      </c>
      <c r="BBF52" s="7">
        <f t="shared" si="313"/>
        <v>16629.407999999999</v>
      </c>
      <c r="BBG52" s="7">
        <f t="shared" si="313"/>
        <v>16629.407999999999</v>
      </c>
      <c r="BBH52" s="7">
        <f t="shared" si="313"/>
        <v>16629.407999999999</v>
      </c>
      <c r="BBI52" s="7">
        <f t="shared" si="313"/>
        <v>16629.407999999999</v>
      </c>
      <c r="BBJ52" s="7">
        <f t="shared" si="313"/>
        <v>16629.407999999999</v>
      </c>
      <c r="BBK52" s="7">
        <f t="shared" si="313"/>
        <v>16629.407999999999</v>
      </c>
      <c r="BBL52" s="7">
        <f t="shared" si="313"/>
        <v>16629.407999999999</v>
      </c>
      <c r="BBM52" s="7">
        <f t="shared" si="313"/>
        <v>16629.407999999999</v>
      </c>
      <c r="BBN52" s="7">
        <f t="shared" ref="BBN52:BDY52" si="314">BBN47+BBM52</f>
        <v>16629.407999999999</v>
      </c>
      <c r="BBO52" s="7">
        <f t="shared" si="314"/>
        <v>16629.407999999999</v>
      </c>
      <c r="BBP52" s="7">
        <f t="shared" si="314"/>
        <v>16629.407999999999</v>
      </c>
      <c r="BBQ52" s="7">
        <f t="shared" si="314"/>
        <v>16629.407999999999</v>
      </c>
      <c r="BBR52" s="7">
        <f t="shared" si="314"/>
        <v>16629.407999999999</v>
      </c>
      <c r="BBS52" s="7">
        <f t="shared" si="314"/>
        <v>16629.407999999999</v>
      </c>
      <c r="BBT52" s="7">
        <f t="shared" si="314"/>
        <v>16629.407999999999</v>
      </c>
      <c r="BBU52" s="7">
        <f t="shared" si="314"/>
        <v>16629.407999999999</v>
      </c>
      <c r="BBV52" s="7">
        <f t="shared" si="314"/>
        <v>16629.407999999999</v>
      </c>
      <c r="BBW52" s="7">
        <f t="shared" si="314"/>
        <v>16629.407999999999</v>
      </c>
      <c r="BBX52" s="7">
        <f t="shared" si="314"/>
        <v>16629.407999999999</v>
      </c>
      <c r="BBY52" s="7">
        <f t="shared" si="314"/>
        <v>16629.407999999999</v>
      </c>
      <c r="BBZ52" s="7">
        <f t="shared" si="314"/>
        <v>16629.407999999999</v>
      </c>
      <c r="BCA52" s="7">
        <f t="shared" si="314"/>
        <v>16629.407999999999</v>
      </c>
      <c r="BCB52" s="7">
        <f t="shared" si="314"/>
        <v>16629.407999999999</v>
      </c>
      <c r="BCC52" s="7">
        <f t="shared" si="314"/>
        <v>16629.407999999999</v>
      </c>
      <c r="BCD52" s="7">
        <f t="shared" si="314"/>
        <v>16629.407999999999</v>
      </c>
      <c r="BCE52" s="7">
        <f t="shared" si="314"/>
        <v>16629.407999999999</v>
      </c>
      <c r="BCF52" s="7">
        <f t="shared" si="314"/>
        <v>16629.407999999999</v>
      </c>
      <c r="BCG52" s="7">
        <f t="shared" si="314"/>
        <v>16629.407999999999</v>
      </c>
      <c r="BCH52" s="7">
        <f t="shared" si="314"/>
        <v>16629.407999999999</v>
      </c>
      <c r="BCI52" s="7">
        <f t="shared" si="314"/>
        <v>16629.407999999999</v>
      </c>
      <c r="BCJ52" s="7">
        <f t="shared" si="314"/>
        <v>16629.407999999999</v>
      </c>
      <c r="BCK52" s="7">
        <f t="shared" si="314"/>
        <v>16629.407999999999</v>
      </c>
      <c r="BCL52" s="7">
        <f t="shared" si="314"/>
        <v>16629.407999999999</v>
      </c>
      <c r="BCM52" s="7">
        <f t="shared" si="314"/>
        <v>16629.407999999999</v>
      </c>
      <c r="BCN52" s="7">
        <f t="shared" si="314"/>
        <v>16629.407999999999</v>
      </c>
      <c r="BCO52" s="7">
        <f t="shared" si="314"/>
        <v>16629.407999999999</v>
      </c>
      <c r="BCP52" s="7">
        <f t="shared" si="314"/>
        <v>16629.407999999999</v>
      </c>
      <c r="BCQ52" s="7">
        <f t="shared" si="314"/>
        <v>16629.407999999999</v>
      </c>
      <c r="BCR52" s="7">
        <f t="shared" si="314"/>
        <v>16629.407999999999</v>
      </c>
      <c r="BCS52" s="7">
        <f t="shared" si="314"/>
        <v>16629.407999999999</v>
      </c>
      <c r="BCT52" s="7">
        <f t="shared" si="314"/>
        <v>16629.407999999999</v>
      </c>
      <c r="BCU52" s="7">
        <f t="shared" si="314"/>
        <v>16629.407999999999</v>
      </c>
      <c r="BCV52" s="7">
        <f t="shared" si="314"/>
        <v>16629.407999999999</v>
      </c>
      <c r="BCW52" s="7">
        <f t="shared" si="314"/>
        <v>16629.407999999999</v>
      </c>
      <c r="BCX52" s="7">
        <f t="shared" si="314"/>
        <v>16629.407999999999</v>
      </c>
      <c r="BCY52" s="7">
        <f t="shared" si="314"/>
        <v>16629.407999999999</v>
      </c>
      <c r="BCZ52" s="7">
        <f t="shared" si="314"/>
        <v>16629.407999999999</v>
      </c>
      <c r="BDA52" s="7">
        <f t="shared" si="314"/>
        <v>16629.407999999999</v>
      </c>
      <c r="BDB52" s="7">
        <f t="shared" si="314"/>
        <v>16629.407999999999</v>
      </c>
      <c r="BDC52" s="7">
        <f t="shared" si="314"/>
        <v>16629.407999999999</v>
      </c>
      <c r="BDD52" s="7">
        <f t="shared" si="314"/>
        <v>16629.407999999999</v>
      </c>
      <c r="BDE52" s="7">
        <f t="shared" si="314"/>
        <v>16629.407999999999</v>
      </c>
      <c r="BDF52" s="7">
        <f t="shared" si="314"/>
        <v>16629.407999999999</v>
      </c>
      <c r="BDG52" s="7">
        <f t="shared" si="314"/>
        <v>16629.407999999999</v>
      </c>
      <c r="BDH52" s="7">
        <f t="shared" si="314"/>
        <v>16629.407999999999</v>
      </c>
      <c r="BDI52" s="7">
        <f t="shared" si="314"/>
        <v>16629.407999999999</v>
      </c>
      <c r="BDJ52" s="7">
        <f t="shared" si="314"/>
        <v>16629.407999999999</v>
      </c>
      <c r="BDK52" s="7">
        <f t="shared" si="314"/>
        <v>16629.407999999999</v>
      </c>
      <c r="BDL52" s="7">
        <f t="shared" si="314"/>
        <v>16629.407999999999</v>
      </c>
      <c r="BDM52" s="7">
        <f t="shared" si="314"/>
        <v>16629.407999999999</v>
      </c>
      <c r="BDN52" s="7">
        <f t="shared" si="314"/>
        <v>16629.407999999999</v>
      </c>
      <c r="BDO52" s="7">
        <f t="shared" si="314"/>
        <v>16629.407999999999</v>
      </c>
      <c r="BDP52" s="7">
        <f t="shared" si="314"/>
        <v>16629.407999999999</v>
      </c>
      <c r="BDQ52" s="7">
        <f t="shared" si="314"/>
        <v>16629.407999999999</v>
      </c>
      <c r="BDR52" s="7">
        <f t="shared" si="314"/>
        <v>16629.407999999999</v>
      </c>
      <c r="BDS52" s="7">
        <f t="shared" si="314"/>
        <v>16629.407999999999</v>
      </c>
      <c r="BDT52" s="7">
        <f t="shared" si="314"/>
        <v>16629.407999999999</v>
      </c>
      <c r="BDU52" s="7">
        <f t="shared" si="314"/>
        <v>16629.407999999999</v>
      </c>
      <c r="BDV52" s="7">
        <f t="shared" si="314"/>
        <v>16629.407999999999</v>
      </c>
      <c r="BDW52" s="7">
        <f t="shared" si="314"/>
        <v>16629.407999999999</v>
      </c>
      <c r="BDX52" s="7">
        <f t="shared" si="314"/>
        <v>16629.407999999999</v>
      </c>
      <c r="BDY52" s="7">
        <f t="shared" si="314"/>
        <v>16629.407999999999</v>
      </c>
      <c r="BDZ52" s="7">
        <f t="shared" ref="BDZ52:BGK52" si="315">BDZ47+BDY52</f>
        <v>16629.407999999999</v>
      </c>
      <c r="BEA52" s="7">
        <f t="shared" si="315"/>
        <v>16629.407999999999</v>
      </c>
      <c r="BEB52" s="7">
        <f t="shared" si="315"/>
        <v>16629.407999999999</v>
      </c>
      <c r="BEC52" s="7">
        <f t="shared" si="315"/>
        <v>16629.407999999999</v>
      </c>
      <c r="BED52" s="7">
        <f t="shared" si="315"/>
        <v>16629.407999999999</v>
      </c>
      <c r="BEE52" s="7">
        <f t="shared" si="315"/>
        <v>16629.407999999999</v>
      </c>
      <c r="BEF52" s="7">
        <f t="shared" si="315"/>
        <v>16629.407999999999</v>
      </c>
      <c r="BEG52" s="7">
        <f t="shared" si="315"/>
        <v>16629.407999999999</v>
      </c>
      <c r="BEH52" s="7">
        <f t="shared" si="315"/>
        <v>16629.407999999999</v>
      </c>
      <c r="BEI52" s="7">
        <f t="shared" si="315"/>
        <v>16629.407999999999</v>
      </c>
      <c r="BEJ52" s="7">
        <f t="shared" si="315"/>
        <v>16629.407999999999</v>
      </c>
      <c r="BEK52" s="7">
        <f t="shared" si="315"/>
        <v>16629.407999999999</v>
      </c>
      <c r="BEL52" s="7">
        <f t="shared" si="315"/>
        <v>16629.407999999999</v>
      </c>
      <c r="BEM52" s="7">
        <f t="shared" si="315"/>
        <v>16629.407999999999</v>
      </c>
      <c r="BEN52" s="7">
        <f t="shared" si="315"/>
        <v>16629.407999999999</v>
      </c>
      <c r="BEO52" s="7">
        <f t="shared" si="315"/>
        <v>16629.407999999999</v>
      </c>
      <c r="BEP52" s="7">
        <f t="shared" si="315"/>
        <v>16629.407999999999</v>
      </c>
      <c r="BEQ52" s="7">
        <f t="shared" si="315"/>
        <v>16629.407999999999</v>
      </c>
      <c r="BER52" s="7">
        <f t="shared" si="315"/>
        <v>16629.407999999999</v>
      </c>
      <c r="BES52" s="7">
        <f t="shared" si="315"/>
        <v>16629.407999999999</v>
      </c>
      <c r="BET52" s="7">
        <f t="shared" si="315"/>
        <v>16629.407999999999</v>
      </c>
      <c r="BEU52" s="7">
        <f t="shared" si="315"/>
        <v>16629.407999999999</v>
      </c>
      <c r="BEV52" s="7">
        <f t="shared" si="315"/>
        <v>16629.407999999999</v>
      </c>
      <c r="BEW52" s="7">
        <f t="shared" si="315"/>
        <v>16629.407999999999</v>
      </c>
      <c r="BEX52" s="7">
        <f t="shared" si="315"/>
        <v>16629.407999999999</v>
      </c>
      <c r="BEY52" s="7">
        <f t="shared" si="315"/>
        <v>16629.407999999999</v>
      </c>
      <c r="BEZ52" s="7">
        <f t="shared" si="315"/>
        <v>16629.407999999999</v>
      </c>
      <c r="BFA52" s="7">
        <f t="shared" si="315"/>
        <v>16629.407999999999</v>
      </c>
      <c r="BFB52" s="7">
        <f t="shared" si="315"/>
        <v>16629.407999999999</v>
      </c>
      <c r="BFC52" s="7">
        <f t="shared" si="315"/>
        <v>16629.407999999999</v>
      </c>
      <c r="BFD52" s="7">
        <f t="shared" si="315"/>
        <v>16629.407999999999</v>
      </c>
      <c r="BFE52" s="7">
        <f t="shared" si="315"/>
        <v>16629.407999999999</v>
      </c>
      <c r="BFF52" s="7">
        <f t="shared" si="315"/>
        <v>16629.407999999999</v>
      </c>
      <c r="BFG52" s="7">
        <f t="shared" si="315"/>
        <v>16629.407999999999</v>
      </c>
      <c r="BFH52" s="7">
        <f t="shared" si="315"/>
        <v>16629.407999999999</v>
      </c>
      <c r="BFI52" s="7">
        <f t="shared" si="315"/>
        <v>16629.407999999999</v>
      </c>
      <c r="BFJ52" s="7">
        <f t="shared" si="315"/>
        <v>16629.407999999999</v>
      </c>
      <c r="BFK52" s="7">
        <f t="shared" si="315"/>
        <v>16629.407999999999</v>
      </c>
      <c r="BFL52" s="7">
        <f t="shared" si="315"/>
        <v>16629.407999999999</v>
      </c>
      <c r="BFM52" s="7">
        <f t="shared" si="315"/>
        <v>16629.407999999999</v>
      </c>
      <c r="BFN52" s="7">
        <f t="shared" si="315"/>
        <v>16629.407999999999</v>
      </c>
      <c r="BFO52" s="7">
        <f t="shared" si="315"/>
        <v>16629.407999999999</v>
      </c>
      <c r="BFP52" s="7">
        <f t="shared" si="315"/>
        <v>16629.407999999999</v>
      </c>
      <c r="BFQ52" s="7">
        <f t="shared" si="315"/>
        <v>16629.407999999999</v>
      </c>
      <c r="BFR52" s="7">
        <f t="shared" si="315"/>
        <v>16629.407999999999</v>
      </c>
      <c r="BFS52" s="7">
        <f t="shared" si="315"/>
        <v>16629.407999999999</v>
      </c>
      <c r="BFT52" s="7">
        <f t="shared" si="315"/>
        <v>16629.407999999999</v>
      </c>
      <c r="BFU52" s="7">
        <f t="shared" si="315"/>
        <v>16629.407999999999</v>
      </c>
      <c r="BFV52" s="7">
        <f t="shared" si="315"/>
        <v>16629.407999999999</v>
      </c>
      <c r="BFW52" s="7">
        <f t="shared" si="315"/>
        <v>16629.407999999999</v>
      </c>
      <c r="BFX52" s="7">
        <f t="shared" si="315"/>
        <v>16629.407999999999</v>
      </c>
      <c r="BFY52" s="7">
        <f t="shared" si="315"/>
        <v>16629.407999999999</v>
      </c>
      <c r="BFZ52" s="7">
        <f t="shared" si="315"/>
        <v>16629.407999999999</v>
      </c>
      <c r="BGA52" s="7">
        <f t="shared" si="315"/>
        <v>16629.407999999999</v>
      </c>
      <c r="BGB52" s="7">
        <f t="shared" si="315"/>
        <v>16629.407999999999</v>
      </c>
      <c r="BGC52" s="7">
        <f t="shared" si="315"/>
        <v>16629.407999999999</v>
      </c>
      <c r="BGD52" s="7">
        <f t="shared" si="315"/>
        <v>16629.407999999999</v>
      </c>
      <c r="BGE52" s="7">
        <f t="shared" si="315"/>
        <v>16629.407999999999</v>
      </c>
      <c r="BGF52" s="7">
        <f t="shared" si="315"/>
        <v>16629.407999999999</v>
      </c>
      <c r="BGG52" s="7">
        <f t="shared" si="315"/>
        <v>16629.407999999999</v>
      </c>
      <c r="BGH52" s="7">
        <f t="shared" si="315"/>
        <v>16629.407999999999</v>
      </c>
      <c r="BGI52" s="7">
        <f t="shared" si="315"/>
        <v>16629.407999999999</v>
      </c>
      <c r="BGJ52" s="7">
        <f t="shared" si="315"/>
        <v>16629.407999999999</v>
      </c>
      <c r="BGK52" s="7">
        <f t="shared" si="315"/>
        <v>16629.407999999999</v>
      </c>
      <c r="BGL52" s="7">
        <f t="shared" ref="BGL52:BIW52" si="316">BGL47+BGK52</f>
        <v>16629.407999999999</v>
      </c>
      <c r="BGM52" s="7">
        <f t="shared" si="316"/>
        <v>16629.407999999999</v>
      </c>
      <c r="BGN52" s="7">
        <f t="shared" si="316"/>
        <v>16629.407999999999</v>
      </c>
      <c r="BGO52" s="7">
        <f t="shared" si="316"/>
        <v>16629.407999999999</v>
      </c>
      <c r="BGP52" s="7">
        <f t="shared" si="316"/>
        <v>16629.407999999999</v>
      </c>
      <c r="BGQ52" s="7">
        <f t="shared" si="316"/>
        <v>16629.407999999999</v>
      </c>
      <c r="BGR52" s="7">
        <f t="shared" si="316"/>
        <v>16629.407999999999</v>
      </c>
      <c r="BGS52" s="7">
        <f t="shared" si="316"/>
        <v>16629.407999999999</v>
      </c>
      <c r="BGT52" s="7">
        <f t="shared" si="316"/>
        <v>16629.407999999999</v>
      </c>
      <c r="BGU52" s="7">
        <f t="shared" si="316"/>
        <v>16629.407999999999</v>
      </c>
      <c r="BGV52" s="7">
        <f t="shared" si="316"/>
        <v>16629.407999999999</v>
      </c>
      <c r="BGW52" s="7">
        <f t="shared" si="316"/>
        <v>16629.407999999999</v>
      </c>
      <c r="BGX52" s="7">
        <f t="shared" si="316"/>
        <v>16629.407999999999</v>
      </c>
      <c r="BGY52" s="7">
        <f t="shared" si="316"/>
        <v>16629.407999999999</v>
      </c>
      <c r="BGZ52" s="7">
        <f t="shared" si="316"/>
        <v>16629.407999999999</v>
      </c>
      <c r="BHA52" s="7">
        <f t="shared" si="316"/>
        <v>16629.407999999999</v>
      </c>
      <c r="BHB52" s="7">
        <f t="shared" si="316"/>
        <v>16629.407999999999</v>
      </c>
      <c r="BHC52" s="7">
        <f t="shared" si="316"/>
        <v>16629.407999999999</v>
      </c>
      <c r="BHD52" s="7">
        <f t="shared" si="316"/>
        <v>16629.407999999999</v>
      </c>
      <c r="BHE52" s="7">
        <f t="shared" si="316"/>
        <v>16629.407999999999</v>
      </c>
      <c r="BHF52" s="7">
        <f t="shared" si="316"/>
        <v>16629.407999999999</v>
      </c>
      <c r="BHG52" s="7">
        <f t="shared" si="316"/>
        <v>16629.407999999999</v>
      </c>
      <c r="BHH52" s="7">
        <f t="shared" si="316"/>
        <v>16629.407999999999</v>
      </c>
      <c r="BHI52" s="7">
        <f t="shared" si="316"/>
        <v>16629.407999999999</v>
      </c>
      <c r="BHJ52" s="7">
        <f t="shared" si="316"/>
        <v>16629.407999999999</v>
      </c>
      <c r="BHK52" s="7">
        <f t="shared" si="316"/>
        <v>16629.407999999999</v>
      </c>
      <c r="BHL52" s="7">
        <f t="shared" si="316"/>
        <v>16629.407999999999</v>
      </c>
      <c r="BHM52" s="7">
        <f t="shared" si="316"/>
        <v>16629.407999999999</v>
      </c>
      <c r="BHN52" s="7">
        <f t="shared" si="316"/>
        <v>16629.407999999999</v>
      </c>
      <c r="BHO52" s="7">
        <f t="shared" si="316"/>
        <v>16629.407999999999</v>
      </c>
      <c r="BHP52" s="7">
        <f t="shared" si="316"/>
        <v>16629.407999999999</v>
      </c>
      <c r="BHQ52" s="7">
        <f t="shared" si="316"/>
        <v>16629.407999999999</v>
      </c>
      <c r="BHR52" s="7">
        <f t="shared" si="316"/>
        <v>16629.407999999999</v>
      </c>
      <c r="BHS52" s="7">
        <f t="shared" si="316"/>
        <v>16629.407999999999</v>
      </c>
      <c r="BHT52" s="7">
        <f t="shared" si="316"/>
        <v>16629.407999999999</v>
      </c>
      <c r="BHU52" s="7">
        <f t="shared" si="316"/>
        <v>16629.407999999999</v>
      </c>
      <c r="BHV52" s="7">
        <f t="shared" si="316"/>
        <v>16629.407999999999</v>
      </c>
      <c r="BHW52" s="7">
        <f t="shared" si="316"/>
        <v>16629.407999999999</v>
      </c>
      <c r="BHX52" s="7">
        <f t="shared" si="316"/>
        <v>16629.407999999999</v>
      </c>
      <c r="BHY52" s="7">
        <f t="shared" si="316"/>
        <v>16629.407999999999</v>
      </c>
      <c r="BHZ52" s="7">
        <f t="shared" si="316"/>
        <v>16629.407999999999</v>
      </c>
      <c r="BIA52" s="7">
        <f t="shared" si="316"/>
        <v>16629.407999999999</v>
      </c>
      <c r="BIB52" s="7">
        <f t="shared" si="316"/>
        <v>16629.407999999999</v>
      </c>
      <c r="BIC52" s="7">
        <f t="shared" si="316"/>
        <v>16629.407999999999</v>
      </c>
      <c r="BID52" s="7">
        <f t="shared" si="316"/>
        <v>16629.407999999999</v>
      </c>
      <c r="BIE52" s="7">
        <f t="shared" si="316"/>
        <v>16629.407999999999</v>
      </c>
      <c r="BIF52" s="7">
        <f t="shared" si="316"/>
        <v>16629.407999999999</v>
      </c>
      <c r="BIG52" s="7">
        <f t="shared" si="316"/>
        <v>16629.407999999999</v>
      </c>
      <c r="BIH52" s="7">
        <f t="shared" si="316"/>
        <v>16629.407999999999</v>
      </c>
      <c r="BII52" s="7">
        <f t="shared" si="316"/>
        <v>16629.407999999999</v>
      </c>
      <c r="BIJ52" s="7">
        <f t="shared" si="316"/>
        <v>16629.407999999999</v>
      </c>
      <c r="BIK52" s="7">
        <f t="shared" si="316"/>
        <v>16629.407999999999</v>
      </c>
      <c r="BIL52" s="7">
        <f t="shared" si="316"/>
        <v>16629.407999999999</v>
      </c>
      <c r="BIM52" s="7">
        <f t="shared" si="316"/>
        <v>16629.407999999999</v>
      </c>
      <c r="BIN52" s="7">
        <f t="shared" si="316"/>
        <v>16629.407999999999</v>
      </c>
      <c r="BIO52" s="7">
        <f t="shared" si="316"/>
        <v>16629.407999999999</v>
      </c>
      <c r="BIP52" s="7">
        <f t="shared" si="316"/>
        <v>16629.407999999999</v>
      </c>
      <c r="BIQ52" s="7">
        <f t="shared" si="316"/>
        <v>16629.407999999999</v>
      </c>
      <c r="BIR52" s="7">
        <f t="shared" si="316"/>
        <v>16629.407999999999</v>
      </c>
      <c r="BIS52" s="7">
        <f t="shared" si="316"/>
        <v>16629.407999999999</v>
      </c>
      <c r="BIT52" s="7">
        <f t="shared" si="316"/>
        <v>16629.407999999999</v>
      </c>
      <c r="BIU52" s="7">
        <f t="shared" si="316"/>
        <v>16629.407999999999</v>
      </c>
      <c r="BIV52" s="7">
        <f t="shared" si="316"/>
        <v>16629.407999999999</v>
      </c>
      <c r="BIW52" s="7">
        <f t="shared" si="316"/>
        <v>16629.407999999999</v>
      </c>
      <c r="BIX52" s="7">
        <f t="shared" ref="BIX52:BLI52" si="317">BIX47+BIW52</f>
        <v>16629.407999999999</v>
      </c>
      <c r="BIY52" s="7">
        <f t="shared" si="317"/>
        <v>16629.407999999999</v>
      </c>
      <c r="BIZ52" s="7">
        <f t="shared" si="317"/>
        <v>16629.407999999999</v>
      </c>
      <c r="BJA52" s="7">
        <f t="shared" si="317"/>
        <v>16629.407999999999</v>
      </c>
      <c r="BJB52" s="7">
        <f t="shared" si="317"/>
        <v>16629.407999999999</v>
      </c>
      <c r="BJC52" s="7">
        <f t="shared" si="317"/>
        <v>16629.407999999999</v>
      </c>
      <c r="BJD52" s="7">
        <f t="shared" si="317"/>
        <v>16629.407999999999</v>
      </c>
      <c r="BJE52" s="7">
        <f t="shared" si="317"/>
        <v>16629.407999999999</v>
      </c>
      <c r="BJF52" s="7">
        <f t="shared" si="317"/>
        <v>16629.407999999999</v>
      </c>
      <c r="BJG52" s="7">
        <f t="shared" si="317"/>
        <v>16629.407999999999</v>
      </c>
      <c r="BJH52" s="7">
        <f t="shared" si="317"/>
        <v>16629.407999999999</v>
      </c>
      <c r="BJI52" s="7">
        <f t="shared" si="317"/>
        <v>16629.407999999999</v>
      </c>
      <c r="BJJ52" s="7">
        <f t="shared" si="317"/>
        <v>16629.407999999999</v>
      </c>
      <c r="BJK52" s="7">
        <f t="shared" si="317"/>
        <v>16629.407999999999</v>
      </c>
      <c r="BJL52" s="7">
        <f t="shared" si="317"/>
        <v>16629.407999999999</v>
      </c>
      <c r="BJM52" s="7">
        <f t="shared" si="317"/>
        <v>16629.407999999999</v>
      </c>
      <c r="BJN52" s="7">
        <f t="shared" si="317"/>
        <v>16629.407999999999</v>
      </c>
      <c r="BJO52" s="7">
        <f t="shared" si="317"/>
        <v>16629.407999999999</v>
      </c>
      <c r="BJP52" s="7">
        <f t="shared" si="317"/>
        <v>16629.407999999999</v>
      </c>
      <c r="BJQ52" s="7">
        <f t="shared" si="317"/>
        <v>16629.407999999999</v>
      </c>
      <c r="BJR52" s="7">
        <f t="shared" si="317"/>
        <v>16629.407999999999</v>
      </c>
      <c r="BJS52" s="7">
        <f t="shared" si="317"/>
        <v>16629.407999999999</v>
      </c>
      <c r="BJT52" s="7">
        <f t="shared" si="317"/>
        <v>16629.407999999999</v>
      </c>
      <c r="BJU52" s="7">
        <f t="shared" si="317"/>
        <v>16629.407999999999</v>
      </c>
      <c r="BJV52" s="7">
        <f t="shared" si="317"/>
        <v>16629.407999999999</v>
      </c>
      <c r="BJW52" s="7">
        <f t="shared" si="317"/>
        <v>16629.407999999999</v>
      </c>
      <c r="BJX52" s="7">
        <f t="shared" si="317"/>
        <v>16629.407999999999</v>
      </c>
      <c r="BJY52" s="7">
        <f t="shared" si="317"/>
        <v>16629.407999999999</v>
      </c>
      <c r="BJZ52" s="7">
        <f t="shared" si="317"/>
        <v>16629.407999999999</v>
      </c>
      <c r="BKA52" s="7">
        <f t="shared" si="317"/>
        <v>16629.407999999999</v>
      </c>
      <c r="BKB52" s="7">
        <f t="shared" si="317"/>
        <v>16629.407999999999</v>
      </c>
      <c r="BKC52" s="7">
        <f t="shared" si="317"/>
        <v>16629.407999999999</v>
      </c>
      <c r="BKD52" s="7">
        <f t="shared" si="317"/>
        <v>16629.407999999999</v>
      </c>
      <c r="BKE52" s="7">
        <f t="shared" si="317"/>
        <v>16629.407999999999</v>
      </c>
      <c r="BKF52" s="7">
        <f t="shared" si="317"/>
        <v>16629.407999999999</v>
      </c>
      <c r="BKG52" s="7">
        <f t="shared" si="317"/>
        <v>16629.407999999999</v>
      </c>
      <c r="BKH52" s="7">
        <f t="shared" si="317"/>
        <v>16629.407999999999</v>
      </c>
      <c r="BKI52" s="7">
        <f t="shared" si="317"/>
        <v>16629.407999999999</v>
      </c>
      <c r="BKJ52" s="7">
        <f t="shared" si="317"/>
        <v>16629.407999999999</v>
      </c>
      <c r="BKK52" s="7">
        <f t="shared" si="317"/>
        <v>16629.407999999999</v>
      </c>
      <c r="BKL52" s="7">
        <f t="shared" si="317"/>
        <v>16629.407999999999</v>
      </c>
      <c r="BKM52" s="7">
        <f t="shared" si="317"/>
        <v>16629.407999999999</v>
      </c>
      <c r="BKN52" s="7">
        <f t="shared" si="317"/>
        <v>16629.407999999999</v>
      </c>
      <c r="BKO52" s="7">
        <f t="shared" si="317"/>
        <v>16629.407999999999</v>
      </c>
      <c r="BKP52" s="7">
        <f t="shared" si="317"/>
        <v>16629.407999999999</v>
      </c>
      <c r="BKQ52" s="7">
        <f t="shared" si="317"/>
        <v>16629.407999999999</v>
      </c>
      <c r="BKR52" s="7">
        <f t="shared" si="317"/>
        <v>16629.407999999999</v>
      </c>
      <c r="BKS52" s="7">
        <f t="shared" si="317"/>
        <v>16629.407999999999</v>
      </c>
      <c r="BKT52" s="7">
        <f t="shared" si="317"/>
        <v>16629.407999999999</v>
      </c>
      <c r="BKU52" s="7">
        <f t="shared" si="317"/>
        <v>16629.407999999999</v>
      </c>
      <c r="BKV52" s="7">
        <f t="shared" si="317"/>
        <v>16629.407999999999</v>
      </c>
      <c r="BKW52" s="7">
        <f t="shared" si="317"/>
        <v>16629.407999999999</v>
      </c>
      <c r="BKX52" s="7">
        <f t="shared" si="317"/>
        <v>16629.407999999999</v>
      </c>
      <c r="BKY52" s="7">
        <f t="shared" si="317"/>
        <v>16629.407999999999</v>
      </c>
      <c r="BKZ52" s="7">
        <f t="shared" si="317"/>
        <v>16629.407999999999</v>
      </c>
      <c r="BLA52" s="7">
        <f t="shared" si="317"/>
        <v>16629.407999999999</v>
      </c>
      <c r="BLB52" s="7">
        <f t="shared" si="317"/>
        <v>16629.407999999999</v>
      </c>
      <c r="BLC52" s="7">
        <f t="shared" si="317"/>
        <v>16629.407999999999</v>
      </c>
      <c r="BLD52" s="7">
        <f t="shared" si="317"/>
        <v>16629.407999999999</v>
      </c>
      <c r="BLE52" s="7">
        <f t="shared" si="317"/>
        <v>16629.407999999999</v>
      </c>
      <c r="BLF52" s="7">
        <f t="shared" si="317"/>
        <v>16629.407999999999</v>
      </c>
      <c r="BLG52" s="7">
        <f t="shared" si="317"/>
        <v>16629.407999999999</v>
      </c>
      <c r="BLH52" s="7">
        <f t="shared" si="317"/>
        <v>16629.407999999999</v>
      </c>
      <c r="BLI52" s="7">
        <f t="shared" si="317"/>
        <v>16629.407999999999</v>
      </c>
      <c r="BLJ52" s="7">
        <f t="shared" ref="BLJ52:BNU52" si="318">BLJ47+BLI52</f>
        <v>16629.407999999999</v>
      </c>
      <c r="BLK52" s="7">
        <f t="shared" si="318"/>
        <v>16629.407999999999</v>
      </c>
      <c r="BLL52" s="7">
        <f t="shared" si="318"/>
        <v>16629.407999999999</v>
      </c>
      <c r="BLM52" s="7">
        <f t="shared" si="318"/>
        <v>16629.407999999999</v>
      </c>
      <c r="BLN52" s="7">
        <f t="shared" si="318"/>
        <v>16629.407999999999</v>
      </c>
      <c r="BLO52" s="7">
        <f t="shared" si="318"/>
        <v>16629.407999999999</v>
      </c>
      <c r="BLP52" s="7">
        <f t="shared" si="318"/>
        <v>16629.407999999999</v>
      </c>
      <c r="BLQ52" s="7">
        <f t="shared" si="318"/>
        <v>16629.407999999999</v>
      </c>
      <c r="BLR52" s="7">
        <f t="shared" si="318"/>
        <v>16629.407999999999</v>
      </c>
      <c r="BLS52" s="7">
        <f t="shared" si="318"/>
        <v>16629.407999999999</v>
      </c>
      <c r="BLT52" s="7">
        <f t="shared" si="318"/>
        <v>16629.407999999999</v>
      </c>
      <c r="BLU52" s="7">
        <f t="shared" si="318"/>
        <v>16629.407999999999</v>
      </c>
      <c r="BLV52" s="7">
        <f t="shared" si="318"/>
        <v>16629.407999999999</v>
      </c>
      <c r="BLW52" s="7">
        <f t="shared" si="318"/>
        <v>16629.407999999999</v>
      </c>
      <c r="BLX52" s="7">
        <f t="shared" si="318"/>
        <v>16629.407999999999</v>
      </c>
      <c r="BLY52" s="7">
        <f t="shared" si="318"/>
        <v>16629.407999999999</v>
      </c>
      <c r="BLZ52" s="7">
        <f t="shared" si="318"/>
        <v>16629.407999999999</v>
      </c>
      <c r="BMA52" s="7">
        <f t="shared" si="318"/>
        <v>16629.407999999999</v>
      </c>
      <c r="BMB52" s="7">
        <f t="shared" si="318"/>
        <v>16629.407999999999</v>
      </c>
      <c r="BMC52" s="7">
        <f t="shared" si="318"/>
        <v>16629.407999999999</v>
      </c>
      <c r="BMD52" s="7">
        <f t="shared" si="318"/>
        <v>16629.407999999999</v>
      </c>
      <c r="BME52" s="7">
        <f t="shared" si="318"/>
        <v>16629.407999999999</v>
      </c>
      <c r="BMF52" s="7">
        <f t="shared" si="318"/>
        <v>16629.407999999999</v>
      </c>
      <c r="BMG52" s="7">
        <f t="shared" si="318"/>
        <v>16629.407999999999</v>
      </c>
      <c r="BMH52" s="7">
        <f t="shared" si="318"/>
        <v>16629.407999999999</v>
      </c>
      <c r="BMI52" s="7">
        <f t="shared" si="318"/>
        <v>16629.407999999999</v>
      </c>
      <c r="BMJ52" s="7">
        <f t="shared" si="318"/>
        <v>16629.407999999999</v>
      </c>
      <c r="BMK52" s="7">
        <f t="shared" si="318"/>
        <v>16629.407999999999</v>
      </c>
      <c r="BML52" s="7">
        <f t="shared" si="318"/>
        <v>16629.407999999999</v>
      </c>
      <c r="BMM52" s="7">
        <f t="shared" si="318"/>
        <v>16629.407999999999</v>
      </c>
      <c r="BMN52" s="7">
        <f t="shared" si="318"/>
        <v>16629.407999999999</v>
      </c>
      <c r="BMO52" s="7">
        <f t="shared" si="318"/>
        <v>16629.407999999999</v>
      </c>
      <c r="BMP52" s="7">
        <f t="shared" si="318"/>
        <v>16629.407999999999</v>
      </c>
      <c r="BMQ52" s="7">
        <f t="shared" si="318"/>
        <v>16629.407999999999</v>
      </c>
      <c r="BMR52" s="7">
        <f t="shared" si="318"/>
        <v>16629.407999999999</v>
      </c>
      <c r="BMS52" s="7">
        <f t="shared" si="318"/>
        <v>16629.407999999999</v>
      </c>
      <c r="BMT52" s="7">
        <f t="shared" si="318"/>
        <v>16629.407999999999</v>
      </c>
      <c r="BMU52" s="7">
        <f t="shared" si="318"/>
        <v>16629.407999999999</v>
      </c>
      <c r="BMV52" s="7">
        <f t="shared" si="318"/>
        <v>16629.407999999999</v>
      </c>
      <c r="BMW52" s="7">
        <f t="shared" si="318"/>
        <v>16629.407999999999</v>
      </c>
      <c r="BMX52" s="7">
        <f t="shared" si="318"/>
        <v>16629.407999999999</v>
      </c>
      <c r="BMY52" s="7">
        <f t="shared" si="318"/>
        <v>16629.407999999999</v>
      </c>
      <c r="BMZ52" s="7">
        <f t="shared" si="318"/>
        <v>16629.407999999999</v>
      </c>
      <c r="BNA52" s="7">
        <f t="shared" si="318"/>
        <v>16629.407999999999</v>
      </c>
      <c r="BNB52" s="7">
        <f t="shared" si="318"/>
        <v>16629.407999999999</v>
      </c>
      <c r="BNC52" s="7">
        <f t="shared" si="318"/>
        <v>16629.407999999999</v>
      </c>
      <c r="BND52" s="7">
        <f t="shared" si="318"/>
        <v>16629.407999999999</v>
      </c>
      <c r="BNE52" s="7">
        <f t="shared" si="318"/>
        <v>16629.407999999999</v>
      </c>
      <c r="BNF52" s="7">
        <f t="shared" si="318"/>
        <v>16629.407999999999</v>
      </c>
      <c r="BNG52" s="7">
        <f t="shared" si="318"/>
        <v>16629.407999999999</v>
      </c>
      <c r="BNH52" s="7">
        <f t="shared" si="318"/>
        <v>16629.407999999999</v>
      </c>
      <c r="BNI52" s="7">
        <f t="shared" si="318"/>
        <v>16629.407999999999</v>
      </c>
      <c r="BNJ52" s="7">
        <f t="shared" si="318"/>
        <v>16629.407999999999</v>
      </c>
      <c r="BNK52" s="7">
        <f t="shared" si="318"/>
        <v>16629.407999999999</v>
      </c>
      <c r="BNL52" s="7">
        <f t="shared" si="318"/>
        <v>16629.407999999999</v>
      </c>
      <c r="BNM52" s="7">
        <f t="shared" si="318"/>
        <v>16629.407999999999</v>
      </c>
      <c r="BNN52" s="7">
        <f t="shared" si="318"/>
        <v>16629.407999999999</v>
      </c>
      <c r="BNO52" s="7">
        <f t="shared" si="318"/>
        <v>16629.407999999999</v>
      </c>
      <c r="BNP52" s="7">
        <f t="shared" si="318"/>
        <v>16629.407999999999</v>
      </c>
      <c r="BNQ52" s="7">
        <f t="shared" si="318"/>
        <v>16629.407999999999</v>
      </c>
      <c r="BNR52" s="7">
        <f t="shared" si="318"/>
        <v>16629.407999999999</v>
      </c>
      <c r="BNS52" s="7">
        <f t="shared" si="318"/>
        <v>16629.407999999999</v>
      </c>
      <c r="BNT52" s="7">
        <f t="shared" si="318"/>
        <v>16629.407999999999</v>
      </c>
      <c r="BNU52" s="7">
        <f t="shared" si="318"/>
        <v>16629.407999999999</v>
      </c>
      <c r="BNV52" s="7">
        <f t="shared" ref="BNV52:BQG52" si="319">BNV47+BNU52</f>
        <v>16629.407999999999</v>
      </c>
      <c r="BNW52" s="7">
        <f t="shared" si="319"/>
        <v>16629.407999999999</v>
      </c>
      <c r="BNX52" s="7">
        <f t="shared" si="319"/>
        <v>16629.407999999999</v>
      </c>
      <c r="BNY52" s="7">
        <f t="shared" si="319"/>
        <v>16629.407999999999</v>
      </c>
      <c r="BNZ52" s="7">
        <f t="shared" si="319"/>
        <v>16629.407999999999</v>
      </c>
      <c r="BOA52" s="7">
        <f t="shared" si="319"/>
        <v>16629.407999999999</v>
      </c>
      <c r="BOB52" s="7">
        <f t="shared" si="319"/>
        <v>16629.407999999999</v>
      </c>
      <c r="BOC52" s="7">
        <f t="shared" si="319"/>
        <v>16629.407999999999</v>
      </c>
      <c r="BOD52" s="7">
        <f t="shared" si="319"/>
        <v>16629.407999999999</v>
      </c>
      <c r="BOE52" s="7">
        <f t="shared" si="319"/>
        <v>16629.407999999999</v>
      </c>
      <c r="BOF52" s="7">
        <f t="shared" si="319"/>
        <v>16629.407999999999</v>
      </c>
      <c r="BOG52" s="7">
        <f t="shared" si="319"/>
        <v>16629.407999999999</v>
      </c>
      <c r="BOH52" s="7">
        <f t="shared" si="319"/>
        <v>16629.407999999999</v>
      </c>
      <c r="BOI52" s="7">
        <f t="shared" si="319"/>
        <v>16629.407999999999</v>
      </c>
      <c r="BOJ52" s="7">
        <f t="shared" si="319"/>
        <v>16629.407999999999</v>
      </c>
      <c r="BOK52" s="7">
        <f t="shared" si="319"/>
        <v>16629.407999999999</v>
      </c>
      <c r="BOL52" s="7">
        <f t="shared" si="319"/>
        <v>16629.407999999999</v>
      </c>
      <c r="BOM52" s="7">
        <f t="shared" si="319"/>
        <v>16629.407999999999</v>
      </c>
      <c r="BON52" s="7">
        <f t="shared" si="319"/>
        <v>16629.407999999999</v>
      </c>
      <c r="BOO52" s="7">
        <f t="shared" si="319"/>
        <v>16629.407999999999</v>
      </c>
      <c r="BOP52" s="7">
        <f t="shared" si="319"/>
        <v>16629.407999999999</v>
      </c>
      <c r="BOQ52" s="7">
        <f t="shared" si="319"/>
        <v>16629.407999999999</v>
      </c>
      <c r="BOR52" s="7">
        <f t="shared" si="319"/>
        <v>16629.407999999999</v>
      </c>
      <c r="BOS52" s="7">
        <f t="shared" si="319"/>
        <v>16629.407999999999</v>
      </c>
      <c r="BOT52" s="7">
        <f t="shared" si="319"/>
        <v>16629.407999999999</v>
      </c>
      <c r="BOU52" s="7">
        <f t="shared" si="319"/>
        <v>16629.407999999999</v>
      </c>
      <c r="BOV52" s="7">
        <f t="shared" si="319"/>
        <v>16629.407999999999</v>
      </c>
      <c r="BOW52" s="7">
        <f t="shared" si="319"/>
        <v>16629.407999999999</v>
      </c>
      <c r="BOX52" s="7">
        <f t="shared" si="319"/>
        <v>16629.407999999999</v>
      </c>
      <c r="BOY52" s="7">
        <f t="shared" si="319"/>
        <v>16629.407999999999</v>
      </c>
      <c r="BOZ52" s="7">
        <f t="shared" si="319"/>
        <v>16629.407999999999</v>
      </c>
      <c r="BPA52" s="7">
        <f t="shared" si="319"/>
        <v>16629.407999999999</v>
      </c>
      <c r="BPB52" s="7">
        <f t="shared" si="319"/>
        <v>16629.407999999999</v>
      </c>
      <c r="BPC52" s="7">
        <f t="shared" si="319"/>
        <v>16629.407999999999</v>
      </c>
      <c r="BPD52" s="7">
        <f t="shared" si="319"/>
        <v>16629.407999999999</v>
      </c>
      <c r="BPE52" s="7">
        <f t="shared" si="319"/>
        <v>16629.407999999999</v>
      </c>
      <c r="BPF52" s="7">
        <f t="shared" si="319"/>
        <v>16629.407999999999</v>
      </c>
      <c r="BPG52" s="7">
        <f t="shared" si="319"/>
        <v>16629.407999999999</v>
      </c>
      <c r="BPH52" s="7">
        <f t="shared" si="319"/>
        <v>16629.407999999999</v>
      </c>
      <c r="BPI52" s="7">
        <f t="shared" si="319"/>
        <v>16629.407999999999</v>
      </c>
      <c r="BPJ52" s="7">
        <f t="shared" si="319"/>
        <v>16629.407999999999</v>
      </c>
      <c r="BPK52" s="7">
        <f t="shared" si="319"/>
        <v>16629.407999999999</v>
      </c>
      <c r="BPL52" s="7">
        <f t="shared" si="319"/>
        <v>16629.407999999999</v>
      </c>
      <c r="BPM52" s="7">
        <f t="shared" si="319"/>
        <v>16629.407999999999</v>
      </c>
      <c r="BPN52" s="7">
        <f t="shared" si="319"/>
        <v>16629.407999999999</v>
      </c>
      <c r="BPO52" s="7">
        <f t="shared" si="319"/>
        <v>16629.407999999999</v>
      </c>
      <c r="BPP52" s="7">
        <f t="shared" si="319"/>
        <v>16629.407999999999</v>
      </c>
      <c r="BPQ52" s="7">
        <f t="shared" si="319"/>
        <v>16629.407999999999</v>
      </c>
      <c r="BPR52" s="7">
        <f t="shared" si="319"/>
        <v>16629.407999999999</v>
      </c>
      <c r="BPS52" s="7">
        <f t="shared" si="319"/>
        <v>16629.407999999999</v>
      </c>
      <c r="BPT52" s="7">
        <f t="shared" si="319"/>
        <v>16629.407999999999</v>
      </c>
      <c r="BPU52" s="7">
        <f t="shared" si="319"/>
        <v>16629.407999999999</v>
      </c>
      <c r="BPV52" s="7">
        <f t="shared" si="319"/>
        <v>16629.407999999999</v>
      </c>
      <c r="BPW52" s="7">
        <f t="shared" si="319"/>
        <v>16629.407999999999</v>
      </c>
      <c r="BPX52" s="7">
        <f t="shared" si="319"/>
        <v>16629.407999999999</v>
      </c>
      <c r="BPY52" s="7">
        <f t="shared" si="319"/>
        <v>16629.407999999999</v>
      </c>
      <c r="BPZ52" s="7">
        <f t="shared" si="319"/>
        <v>16629.407999999999</v>
      </c>
      <c r="BQA52" s="7">
        <f t="shared" si="319"/>
        <v>16629.407999999999</v>
      </c>
      <c r="BQB52" s="7">
        <f t="shared" si="319"/>
        <v>16629.407999999999</v>
      </c>
      <c r="BQC52" s="7">
        <f t="shared" si="319"/>
        <v>16629.407999999999</v>
      </c>
      <c r="BQD52" s="7">
        <f t="shared" si="319"/>
        <v>16629.407999999999</v>
      </c>
      <c r="BQE52" s="7">
        <f t="shared" si="319"/>
        <v>16629.407999999999</v>
      </c>
      <c r="BQF52" s="7">
        <f t="shared" si="319"/>
        <v>16629.407999999999</v>
      </c>
      <c r="BQG52" s="7">
        <f t="shared" si="319"/>
        <v>16629.407999999999</v>
      </c>
      <c r="BQH52" s="7">
        <f t="shared" ref="BQH52:BSS52" si="320">BQH47+BQG52</f>
        <v>16629.407999999999</v>
      </c>
      <c r="BQI52" s="7">
        <f t="shared" si="320"/>
        <v>16629.407999999999</v>
      </c>
      <c r="BQJ52" s="7">
        <f t="shared" si="320"/>
        <v>16629.407999999999</v>
      </c>
      <c r="BQK52" s="7">
        <f t="shared" si="320"/>
        <v>16629.407999999999</v>
      </c>
      <c r="BQL52" s="7">
        <f t="shared" si="320"/>
        <v>16629.407999999999</v>
      </c>
      <c r="BQM52" s="7">
        <f t="shared" si="320"/>
        <v>16629.407999999999</v>
      </c>
      <c r="BQN52" s="7">
        <f t="shared" si="320"/>
        <v>16629.407999999999</v>
      </c>
      <c r="BQO52" s="7">
        <f t="shared" si="320"/>
        <v>16629.407999999999</v>
      </c>
      <c r="BQP52" s="7">
        <f t="shared" si="320"/>
        <v>16629.407999999999</v>
      </c>
      <c r="BQQ52" s="7">
        <f t="shared" si="320"/>
        <v>16629.407999999999</v>
      </c>
      <c r="BQR52" s="7">
        <f t="shared" si="320"/>
        <v>16629.407999999999</v>
      </c>
      <c r="BQS52" s="7">
        <f t="shared" si="320"/>
        <v>16629.407999999999</v>
      </c>
      <c r="BQT52" s="7">
        <f t="shared" si="320"/>
        <v>16629.407999999999</v>
      </c>
      <c r="BQU52" s="7">
        <f t="shared" si="320"/>
        <v>16629.407999999999</v>
      </c>
      <c r="BQV52" s="7">
        <f t="shared" si="320"/>
        <v>16629.407999999999</v>
      </c>
      <c r="BQW52" s="7">
        <f t="shared" si="320"/>
        <v>16629.407999999999</v>
      </c>
      <c r="BQX52" s="7">
        <f t="shared" si="320"/>
        <v>16629.407999999999</v>
      </c>
      <c r="BQY52" s="7">
        <f t="shared" si="320"/>
        <v>16629.407999999999</v>
      </c>
      <c r="BQZ52" s="7">
        <f t="shared" si="320"/>
        <v>16629.407999999999</v>
      </c>
      <c r="BRA52" s="7">
        <f t="shared" si="320"/>
        <v>16629.407999999999</v>
      </c>
      <c r="BRB52" s="7">
        <f t="shared" si="320"/>
        <v>16629.407999999999</v>
      </c>
      <c r="BRC52" s="7">
        <f t="shared" si="320"/>
        <v>16629.407999999999</v>
      </c>
      <c r="BRD52" s="7">
        <f t="shared" si="320"/>
        <v>16629.407999999999</v>
      </c>
      <c r="BRE52" s="7">
        <f t="shared" si="320"/>
        <v>16629.407999999999</v>
      </c>
      <c r="BRF52" s="7">
        <f t="shared" si="320"/>
        <v>16629.407999999999</v>
      </c>
      <c r="BRG52" s="7">
        <f t="shared" si="320"/>
        <v>16629.407999999999</v>
      </c>
      <c r="BRH52" s="7">
        <f t="shared" si="320"/>
        <v>16629.407999999999</v>
      </c>
      <c r="BRI52" s="7">
        <f t="shared" si="320"/>
        <v>16629.407999999999</v>
      </c>
      <c r="BRJ52" s="7">
        <f t="shared" si="320"/>
        <v>16629.407999999999</v>
      </c>
      <c r="BRK52" s="7">
        <f t="shared" si="320"/>
        <v>16629.407999999999</v>
      </c>
      <c r="BRL52" s="7">
        <f t="shared" si="320"/>
        <v>16629.407999999999</v>
      </c>
      <c r="BRM52" s="7">
        <f t="shared" si="320"/>
        <v>16629.407999999999</v>
      </c>
      <c r="BRN52" s="7">
        <f t="shared" si="320"/>
        <v>16629.407999999999</v>
      </c>
      <c r="BRO52" s="7">
        <f t="shared" si="320"/>
        <v>16629.407999999999</v>
      </c>
      <c r="BRP52" s="7">
        <f t="shared" si="320"/>
        <v>16629.407999999999</v>
      </c>
      <c r="BRQ52" s="7">
        <f t="shared" si="320"/>
        <v>16629.407999999999</v>
      </c>
      <c r="BRR52" s="7">
        <f t="shared" si="320"/>
        <v>16629.407999999999</v>
      </c>
      <c r="BRS52" s="7">
        <f t="shared" si="320"/>
        <v>16629.407999999999</v>
      </c>
      <c r="BRT52" s="7">
        <f t="shared" si="320"/>
        <v>16629.407999999999</v>
      </c>
      <c r="BRU52" s="7">
        <f t="shared" si="320"/>
        <v>16629.407999999999</v>
      </c>
      <c r="BRV52" s="7">
        <f t="shared" si="320"/>
        <v>16629.407999999999</v>
      </c>
      <c r="BRW52" s="7">
        <f t="shared" si="320"/>
        <v>16629.407999999999</v>
      </c>
      <c r="BRX52" s="7">
        <f t="shared" si="320"/>
        <v>16629.407999999999</v>
      </c>
      <c r="BRY52" s="7">
        <f t="shared" si="320"/>
        <v>16629.407999999999</v>
      </c>
      <c r="BRZ52" s="7">
        <f t="shared" si="320"/>
        <v>16629.407999999999</v>
      </c>
      <c r="BSA52" s="7">
        <f t="shared" si="320"/>
        <v>16629.407999999999</v>
      </c>
      <c r="BSB52" s="7">
        <f t="shared" si="320"/>
        <v>16629.407999999999</v>
      </c>
      <c r="BSC52" s="7">
        <f t="shared" si="320"/>
        <v>16629.407999999999</v>
      </c>
      <c r="BSD52" s="7">
        <f t="shared" si="320"/>
        <v>16629.407999999999</v>
      </c>
      <c r="BSE52" s="7">
        <f t="shared" si="320"/>
        <v>16629.407999999999</v>
      </c>
      <c r="BSF52" s="7">
        <f t="shared" si="320"/>
        <v>16629.407999999999</v>
      </c>
      <c r="BSG52" s="7">
        <f t="shared" si="320"/>
        <v>16629.407999999999</v>
      </c>
      <c r="BSH52" s="7">
        <f t="shared" si="320"/>
        <v>16629.407999999999</v>
      </c>
      <c r="BSI52" s="7">
        <f t="shared" si="320"/>
        <v>16629.407999999999</v>
      </c>
      <c r="BSJ52" s="7">
        <f t="shared" si="320"/>
        <v>16629.407999999999</v>
      </c>
      <c r="BSK52" s="7">
        <f t="shared" si="320"/>
        <v>16629.407999999999</v>
      </c>
      <c r="BSL52" s="7">
        <f t="shared" si="320"/>
        <v>16629.407999999999</v>
      </c>
      <c r="BSM52" s="7">
        <f t="shared" si="320"/>
        <v>16629.407999999999</v>
      </c>
      <c r="BSN52" s="7">
        <f t="shared" si="320"/>
        <v>16629.407999999999</v>
      </c>
      <c r="BSO52" s="7">
        <f t="shared" si="320"/>
        <v>16629.407999999999</v>
      </c>
      <c r="BSP52" s="7">
        <f t="shared" si="320"/>
        <v>16629.407999999999</v>
      </c>
      <c r="BSQ52" s="7">
        <f t="shared" si="320"/>
        <v>16629.407999999999</v>
      </c>
      <c r="BSR52" s="7">
        <f t="shared" si="320"/>
        <v>16629.407999999999</v>
      </c>
      <c r="BSS52" s="7">
        <f t="shared" si="320"/>
        <v>16629.407999999999</v>
      </c>
      <c r="BST52" s="7">
        <f t="shared" ref="BST52:BVE52" si="321">BST47+BSS52</f>
        <v>16629.407999999999</v>
      </c>
      <c r="BSU52" s="7">
        <f t="shared" si="321"/>
        <v>16629.407999999999</v>
      </c>
      <c r="BSV52" s="7">
        <f t="shared" si="321"/>
        <v>16629.407999999999</v>
      </c>
      <c r="BSW52" s="7">
        <f t="shared" si="321"/>
        <v>16629.407999999999</v>
      </c>
      <c r="BSX52" s="7">
        <f t="shared" si="321"/>
        <v>16629.407999999999</v>
      </c>
      <c r="BSY52" s="7">
        <f t="shared" si="321"/>
        <v>16629.407999999999</v>
      </c>
      <c r="BSZ52" s="7">
        <f t="shared" si="321"/>
        <v>16629.407999999999</v>
      </c>
      <c r="BTA52" s="7">
        <f t="shared" si="321"/>
        <v>16629.407999999999</v>
      </c>
      <c r="BTB52" s="7">
        <f t="shared" si="321"/>
        <v>16629.407999999999</v>
      </c>
      <c r="BTC52" s="7">
        <f t="shared" si="321"/>
        <v>16629.407999999999</v>
      </c>
      <c r="BTD52" s="7">
        <f t="shared" si="321"/>
        <v>16629.407999999999</v>
      </c>
      <c r="BTE52" s="7">
        <f t="shared" si="321"/>
        <v>16629.407999999999</v>
      </c>
      <c r="BTF52" s="7">
        <f t="shared" si="321"/>
        <v>16629.407999999999</v>
      </c>
      <c r="BTG52" s="7">
        <f t="shared" si="321"/>
        <v>16629.407999999999</v>
      </c>
      <c r="BTH52" s="7">
        <f t="shared" si="321"/>
        <v>16629.407999999999</v>
      </c>
      <c r="BTI52" s="7">
        <f t="shared" si="321"/>
        <v>16629.407999999999</v>
      </c>
      <c r="BTJ52" s="7">
        <f t="shared" si="321"/>
        <v>16629.407999999999</v>
      </c>
      <c r="BTK52" s="7">
        <f t="shared" si="321"/>
        <v>16629.407999999999</v>
      </c>
      <c r="BTL52" s="7">
        <f t="shared" si="321"/>
        <v>16629.407999999999</v>
      </c>
      <c r="BTM52" s="7">
        <f t="shared" si="321"/>
        <v>16629.407999999999</v>
      </c>
      <c r="BTN52" s="7">
        <f t="shared" si="321"/>
        <v>16629.407999999999</v>
      </c>
      <c r="BTO52" s="7">
        <f t="shared" si="321"/>
        <v>16629.407999999999</v>
      </c>
      <c r="BTP52" s="7">
        <f t="shared" si="321"/>
        <v>16629.407999999999</v>
      </c>
      <c r="BTQ52" s="7">
        <f t="shared" si="321"/>
        <v>16629.407999999999</v>
      </c>
      <c r="BTR52" s="7">
        <f t="shared" si="321"/>
        <v>16629.407999999999</v>
      </c>
      <c r="BTS52" s="7">
        <f t="shared" si="321"/>
        <v>16629.407999999999</v>
      </c>
      <c r="BTT52" s="7">
        <f t="shared" si="321"/>
        <v>16629.407999999999</v>
      </c>
      <c r="BTU52" s="7">
        <f t="shared" si="321"/>
        <v>16629.407999999999</v>
      </c>
      <c r="BTV52" s="7">
        <f t="shared" si="321"/>
        <v>16629.407999999999</v>
      </c>
      <c r="BTW52" s="7">
        <f t="shared" si="321"/>
        <v>16629.407999999999</v>
      </c>
      <c r="BTX52" s="7">
        <f t="shared" si="321"/>
        <v>16629.407999999999</v>
      </c>
      <c r="BTY52" s="7">
        <f t="shared" si="321"/>
        <v>16629.407999999999</v>
      </c>
      <c r="BTZ52" s="7">
        <f t="shared" si="321"/>
        <v>16629.407999999999</v>
      </c>
      <c r="BUA52" s="7">
        <f t="shared" si="321"/>
        <v>16629.407999999999</v>
      </c>
      <c r="BUB52" s="7">
        <f t="shared" si="321"/>
        <v>16629.407999999999</v>
      </c>
      <c r="BUC52" s="7">
        <f t="shared" si="321"/>
        <v>16629.407999999999</v>
      </c>
      <c r="BUD52" s="7">
        <f t="shared" si="321"/>
        <v>16629.407999999999</v>
      </c>
      <c r="BUE52" s="7">
        <f t="shared" si="321"/>
        <v>16629.407999999999</v>
      </c>
      <c r="BUF52" s="7">
        <f t="shared" si="321"/>
        <v>16629.407999999999</v>
      </c>
      <c r="BUG52" s="7">
        <f t="shared" si="321"/>
        <v>16629.407999999999</v>
      </c>
      <c r="BUH52" s="7">
        <f t="shared" si="321"/>
        <v>16629.407999999999</v>
      </c>
      <c r="BUI52" s="7">
        <f t="shared" si="321"/>
        <v>16629.407999999999</v>
      </c>
      <c r="BUJ52" s="7">
        <f t="shared" si="321"/>
        <v>16629.407999999999</v>
      </c>
      <c r="BUK52" s="7">
        <f t="shared" si="321"/>
        <v>16629.407999999999</v>
      </c>
      <c r="BUL52" s="7">
        <f t="shared" si="321"/>
        <v>16629.407999999999</v>
      </c>
      <c r="BUM52" s="7">
        <f t="shared" si="321"/>
        <v>16629.407999999999</v>
      </c>
      <c r="BUN52" s="7">
        <f t="shared" si="321"/>
        <v>16629.407999999999</v>
      </c>
      <c r="BUO52" s="7">
        <f t="shared" si="321"/>
        <v>16629.407999999999</v>
      </c>
      <c r="BUP52" s="7">
        <f t="shared" si="321"/>
        <v>16629.407999999999</v>
      </c>
      <c r="BUQ52" s="7">
        <f t="shared" si="321"/>
        <v>16629.407999999999</v>
      </c>
      <c r="BUR52" s="7">
        <f t="shared" si="321"/>
        <v>16629.407999999999</v>
      </c>
      <c r="BUS52" s="7">
        <f t="shared" si="321"/>
        <v>16629.407999999999</v>
      </c>
      <c r="BUT52" s="7">
        <f t="shared" si="321"/>
        <v>16629.407999999999</v>
      </c>
      <c r="BUU52" s="7">
        <f t="shared" si="321"/>
        <v>16629.407999999999</v>
      </c>
      <c r="BUV52" s="7">
        <f t="shared" si="321"/>
        <v>16629.407999999999</v>
      </c>
      <c r="BUW52" s="7">
        <f t="shared" si="321"/>
        <v>16629.407999999999</v>
      </c>
      <c r="BUX52" s="7">
        <f t="shared" si="321"/>
        <v>16629.407999999999</v>
      </c>
      <c r="BUY52" s="7">
        <f t="shared" si="321"/>
        <v>16629.407999999999</v>
      </c>
      <c r="BUZ52" s="7">
        <f t="shared" si="321"/>
        <v>16629.407999999999</v>
      </c>
      <c r="BVA52" s="7">
        <f t="shared" si="321"/>
        <v>16629.407999999999</v>
      </c>
      <c r="BVB52" s="7">
        <f t="shared" si="321"/>
        <v>16629.407999999999</v>
      </c>
      <c r="BVC52" s="7">
        <f t="shared" si="321"/>
        <v>16629.407999999999</v>
      </c>
      <c r="BVD52" s="7">
        <f t="shared" si="321"/>
        <v>16629.407999999999</v>
      </c>
      <c r="BVE52" s="7">
        <f t="shared" si="321"/>
        <v>16629.407999999999</v>
      </c>
      <c r="BVF52" s="7">
        <f t="shared" ref="BVF52:BXQ52" si="322">BVF47+BVE52</f>
        <v>16629.407999999999</v>
      </c>
      <c r="BVG52" s="7">
        <f t="shared" si="322"/>
        <v>16629.407999999999</v>
      </c>
      <c r="BVH52" s="7">
        <f t="shared" si="322"/>
        <v>16629.407999999999</v>
      </c>
      <c r="BVI52" s="7">
        <f t="shared" si="322"/>
        <v>16629.407999999999</v>
      </c>
      <c r="BVJ52" s="7">
        <f t="shared" si="322"/>
        <v>16629.407999999999</v>
      </c>
      <c r="BVK52" s="7">
        <f t="shared" si="322"/>
        <v>16629.407999999999</v>
      </c>
      <c r="BVL52" s="7">
        <f t="shared" si="322"/>
        <v>16629.407999999999</v>
      </c>
      <c r="BVM52" s="7">
        <f t="shared" si="322"/>
        <v>16629.407999999999</v>
      </c>
      <c r="BVN52" s="7">
        <f t="shared" si="322"/>
        <v>16629.407999999999</v>
      </c>
      <c r="BVO52" s="7">
        <f t="shared" si="322"/>
        <v>16629.407999999999</v>
      </c>
      <c r="BVP52" s="7">
        <f t="shared" si="322"/>
        <v>16629.407999999999</v>
      </c>
      <c r="BVQ52" s="7">
        <f t="shared" si="322"/>
        <v>16629.407999999999</v>
      </c>
      <c r="BVR52" s="7">
        <f t="shared" si="322"/>
        <v>16629.407999999999</v>
      </c>
      <c r="BVS52" s="7">
        <f t="shared" si="322"/>
        <v>16629.407999999999</v>
      </c>
      <c r="BVT52" s="7">
        <f t="shared" si="322"/>
        <v>16629.407999999999</v>
      </c>
      <c r="BVU52" s="7">
        <f t="shared" si="322"/>
        <v>16629.407999999999</v>
      </c>
      <c r="BVV52" s="7">
        <f t="shared" si="322"/>
        <v>16629.407999999999</v>
      </c>
      <c r="BVW52" s="7">
        <f t="shared" si="322"/>
        <v>16629.407999999999</v>
      </c>
      <c r="BVX52" s="7">
        <f t="shared" si="322"/>
        <v>16629.407999999999</v>
      </c>
      <c r="BVY52" s="7">
        <f t="shared" si="322"/>
        <v>16629.407999999999</v>
      </c>
      <c r="BVZ52" s="7">
        <f t="shared" si="322"/>
        <v>16629.407999999999</v>
      </c>
      <c r="BWA52" s="7">
        <f t="shared" si="322"/>
        <v>16629.407999999999</v>
      </c>
      <c r="BWB52" s="7">
        <f t="shared" si="322"/>
        <v>16629.407999999999</v>
      </c>
      <c r="BWC52" s="7">
        <f t="shared" si="322"/>
        <v>16629.407999999999</v>
      </c>
      <c r="BWD52" s="7">
        <f t="shared" si="322"/>
        <v>16629.407999999999</v>
      </c>
      <c r="BWE52" s="7">
        <f t="shared" si="322"/>
        <v>16629.407999999999</v>
      </c>
      <c r="BWF52" s="7">
        <f t="shared" si="322"/>
        <v>16629.407999999999</v>
      </c>
      <c r="BWG52" s="7">
        <f t="shared" si="322"/>
        <v>16629.407999999999</v>
      </c>
      <c r="BWH52" s="7">
        <f t="shared" si="322"/>
        <v>16629.407999999999</v>
      </c>
      <c r="BWI52" s="7">
        <f t="shared" si="322"/>
        <v>16629.407999999999</v>
      </c>
      <c r="BWJ52" s="7">
        <f t="shared" si="322"/>
        <v>16629.407999999999</v>
      </c>
      <c r="BWK52" s="7">
        <f t="shared" si="322"/>
        <v>16629.407999999999</v>
      </c>
      <c r="BWL52" s="7">
        <f t="shared" si="322"/>
        <v>16629.407999999999</v>
      </c>
      <c r="BWM52" s="7">
        <f t="shared" si="322"/>
        <v>16629.407999999999</v>
      </c>
      <c r="BWN52" s="7">
        <f t="shared" si="322"/>
        <v>16629.407999999999</v>
      </c>
      <c r="BWO52" s="7">
        <f t="shared" si="322"/>
        <v>16629.407999999999</v>
      </c>
      <c r="BWP52" s="7">
        <f t="shared" si="322"/>
        <v>16629.407999999999</v>
      </c>
      <c r="BWQ52" s="7">
        <f t="shared" si="322"/>
        <v>16629.407999999999</v>
      </c>
      <c r="BWR52" s="7">
        <f t="shared" si="322"/>
        <v>16629.407999999999</v>
      </c>
      <c r="BWS52" s="7">
        <f t="shared" si="322"/>
        <v>16629.407999999999</v>
      </c>
      <c r="BWT52" s="7">
        <f t="shared" si="322"/>
        <v>16629.407999999999</v>
      </c>
      <c r="BWU52" s="7">
        <f t="shared" si="322"/>
        <v>16629.407999999999</v>
      </c>
      <c r="BWV52" s="7">
        <f t="shared" si="322"/>
        <v>16629.407999999999</v>
      </c>
      <c r="BWW52" s="7">
        <f t="shared" si="322"/>
        <v>16629.407999999999</v>
      </c>
      <c r="BWX52" s="7">
        <f t="shared" si="322"/>
        <v>16629.407999999999</v>
      </c>
      <c r="BWY52" s="7">
        <f t="shared" si="322"/>
        <v>16629.407999999999</v>
      </c>
      <c r="BWZ52" s="7">
        <f t="shared" si="322"/>
        <v>16629.407999999999</v>
      </c>
      <c r="BXA52" s="7">
        <f t="shared" si="322"/>
        <v>16629.407999999999</v>
      </c>
      <c r="BXB52" s="7">
        <f t="shared" si="322"/>
        <v>16629.407999999999</v>
      </c>
      <c r="BXC52" s="7">
        <f t="shared" si="322"/>
        <v>16629.407999999999</v>
      </c>
      <c r="BXD52" s="7">
        <f t="shared" si="322"/>
        <v>16629.407999999999</v>
      </c>
      <c r="BXE52" s="7">
        <f t="shared" si="322"/>
        <v>16629.407999999999</v>
      </c>
      <c r="BXF52" s="7">
        <f t="shared" si="322"/>
        <v>16629.407999999999</v>
      </c>
      <c r="BXG52" s="7">
        <f t="shared" si="322"/>
        <v>16629.407999999999</v>
      </c>
      <c r="BXH52" s="7">
        <f t="shared" si="322"/>
        <v>16629.407999999999</v>
      </c>
      <c r="BXI52" s="7">
        <f t="shared" si="322"/>
        <v>16629.407999999999</v>
      </c>
      <c r="BXJ52" s="7">
        <f t="shared" si="322"/>
        <v>16629.407999999999</v>
      </c>
      <c r="BXK52" s="7">
        <f t="shared" si="322"/>
        <v>16629.407999999999</v>
      </c>
      <c r="BXL52" s="7">
        <f t="shared" si="322"/>
        <v>16629.407999999999</v>
      </c>
      <c r="BXM52" s="7">
        <f t="shared" si="322"/>
        <v>16629.407999999999</v>
      </c>
      <c r="BXN52" s="7">
        <f t="shared" si="322"/>
        <v>16629.407999999999</v>
      </c>
      <c r="BXO52" s="7">
        <f t="shared" si="322"/>
        <v>16629.407999999999</v>
      </c>
      <c r="BXP52" s="7">
        <f t="shared" si="322"/>
        <v>16629.407999999999</v>
      </c>
      <c r="BXQ52" s="7">
        <f t="shared" si="322"/>
        <v>16629.407999999999</v>
      </c>
      <c r="BXR52" s="7">
        <f t="shared" ref="BXR52:CAC52" si="323">BXR47+BXQ52</f>
        <v>16629.407999999999</v>
      </c>
      <c r="BXS52" s="7">
        <f t="shared" si="323"/>
        <v>16629.407999999999</v>
      </c>
      <c r="BXT52" s="7">
        <f t="shared" si="323"/>
        <v>16629.407999999999</v>
      </c>
      <c r="BXU52" s="7">
        <f t="shared" si="323"/>
        <v>16629.407999999999</v>
      </c>
      <c r="BXV52" s="7">
        <f t="shared" si="323"/>
        <v>16629.407999999999</v>
      </c>
      <c r="BXW52" s="7">
        <f t="shared" si="323"/>
        <v>16629.407999999999</v>
      </c>
      <c r="BXX52" s="7">
        <f t="shared" si="323"/>
        <v>16629.407999999999</v>
      </c>
      <c r="BXY52" s="7">
        <f t="shared" si="323"/>
        <v>16629.407999999999</v>
      </c>
      <c r="BXZ52" s="7">
        <f t="shared" si="323"/>
        <v>16629.407999999999</v>
      </c>
      <c r="BYA52" s="7">
        <f t="shared" si="323"/>
        <v>16629.407999999999</v>
      </c>
      <c r="BYB52" s="7">
        <f t="shared" si="323"/>
        <v>16629.407999999999</v>
      </c>
      <c r="BYC52" s="7">
        <f t="shared" si="323"/>
        <v>16629.407999999999</v>
      </c>
      <c r="BYD52" s="7">
        <f t="shared" si="323"/>
        <v>16629.407999999999</v>
      </c>
      <c r="BYE52" s="7">
        <f t="shared" si="323"/>
        <v>16629.407999999999</v>
      </c>
      <c r="BYF52" s="7">
        <f t="shared" si="323"/>
        <v>16629.407999999999</v>
      </c>
      <c r="BYG52" s="7">
        <f t="shared" si="323"/>
        <v>16629.407999999999</v>
      </c>
      <c r="BYH52" s="7">
        <f t="shared" si="323"/>
        <v>16629.407999999999</v>
      </c>
      <c r="BYI52" s="7">
        <f t="shared" si="323"/>
        <v>16629.407999999999</v>
      </c>
      <c r="BYJ52" s="7">
        <f t="shared" si="323"/>
        <v>16629.407999999999</v>
      </c>
      <c r="BYK52" s="7">
        <f t="shared" si="323"/>
        <v>16629.407999999999</v>
      </c>
      <c r="BYL52" s="7">
        <f t="shared" si="323"/>
        <v>16629.407999999999</v>
      </c>
      <c r="BYM52" s="7">
        <f t="shared" si="323"/>
        <v>16629.407999999999</v>
      </c>
      <c r="BYN52" s="7">
        <f t="shared" si="323"/>
        <v>16629.407999999999</v>
      </c>
      <c r="BYO52" s="7">
        <f t="shared" si="323"/>
        <v>16629.407999999999</v>
      </c>
      <c r="BYP52" s="7">
        <f t="shared" si="323"/>
        <v>16629.407999999999</v>
      </c>
      <c r="BYQ52" s="7">
        <f t="shared" si="323"/>
        <v>16629.407999999999</v>
      </c>
      <c r="BYR52" s="7">
        <f t="shared" si="323"/>
        <v>16629.407999999999</v>
      </c>
      <c r="BYS52" s="7">
        <f t="shared" si="323"/>
        <v>16629.407999999999</v>
      </c>
      <c r="BYT52" s="7">
        <f t="shared" si="323"/>
        <v>16629.407999999999</v>
      </c>
      <c r="BYU52" s="7">
        <f t="shared" si="323"/>
        <v>16629.407999999999</v>
      </c>
      <c r="BYV52" s="7">
        <f t="shared" si="323"/>
        <v>16629.407999999999</v>
      </c>
      <c r="BYW52" s="7">
        <f t="shared" si="323"/>
        <v>16629.407999999999</v>
      </c>
      <c r="BYX52" s="7">
        <f t="shared" si="323"/>
        <v>16629.407999999999</v>
      </c>
      <c r="BYY52" s="7">
        <f t="shared" si="323"/>
        <v>16629.407999999999</v>
      </c>
      <c r="BYZ52" s="7">
        <f t="shared" si="323"/>
        <v>16629.407999999999</v>
      </c>
      <c r="BZA52" s="7">
        <f t="shared" si="323"/>
        <v>16629.407999999999</v>
      </c>
      <c r="BZB52" s="7">
        <f t="shared" si="323"/>
        <v>16629.407999999999</v>
      </c>
      <c r="BZC52" s="7">
        <f t="shared" si="323"/>
        <v>16629.407999999999</v>
      </c>
      <c r="BZD52" s="7">
        <f t="shared" si="323"/>
        <v>16629.407999999999</v>
      </c>
      <c r="BZE52" s="7">
        <f t="shared" si="323"/>
        <v>16629.407999999999</v>
      </c>
      <c r="BZF52" s="7">
        <f t="shared" si="323"/>
        <v>16629.407999999999</v>
      </c>
      <c r="BZG52" s="7">
        <f t="shared" si="323"/>
        <v>16629.407999999999</v>
      </c>
      <c r="BZH52" s="7">
        <f t="shared" si="323"/>
        <v>16629.407999999999</v>
      </c>
      <c r="BZI52" s="7">
        <f t="shared" si="323"/>
        <v>16629.407999999999</v>
      </c>
      <c r="BZJ52" s="7">
        <f t="shared" si="323"/>
        <v>16629.407999999999</v>
      </c>
      <c r="BZK52" s="7">
        <f t="shared" si="323"/>
        <v>16629.407999999999</v>
      </c>
      <c r="BZL52" s="7">
        <f t="shared" si="323"/>
        <v>16629.407999999999</v>
      </c>
      <c r="BZM52" s="7">
        <f t="shared" si="323"/>
        <v>16629.407999999999</v>
      </c>
      <c r="BZN52" s="7">
        <f t="shared" si="323"/>
        <v>16629.407999999999</v>
      </c>
      <c r="BZO52" s="7">
        <f t="shared" si="323"/>
        <v>16629.407999999999</v>
      </c>
      <c r="BZP52" s="7">
        <f t="shared" si="323"/>
        <v>16629.407999999999</v>
      </c>
      <c r="BZQ52" s="7">
        <f t="shared" si="323"/>
        <v>16629.407999999999</v>
      </c>
      <c r="BZR52" s="7">
        <f t="shared" si="323"/>
        <v>16629.407999999999</v>
      </c>
      <c r="BZS52" s="7">
        <f t="shared" si="323"/>
        <v>16629.407999999999</v>
      </c>
      <c r="BZT52" s="7">
        <f t="shared" si="323"/>
        <v>16629.407999999999</v>
      </c>
      <c r="BZU52" s="7">
        <f t="shared" si="323"/>
        <v>16629.407999999999</v>
      </c>
      <c r="BZV52" s="7">
        <f t="shared" si="323"/>
        <v>16629.407999999999</v>
      </c>
      <c r="BZW52" s="7">
        <f t="shared" si="323"/>
        <v>16629.407999999999</v>
      </c>
      <c r="BZX52" s="7">
        <f t="shared" si="323"/>
        <v>16629.407999999999</v>
      </c>
      <c r="BZY52" s="7">
        <f t="shared" si="323"/>
        <v>16629.407999999999</v>
      </c>
      <c r="BZZ52" s="7">
        <f t="shared" si="323"/>
        <v>16629.407999999999</v>
      </c>
      <c r="CAA52" s="7">
        <f t="shared" si="323"/>
        <v>16629.407999999999</v>
      </c>
      <c r="CAB52" s="7">
        <f t="shared" si="323"/>
        <v>16629.407999999999</v>
      </c>
      <c r="CAC52" s="7">
        <f t="shared" si="323"/>
        <v>16629.407999999999</v>
      </c>
      <c r="CAD52" s="7">
        <f t="shared" ref="CAD52:CCO52" si="324">CAD47+CAC52</f>
        <v>16629.407999999999</v>
      </c>
      <c r="CAE52" s="7">
        <f t="shared" si="324"/>
        <v>16629.407999999999</v>
      </c>
      <c r="CAF52" s="7">
        <f t="shared" si="324"/>
        <v>16629.407999999999</v>
      </c>
      <c r="CAG52" s="7">
        <f t="shared" si="324"/>
        <v>16629.407999999999</v>
      </c>
      <c r="CAH52" s="7">
        <f t="shared" si="324"/>
        <v>16629.407999999999</v>
      </c>
      <c r="CAI52" s="7">
        <f t="shared" si="324"/>
        <v>16629.407999999999</v>
      </c>
      <c r="CAJ52" s="7">
        <f t="shared" si="324"/>
        <v>16629.407999999999</v>
      </c>
      <c r="CAK52" s="7">
        <f t="shared" si="324"/>
        <v>16629.407999999999</v>
      </c>
      <c r="CAL52" s="7">
        <f t="shared" si="324"/>
        <v>16629.407999999999</v>
      </c>
      <c r="CAM52" s="7">
        <f t="shared" si="324"/>
        <v>16629.407999999999</v>
      </c>
      <c r="CAN52" s="7">
        <f t="shared" si="324"/>
        <v>16629.407999999999</v>
      </c>
      <c r="CAO52" s="7">
        <f t="shared" si="324"/>
        <v>16629.407999999999</v>
      </c>
      <c r="CAP52" s="7">
        <f t="shared" si="324"/>
        <v>16629.407999999999</v>
      </c>
      <c r="CAQ52" s="7">
        <f t="shared" si="324"/>
        <v>16629.407999999999</v>
      </c>
      <c r="CAR52" s="7">
        <f t="shared" si="324"/>
        <v>16629.407999999999</v>
      </c>
      <c r="CAS52" s="7">
        <f t="shared" si="324"/>
        <v>16629.407999999999</v>
      </c>
      <c r="CAT52" s="7">
        <f t="shared" si="324"/>
        <v>16629.407999999999</v>
      </c>
      <c r="CAU52" s="7">
        <f t="shared" si="324"/>
        <v>16629.407999999999</v>
      </c>
      <c r="CAV52" s="7">
        <f t="shared" si="324"/>
        <v>16629.407999999999</v>
      </c>
      <c r="CAW52" s="7">
        <f t="shared" si="324"/>
        <v>16629.407999999999</v>
      </c>
      <c r="CAX52" s="7">
        <f t="shared" si="324"/>
        <v>16629.407999999999</v>
      </c>
      <c r="CAY52" s="7">
        <f t="shared" si="324"/>
        <v>16629.407999999999</v>
      </c>
      <c r="CAZ52" s="7">
        <f t="shared" si="324"/>
        <v>16629.407999999999</v>
      </c>
      <c r="CBA52" s="7">
        <f t="shared" si="324"/>
        <v>16629.407999999999</v>
      </c>
      <c r="CBB52" s="7">
        <f t="shared" si="324"/>
        <v>16629.407999999999</v>
      </c>
      <c r="CBC52" s="7">
        <f t="shared" si="324"/>
        <v>16629.407999999999</v>
      </c>
      <c r="CBD52" s="7">
        <f t="shared" si="324"/>
        <v>16629.407999999999</v>
      </c>
      <c r="CBE52" s="7">
        <f t="shared" si="324"/>
        <v>16629.407999999999</v>
      </c>
      <c r="CBF52" s="7">
        <f t="shared" si="324"/>
        <v>16629.407999999999</v>
      </c>
      <c r="CBG52" s="7">
        <f t="shared" si="324"/>
        <v>16629.407999999999</v>
      </c>
      <c r="CBH52" s="7">
        <f t="shared" si="324"/>
        <v>16629.407999999999</v>
      </c>
      <c r="CBI52" s="7">
        <f t="shared" si="324"/>
        <v>16629.407999999999</v>
      </c>
      <c r="CBJ52" s="7">
        <f t="shared" si="324"/>
        <v>16629.407999999999</v>
      </c>
      <c r="CBK52" s="7">
        <f t="shared" si="324"/>
        <v>16629.407999999999</v>
      </c>
      <c r="CBL52" s="7">
        <f t="shared" si="324"/>
        <v>16629.407999999999</v>
      </c>
      <c r="CBM52" s="7">
        <f t="shared" si="324"/>
        <v>16629.407999999999</v>
      </c>
      <c r="CBN52" s="7">
        <f t="shared" si="324"/>
        <v>16629.407999999999</v>
      </c>
      <c r="CBO52" s="7">
        <f t="shared" si="324"/>
        <v>16629.407999999999</v>
      </c>
      <c r="CBP52" s="7">
        <f t="shared" si="324"/>
        <v>16629.407999999999</v>
      </c>
      <c r="CBQ52" s="7">
        <f t="shared" si="324"/>
        <v>16629.407999999999</v>
      </c>
      <c r="CBR52" s="7">
        <f t="shared" si="324"/>
        <v>16629.407999999999</v>
      </c>
      <c r="CBS52" s="7">
        <f t="shared" si="324"/>
        <v>16629.407999999999</v>
      </c>
      <c r="CBT52" s="7">
        <f t="shared" si="324"/>
        <v>16629.407999999999</v>
      </c>
      <c r="CBU52" s="7">
        <f t="shared" si="324"/>
        <v>16629.407999999999</v>
      </c>
      <c r="CBV52" s="7">
        <f t="shared" si="324"/>
        <v>16629.407999999999</v>
      </c>
      <c r="CBW52" s="7">
        <f t="shared" si="324"/>
        <v>16629.407999999999</v>
      </c>
      <c r="CBX52" s="7">
        <f t="shared" si="324"/>
        <v>16629.407999999999</v>
      </c>
      <c r="CBY52" s="7">
        <f t="shared" si="324"/>
        <v>16629.407999999999</v>
      </c>
      <c r="CBZ52" s="7">
        <f t="shared" si="324"/>
        <v>16629.407999999999</v>
      </c>
      <c r="CCA52" s="7">
        <f t="shared" si="324"/>
        <v>16629.407999999999</v>
      </c>
      <c r="CCB52" s="7">
        <f t="shared" si="324"/>
        <v>16629.407999999999</v>
      </c>
      <c r="CCC52" s="7">
        <f t="shared" si="324"/>
        <v>16629.407999999999</v>
      </c>
      <c r="CCD52" s="7">
        <f t="shared" si="324"/>
        <v>16629.407999999999</v>
      </c>
      <c r="CCE52" s="7">
        <f t="shared" si="324"/>
        <v>16629.407999999999</v>
      </c>
      <c r="CCF52" s="7">
        <f t="shared" si="324"/>
        <v>16629.407999999999</v>
      </c>
      <c r="CCG52" s="7">
        <f t="shared" si="324"/>
        <v>16629.407999999999</v>
      </c>
      <c r="CCH52" s="7">
        <f t="shared" si="324"/>
        <v>16629.407999999999</v>
      </c>
      <c r="CCI52" s="7">
        <f t="shared" si="324"/>
        <v>16629.407999999999</v>
      </c>
      <c r="CCJ52" s="7">
        <f t="shared" si="324"/>
        <v>16629.407999999999</v>
      </c>
      <c r="CCK52" s="7">
        <f t="shared" si="324"/>
        <v>16629.407999999999</v>
      </c>
      <c r="CCL52" s="7">
        <f t="shared" si="324"/>
        <v>16629.407999999999</v>
      </c>
      <c r="CCM52" s="7">
        <f t="shared" si="324"/>
        <v>16629.407999999999</v>
      </c>
      <c r="CCN52" s="7">
        <f t="shared" si="324"/>
        <v>16629.407999999999</v>
      </c>
      <c r="CCO52" s="7">
        <f t="shared" si="324"/>
        <v>16629.407999999999</v>
      </c>
      <c r="CCP52" s="7">
        <f t="shared" ref="CCP52:CFA52" si="325">CCP47+CCO52</f>
        <v>16629.407999999999</v>
      </c>
      <c r="CCQ52" s="7">
        <f t="shared" si="325"/>
        <v>16629.407999999999</v>
      </c>
      <c r="CCR52" s="7">
        <f t="shared" si="325"/>
        <v>16629.407999999999</v>
      </c>
      <c r="CCS52" s="7">
        <f t="shared" si="325"/>
        <v>16629.407999999999</v>
      </c>
      <c r="CCT52" s="7">
        <f t="shared" si="325"/>
        <v>16629.407999999999</v>
      </c>
      <c r="CCU52" s="7">
        <f t="shared" si="325"/>
        <v>16629.407999999999</v>
      </c>
      <c r="CCV52" s="7">
        <f t="shared" si="325"/>
        <v>16629.407999999999</v>
      </c>
      <c r="CCW52" s="7">
        <f t="shared" si="325"/>
        <v>16629.407999999999</v>
      </c>
      <c r="CCX52" s="7">
        <f t="shared" si="325"/>
        <v>16629.407999999999</v>
      </c>
      <c r="CCY52" s="7">
        <f t="shared" si="325"/>
        <v>16629.407999999999</v>
      </c>
      <c r="CCZ52" s="7">
        <f t="shared" si="325"/>
        <v>16629.407999999999</v>
      </c>
      <c r="CDA52" s="7">
        <f t="shared" si="325"/>
        <v>16629.407999999999</v>
      </c>
      <c r="CDB52" s="7">
        <f t="shared" si="325"/>
        <v>16629.407999999999</v>
      </c>
      <c r="CDC52" s="7">
        <f t="shared" si="325"/>
        <v>16629.407999999999</v>
      </c>
      <c r="CDD52" s="7">
        <f t="shared" si="325"/>
        <v>16629.407999999999</v>
      </c>
      <c r="CDE52" s="7">
        <f t="shared" si="325"/>
        <v>16629.407999999999</v>
      </c>
      <c r="CDF52" s="7">
        <f t="shared" si="325"/>
        <v>16629.407999999999</v>
      </c>
      <c r="CDG52" s="7">
        <f t="shared" si="325"/>
        <v>16629.407999999999</v>
      </c>
      <c r="CDH52" s="7">
        <f t="shared" si="325"/>
        <v>16629.407999999999</v>
      </c>
      <c r="CDI52" s="7">
        <f t="shared" si="325"/>
        <v>16629.407999999999</v>
      </c>
      <c r="CDJ52" s="7">
        <f t="shared" si="325"/>
        <v>16629.407999999999</v>
      </c>
      <c r="CDK52" s="7">
        <f t="shared" si="325"/>
        <v>16629.407999999999</v>
      </c>
      <c r="CDL52" s="7">
        <f t="shared" si="325"/>
        <v>16629.407999999999</v>
      </c>
      <c r="CDM52" s="7">
        <f t="shared" si="325"/>
        <v>16629.407999999999</v>
      </c>
      <c r="CDN52" s="7">
        <f t="shared" si="325"/>
        <v>16629.407999999999</v>
      </c>
      <c r="CDO52" s="7">
        <f t="shared" si="325"/>
        <v>16629.407999999999</v>
      </c>
      <c r="CDP52" s="7">
        <f t="shared" si="325"/>
        <v>16629.407999999999</v>
      </c>
      <c r="CDQ52" s="7">
        <f t="shared" si="325"/>
        <v>16629.407999999999</v>
      </c>
      <c r="CDR52" s="7">
        <f t="shared" si="325"/>
        <v>16629.407999999999</v>
      </c>
      <c r="CDS52" s="7">
        <f t="shared" si="325"/>
        <v>16629.407999999999</v>
      </c>
      <c r="CDT52" s="7">
        <f t="shared" si="325"/>
        <v>16629.407999999999</v>
      </c>
      <c r="CDU52" s="7">
        <f t="shared" si="325"/>
        <v>16629.407999999999</v>
      </c>
      <c r="CDV52" s="7">
        <f t="shared" si="325"/>
        <v>16629.407999999999</v>
      </c>
      <c r="CDW52" s="7">
        <f t="shared" si="325"/>
        <v>16629.407999999999</v>
      </c>
      <c r="CDX52" s="7">
        <f t="shared" si="325"/>
        <v>16629.407999999999</v>
      </c>
      <c r="CDY52" s="7">
        <f t="shared" si="325"/>
        <v>16629.407999999999</v>
      </c>
      <c r="CDZ52" s="7">
        <f t="shared" si="325"/>
        <v>16629.407999999999</v>
      </c>
      <c r="CEA52" s="7">
        <f t="shared" si="325"/>
        <v>16629.407999999999</v>
      </c>
      <c r="CEB52" s="7">
        <f t="shared" si="325"/>
        <v>16629.407999999999</v>
      </c>
      <c r="CEC52" s="7">
        <f t="shared" si="325"/>
        <v>16629.407999999999</v>
      </c>
      <c r="CED52" s="7">
        <f t="shared" si="325"/>
        <v>16629.407999999999</v>
      </c>
      <c r="CEE52" s="7">
        <f t="shared" si="325"/>
        <v>16629.407999999999</v>
      </c>
      <c r="CEF52" s="7">
        <f t="shared" si="325"/>
        <v>16629.407999999999</v>
      </c>
      <c r="CEG52" s="7">
        <f t="shared" si="325"/>
        <v>16629.407999999999</v>
      </c>
      <c r="CEH52" s="7">
        <f t="shared" si="325"/>
        <v>16629.407999999999</v>
      </c>
      <c r="CEI52" s="7">
        <f t="shared" si="325"/>
        <v>16629.407999999999</v>
      </c>
      <c r="CEJ52" s="7">
        <f t="shared" si="325"/>
        <v>16629.407999999999</v>
      </c>
      <c r="CEK52" s="7">
        <f t="shared" si="325"/>
        <v>16629.407999999999</v>
      </c>
      <c r="CEL52" s="7">
        <f t="shared" si="325"/>
        <v>16629.407999999999</v>
      </c>
      <c r="CEM52" s="7">
        <f t="shared" si="325"/>
        <v>16629.407999999999</v>
      </c>
      <c r="CEN52" s="7">
        <f t="shared" si="325"/>
        <v>16629.407999999999</v>
      </c>
      <c r="CEO52" s="7">
        <f t="shared" si="325"/>
        <v>16629.407999999999</v>
      </c>
      <c r="CEP52" s="7">
        <f t="shared" si="325"/>
        <v>16629.407999999999</v>
      </c>
      <c r="CEQ52" s="7">
        <f t="shared" si="325"/>
        <v>16629.407999999999</v>
      </c>
      <c r="CER52" s="7">
        <f t="shared" si="325"/>
        <v>16629.407999999999</v>
      </c>
      <c r="CES52" s="7">
        <f t="shared" si="325"/>
        <v>16629.407999999999</v>
      </c>
      <c r="CET52" s="7">
        <f t="shared" si="325"/>
        <v>16629.407999999999</v>
      </c>
      <c r="CEU52" s="7">
        <f t="shared" si="325"/>
        <v>16629.407999999999</v>
      </c>
      <c r="CEV52" s="7">
        <f t="shared" si="325"/>
        <v>16629.407999999999</v>
      </c>
      <c r="CEW52" s="7">
        <f t="shared" si="325"/>
        <v>16629.407999999999</v>
      </c>
      <c r="CEX52" s="7">
        <f t="shared" si="325"/>
        <v>16629.407999999999</v>
      </c>
      <c r="CEY52" s="7">
        <f t="shared" si="325"/>
        <v>16629.407999999999</v>
      </c>
      <c r="CEZ52" s="7">
        <f t="shared" si="325"/>
        <v>16629.407999999999</v>
      </c>
      <c r="CFA52" s="7">
        <f t="shared" si="325"/>
        <v>16629.407999999999</v>
      </c>
      <c r="CFB52" s="7">
        <f t="shared" ref="CFB52:CHM52" si="326">CFB47+CFA52</f>
        <v>16629.407999999999</v>
      </c>
      <c r="CFC52" s="7">
        <f t="shared" si="326"/>
        <v>16629.407999999999</v>
      </c>
      <c r="CFD52" s="7">
        <f t="shared" si="326"/>
        <v>16629.407999999999</v>
      </c>
      <c r="CFE52" s="7">
        <f t="shared" si="326"/>
        <v>16629.407999999999</v>
      </c>
      <c r="CFF52" s="7">
        <f t="shared" si="326"/>
        <v>16629.407999999999</v>
      </c>
      <c r="CFG52" s="7">
        <f t="shared" si="326"/>
        <v>16629.407999999999</v>
      </c>
      <c r="CFH52" s="7">
        <f t="shared" si="326"/>
        <v>16629.407999999999</v>
      </c>
      <c r="CFI52" s="7">
        <f t="shared" si="326"/>
        <v>16629.407999999999</v>
      </c>
      <c r="CFJ52" s="7">
        <f t="shared" si="326"/>
        <v>16629.407999999999</v>
      </c>
      <c r="CFK52" s="7">
        <f t="shared" si="326"/>
        <v>16629.407999999999</v>
      </c>
      <c r="CFL52" s="7">
        <f t="shared" si="326"/>
        <v>16629.407999999999</v>
      </c>
      <c r="CFM52" s="7">
        <f t="shared" si="326"/>
        <v>16629.407999999999</v>
      </c>
      <c r="CFN52" s="7">
        <f t="shared" si="326"/>
        <v>16629.407999999999</v>
      </c>
      <c r="CFO52" s="7">
        <f t="shared" si="326"/>
        <v>16629.407999999999</v>
      </c>
      <c r="CFP52" s="7">
        <f t="shared" si="326"/>
        <v>16629.407999999999</v>
      </c>
      <c r="CFQ52" s="7">
        <f t="shared" si="326"/>
        <v>16629.407999999999</v>
      </c>
      <c r="CFR52" s="7">
        <f t="shared" si="326"/>
        <v>16629.407999999999</v>
      </c>
      <c r="CFS52" s="7">
        <f t="shared" si="326"/>
        <v>16629.407999999999</v>
      </c>
      <c r="CFT52" s="7">
        <f t="shared" si="326"/>
        <v>16629.407999999999</v>
      </c>
      <c r="CFU52" s="7">
        <f t="shared" si="326"/>
        <v>16629.407999999999</v>
      </c>
      <c r="CFV52" s="7">
        <f t="shared" si="326"/>
        <v>16629.407999999999</v>
      </c>
      <c r="CFW52" s="7">
        <f t="shared" si="326"/>
        <v>16629.407999999999</v>
      </c>
      <c r="CFX52" s="7">
        <f t="shared" si="326"/>
        <v>16629.407999999999</v>
      </c>
      <c r="CFY52" s="7">
        <f t="shared" si="326"/>
        <v>16629.407999999999</v>
      </c>
      <c r="CFZ52" s="7">
        <f t="shared" si="326"/>
        <v>16629.407999999999</v>
      </c>
      <c r="CGA52" s="7">
        <f t="shared" si="326"/>
        <v>16629.407999999999</v>
      </c>
      <c r="CGB52" s="7">
        <f t="shared" si="326"/>
        <v>16629.407999999999</v>
      </c>
      <c r="CGC52" s="7">
        <f t="shared" si="326"/>
        <v>16629.407999999999</v>
      </c>
      <c r="CGD52" s="7">
        <f t="shared" si="326"/>
        <v>16629.407999999999</v>
      </c>
      <c r="CGE52" s="7">
        <f t="shared" si="326"/>
        <v>16629.407999999999</v>
      </c>
      <c r="CGF52" s="7">
        <f t="shared" si="326"/>
        <v>16629.407999999999</v>
      </c>
      <c r="CGG52" s="7">
        <f t="shared" si="326"/>
        <v>16629.407999999999</v>
      </c>
      <c r="CGH52" s="7">
        <f t="shared" si="326"/>
        <v>16629.407999999999</v>
      </c>
      <c r="CGI52" s="7">
        <f t="shared" si="326"/>
        <v>16629.407999999999</v>
      </c>
      <c r="CGJ52" s="7">
        <f t="shared" si="326"/>
        <v>16629.407999999999</v>
      </c>
      <c r="CGK52" s="7">
        <f t="shared" si="326"/>
        <v>16629.407999999999</v>
      </c>
      <c r="CGL52" s="7">
        <f t="shared" si="326"/>
        <v>16629.407999999999</v>
      </c>
      <c r="CGM52" s="7">
        <f t="shared" si="326"/>
        <v>16629.407999999999</v>
      </c>
      <c r="CGN52" s="7">
        <f t="shared" si="326"/>
        <v>16629.407999999999</v>
      </c>
      <c r="CGO52" s="7">
        <f t="shared" si="326"/>
        <v>16629.407999999999</v>
      </c>
      <c r="CGP52" s="7">
        <f t="shared" si="326"/>
        <v>16629.407999999999</v>
      </c>
      <c r="CGQ52" s="7">
        <f t="shared" si="326"/>
        <v>16629.407999999999</v>
      </c>
      <c r="CGR52" s="7">
        <f t="shared" si="326"/>
        <v>16629.407999999999</v>
      </c>
      <c r="CGS52" s="7">
        <f t="shared" si="326"/>
        <v>16629.407999999999</v>
      </c>
      <c r="CGT52" s="7">
        <f t="shared" si="326"/>
        <v>16629.407999999999</v>
      </c>
      <c r="CGU52" s="7">
        <f t="shared" si="326"/>
        <v>16629.407999999999</v>
      </c>
      <c r="CGV52" s="7">
        <f t="shared" si="326"/>
        <v>16629.407999999999</v>
      </c>
      <c r="CGW52" s="7">
        <f t="shared" si="326"/>
        <v>16629.407999999999</v>
      </c>
      <c r="CGX52" s="7">
        <f t="shared" si="326"/>
        <v>16629.407999999999</v>
      </c>
      <c r="CGY52" s="7">
        <f t="shared" si="326"/>
        <v>16629.407999999999</v>
      </c>
      <c r="CGZ52" s="7">
        <f t="shared" si="326"/>
        <v>16629.407999999999</v>
      </c>
      <c r="CHA52" s="7">
        <f t="shared" si="326"/>
        <v>16629.407999999999</v>
      </c>
      <c r="CHB52" s="7">
        <f t="shared" si="326"/>
        <v>16629.407999999999</v>
      </c>
      <c r="CHC52" s="7">
        <f t="shared" si="326"/>
        <v>16629.407999999999</v>
      </c>
      <c r="CHD52" s="7">
        <f t="shared" si="326"/>
        <v>16629.407999999999</v>
      </c>
      <c r="CHE52" s="7">
        <f t="shared" si="326"/>
        <v>16629.407999999999</v>
      </c>
      <c r="CHF52" s="7">
        <f t="shared" si="326"/>
        <v>16629.407999999999</v>
      </c>
      <c r="CHG52" s="7">
        <f t="shared" si="326"/>
        <v>16629.407999999999</v>
      </c>
      <c r="CHH52" s="7">
        <f t="shared" si="326"/>
        <v>16629.407999999999</v>
      </c>
      <c r="CHI52" s="7">
        <f t="shared" si="326"/>
        <v>16629.407999999999</v>
      </c>
      <c r="CHJ52" s="7">
        <f t="shared" si="326"/>
        <v>16629.407999999999</v>
      </c>
      <c r="CHK52" s="7">
        <f t="shared" si="326"/>
        <v>16629.407999999999</v>
      </c>
      <c r="CHL52" s="7">
        <f t="shared" si="326"/>
        <v>16629.407999999999</v>
      </c>
      <c r="CHM52" s="7">
        <f t="shared" si="326"/>
        <v>16629.407999999999</v>
      </c>
      <c r="CHN52" s="7">
        <f t="shared" ref="CHN52:CJY52" si="327">CHN47+CHM52</f>
        <v>16629.407999999999</v>
      </c>
      <c r="CHO52" s="7">
        <f t="shared" si="327"/>
        <v>16629.407999999999</v>
      </c>
      <c r="CHP52" s="7">
        <f t="shared" si="327"/>
        <v>16629.407999999999</v>
      </c>
      <c r="CHQ52" s="7">
        <f t="shared" si="327"/>
        <v>16629.407999999999</v>
      </c>
      <c r="CHR52" s="7">
        <f t="shared" si="327"/>
        <v>16629.407999999999</v>
      </c>
      <c r="CHS52" s="7">
        <f t="shared" si="327"/>
        <v>16629.407999999999</v>
      </c>
      <c r="CHT52" s="7">
        <f t="shared" si="327"/>
        <v>16629.407999999999</v>
      </c>
      <c r="CHU52" s="7">
        <f t="shared" si="327"/>
        <v>16629.407999999999</v>
      </c>
      <c r="CHV52" s="7">
        <f t="shared" si="327"/>
        <v>16629.407999999999</v>
      </c>
      <c r="CHW52" s="7">
        <f t="shared" si="327"/>
        <v>16629.407999999999</v>
      </c>
      <c r="CHX52" s="7">
        <f t="shared" si="327"/>
        <v>16629.407999999999</v>
      </c>
      <c r="CHY52" s="7">
        <f t="shared" si="327"/>
        <v>16629.407999999999</v>
      </c>
      <c r="CHZ52" s="7">
        <f t="shared" si="327"/>
        <v>16629.407999999999</v>
      </c>
      <c r="CIA52" s="7">
        <f t="shared" si="327"/>
        <v>16629.407999999999</v>
      </c>
      <c r="CIB52" s="7">
        <f t="shared" si="327"/>
        <v>16629.407999999999</v>
      </c>
      <c r="CIC52" s="7">
        <f t="shared" si="327"/>
        <v>16629.407999999999</v>
      </c>
      <c r="CID52" s="7">
        <f t="shared" si="327"/>
        <v>16629.407999999999</v>
      </c>
      <c r="CIE52" s="7">
        <f t="shared" si="327"/>
        <v>16629.407999999999</v>
      </c>
      <c r="CIF52" s="7">
        <f t="shared" si="327"/>
        <v>16629.407999999999</v>
      </c>
      <c r="CIG52" s="7">
        <f t="shared" si="327"/>
        <v>16629.407999999999</v>
      </c>
      <c r="CIH52" s="7">
        <f t="shared" si="327"/>
        <v>16629.407999999999</v>
      </c>
      <c r="CII52" s="7">
        <f t="shared" si="327"/>
        <v>16629.407999999999</v>
      </c>
      <c r="CIJ52" s="7">
        <f t="shared" si="327"/>
        <v>16629.407999999999</v>
      </c>
      <c r="CIK52" s="7">
        <f t="shared" si="327"/>
        <v>16629.407999999999</v>
      </c>
      <c r="CIL52" s="7">
        <f t="shared" si="327"/>
        <v>16629.407999999999</v>
      </c>
      <c r="CIM52" s="7">
        <f t="shared" si="327"/>
        <v>16629.407999999999</v>
      </c>
      <c r="CIN52" s="7">
        <f t="shared" si="327"/>
        <v>16629.407999999999</v>
      </c>
      <c r="CIO52" s="7">
        <f t="shared" si="327"/>
        <v>16629.407999999999</v>
      </c>
      <c r="CIP52" s="7">
        <f t="shared" si="327"/>
        <v>16629.407999999999</v>
      </c>
      <c r="CIQ52" s="7">
        <f t="shared" si="327"/>
        <v>16629.407999999999</v>
      </c>
      <c r="CIR52" s="7">
        <f t="shared" si="327"/>
        <v>16629.407999999999</v>
      </c>
      <c r="CIS52" s="7">
        <f t="shared" si="327"/>
        <v>16629.407999999999</v>
      </c>
      <c r="CIT52" s="7">
        <f t="shared" si="327"/>
        <v>16629.407999999999</v>
      </c>
      <c r="CIU52" s="7">
        <f t="shared" si="327"/>
        <v>16629.407999999999</v>
      </c>
      <c r="CIV52" s="7">
        <f t="shared" si="327"/>
        <v>16629.407999999999</v>
      </c>
      <c r="CIW52" s="7">
        <f t="shared" si="327"/>
        <v>16629.407999999999</v>
      </c>
      <c r="CIX52" s="7">
        <f t="shared" si="327"/>
        <v>16629.407999999999</v>
      </c>
      <c r="CIY52" s="7">
        <f t="shared" si="327"/>
        <v>16629.407999999999</v>
      </c>
      <c r="CIZ52" s="7">
        <f t="shared" si="327"/>
        <v>16629.407999999999</v>
      </c>
      <c r="CJA52" s="7">
        <f t="shared" si="327"/>
        <v>16629.407999999999</v>
      </c>
      <c r="CJB52" s="7">
        <f t="shared" si="327"/>
        <v>16629.407999999999</v>
      </c>
      <c r="CJC52" s="7">
        <f t="shared" si="327"/>
        <v>16629.407999999999</v>
      </c>
      <c r="CJD52" s="7">
        <f t="shared" si="327"/>
        <v>16629.407999999999</v>
      </c>
      <c r="CJE52" s="7">
        <f t="shared" si="327"/>
        <v>16629.407999999999</v>
      </c>
      <c r="CJF52" s="7">
        <f t="shared" si="327"/>
        <v>16629.407999999999</v>
      </c>
      <c r="CJG52" s="7">
        <f t="shared" si="327"/>
        <v>16629.407999999999</v>
      </c>
      <c r="CJH52" s="7">
        <f t="shared" si="327"/>
        <v>16629.407999999999</v>
      </c>
      <c r="CJI52" s="7">
        <f t="shared" si="327"/>
        <v>16629.407999999999</v>
      </c>
      <c r="CJJ52" s="7">
        <f t="shared" si="327"/>
        <v>16629.407999999999</v>
      </c>
      <c r="CJK52" s="7">
        <f t="shared" si="327"/>
        <v>16629.407999999999</v>
      </c>
      <c r="CJL52" s="7">
        <f t="shared" si="327"/>
        <v>16629.407999999999</v>
      </c>
      <c r="CJM52" s="7">
        <f t="shared" si="327"/>
        <v>16629.407999999999</v>
      </c>
      <c r="CJN52" s="7">
        <f t="shared" si="327"/>
        <v>16629.407999999999</v>
      </c>
      <c r="CJO52" s="7">
        <f t="shared" si="327"/>
        <v>16629.407999999999</v>
      </c>
      <c r="CJP52" s="7">
        <f t="shared" si="327"/>
        <v>16629.407999999999</v>
      </c>
      <c r="CJQ52" s="7">
        <f t="shared" si="327"/>
        <v>16629.407999999999</v>
      </c>
      <c r="CJR52" s="7">
        <f t="shared" si="327"/>
        <v>16629.407999999999</v>
      </c>
      <c r="CJS52" s="7">
        <f t="shared" si="327"/>
        <v>16629.407999999999</v>
      </c>
      <c r="CJT52" s="7">
        <f t="shared" si="327"/>
        <v>16629.407999999999</v>
      </c>
      <c r="CJU52" s="7">
        <f t="shared" si="327"/>
        <v>16629.407999999999</v>
      </c>
      <c r="CJV52" s="7">
        <f t="shared" si="327"/>
        <v>16629.407999999999</v>
      </c>
      <c r="CJW52" s="7">
        <f t="shared" si="327"/>
        <v>16629.407999999999</v>
      </c>
      <c r="CJX52" s="7">
        <f t="shared" si="327"/>
        <v>16629.407999999999</v>
      </c>
      <c r="CJY52" s="7">
        <f t="shared" si="327"/>
        <v>16629.407999999999</v>
      </c>
      <c r="CJZ52" s="7">
        <f t="shared" ref="CJZ52:CMK52" si="328">CJZ47+CJY52</f>
        <v>16629.407999999999</v>
      </c>
      <c r="CKA52" s="7">
        <f t="shared" si="328"/>
        <v>16629.407999999999</v>
      </c>
      <c r="CKB52" s="7">
        <f t="shared" si="328"/>
        <v>16629.407999999999</v>
      </c>
      <c r="CKC52" s="7">
        <f t="shared" si="328"/>
        <v>16629.407999999999</v>
      </c>
      <c r="CKD52" s="7">
        <f t="shared" si="328"/>
        <v>16629.407999999999</v>
      </c>
      <c r="CKE52" s="7">
        <f t="shared" si="328"/>
        <v>16629.407999999999</v>
      </c>
      <c r="CKF52" s="7">
        <f t="shared" si="328"/>
        <v>16629.407999999999</v>
      </c>
      <c r="CKG52" s="7">
        <f t="shared" si="328"/>
        <v>16629.407999999999</v>
      </c>
      <c r="CKH52" s="7">
        <f t="shared" si="328"/>
        <v>16629.407999999999</v>
      </c>
      <c r="CKI52" s="7">
        <f t="shared" si="328"/>
        <v>16629.407999999999</v>
      </c>
      <c r="CKJ52" s="7">
        <f t="shared" si="328"/>
        <v>16629.407999999999</v>
      </c>
      <c r="CKK52" s="7">
        <f t="shared" si="328"/>
        <v>16629.407999999999</v>
      </c>
      <c r="CKL52" s="7">
        <f t="shared" si="328"/>
        <v>16629.407999999999</v>
      </c>
      <c r="CKM52" s="7">
        <f t="shared" si="328"/>
        <v>16629.407999999999</v>
      </c>
      <c r="CKN52" s="7">
        <f t="shared" si="328"/>
        <v>16629.407999999999</v>
      </c>
      <c r="CKO52" s="7">
        <f t="shared" si="328"/>
        <v>16629.407999999999</v>
      </c>
      <c r="CKP52" s="7">
        <f t="shared" si="328"/>
        <v>16629.407999999999</v>
      </c>
      <c r="CKQ52" s="7">
        <f t="shared" si="328"/>
        <v>16629.407999999999</v>
      </c>
      <c r="CKR52" s="7">
        <f t="shared" si="328"/>
        <v>16629.407999999999</v>
      </c>
      <c r="CKS52" s="7">
        <f t="shared" si="328"/>
        <v>16629.407999999999</v>
      </c>
      <c r="CKT52" s="7">
        <f t="shared" si="328"/>
        <v>16629.407999999999</v>
      </c>
      <c r="CKU52" s="7">
        <f t="shared" si="328"/>
        <v>16629.407999999999</v>
      </c>
      <c r="CKV52" s="7">
        <f t="shared" si="328"/>
        <v>16629.407999999999</v>
      </c>
      <c r="CKW52" s="7">
        <f t="shared" si="328"/>
        <v>16629.407999999999</v>
      </c>
      <c r="CKX52" s="7">
        <f t="shared" si="328"/>
        <v>16629.407999999999</v>
      </c>
      <c r="CKY52" s="7">
        <f t="shared" si="328"/>
        <v>16629.407999999999</v>
      </c>
      <c r="CKZ52" s="7">
        <f t="shared" si="328"/>
        <v>16629.407999999999</v>
      </c>
      <c r="CLA52" s="7">
        <f t="shared" si="328"/>
        <v>16629.407999999999</v>
      </c>
      <c r="CLB52" s="7">
        <f t="shared" si="328"/>
        <v>16629.407999999999</v>
      </c>
      <c r="CLC52" s="7">
        <f t="shared" si="328"/>
        <v>16629.407999999999</v>
      </c>
      <c r="CLD52" s="7">
        <f t="shared" si="328"/>
        <v>16629.407999999999</v>
      </c>
      <c r="CLE52" s="7">
        <f t="shared" si="328"/>
        <v>16629.407999999999</v>
      </c>
      <c r="CLF52" s="7">
        <f t="shared" si="328"/>
        <v>16629.407999999999</v>
      </c>
      <c r="CLG52" s="7">
        <f t="shared" si="328"/>
        <v>16629.407999999999</v>
      </c>
      <c r="CLH52" s="7">
        <f t="shared" si="328"/>
        <v>16629.407999999999</v>
      </c>
      <c r="CLI52" s="7">
        <f t="shared" si="328"/>
        <v>16629.407999999999</v>
      </c>
      <c r="CLJ52" s="7">
        <f t="shared" si="328"/>
        <v>16629.407999999999</v>
      </c>
      <c r="CLK52" s="7">
        <f t="shared" si="328"/>
        <v>16629.407999999999</v>
      </c>
      <c r="CLL52" s="7">
        <f t="shared" si="328"/>
        <v>16629.407999999999</v>
      </c>
      <c r="CLM52" s="7">
        <f t="shared" si="328"/>
        <v>16629.407999999999</v>
      </c>
      <c r="CLN52" s="7">
        <f t="shared" si="328"/>
        <v>16629.407999999999</v>
      </c>
      <c r="CLO52" s="7">
        <f t="shared" si="328"/>
        <v>16629.407999999999</v>
      </c>
      <c r="CLP52" s="7">
        <f t="shared" si="328"/>
        <v>16629.407999999999</v>
      </c>
      <c r="CLQ52" s="7">
        <f t="shared" si="328"/>
        <v>16629.407999999999</v>
      </c>
      <c r="CLR52" s="7">
        <f t="shared" si="328"/>
        <v>16629.407999999999</v>
      </c>
      <c r="CLS52" s="7">
        <f t="shared" si="328"/>
        <v>16629.407999999999</v>
      </c>
      <c r="CLT52" s="7">
        <f t="shared" si="328"/>
        <v>16629.407999999999</v>
      </c>
      <c r="CLU52" s="7">
        <f t="shared" si="328"/>
        <v>16629.407999999999</v>
      </c>
      <c r="CLV52" s="7">
        <f t="shared" si="328"/>
        <v>16629.407999999999</v>
      </c>
      <c r="CLW52" s="7">
        <f t="shared" si="328"/>
        <v>16629.407999999999</v>
      </c>
      <c r="CLX52" s="7">
        <f t="shared" si="328"/>
        <v>16629.407999999999</v>
      </c>
      <c r="CLY52" s="7">
        <f t="shared" si="328"/>
        <v>16629.407999999999</v>
      </c>
      <c r="CLZ52" s="7">
        <f t="shared" si="328"/>
        <v>16629.407999999999</v>
      </c>
      <c r="CMA52" s="7">
        <f t="shared" si="328"/>
        <v>16629.407999999999</v>
      </c>
      <c r="CMB52" s="7">
        <f t="shared" si="328"/>
        <v>16629.407999999999</v>
      </c>
      <c r="CMC52" s="7">
        <f t="shared" si="328"/>
        <v>16629.407999999999</v>
      </c>
      <c r="CMD52" s="7">
        <f t="shared" si="328"/>
        <v>16629.407999999999</v>
      </c>
      <c r="CME52" s="7">
        <f t="shared" si="328"/>
        <v>16629.407999999999</v>
      </c>
      <c r="CMF52" s="7">
        <f t="shared" si="328"/>
        <v>16629.407999999999</v>
      </c>
      <c r="CMG52" s="7">
        <f t="shared" si="328"/>
        <v>16629.407999999999</v>
      </c>
      <c r="CMH52" s="7">
        <f t="shared" si="328"/>
        <v>16629.407999999999</v>
      </c>
      <c r="CMI52" s="7">
        <f t="shared" si="328"/>
        <v>16629.407999999999</v>
      </c>
      <c r="CMJ52" s="7">
        <f t="shared" si="328"/>
        <v>16629.407999999999</v>
      </c>
      <c r="CMK52" s="7">
        <f t="shared" si="328"/>
        <v>16629.407999999999</v>
      </c>
      <c r="CML52" s="7">
        <f t="shared" ref="CML52:COW52" si="329">CML47+CMK52</f>
        <v>16629.407999999999</v>
      </c>
      <c r="CMM52" s="7">
        <f t="shared" si="329"/>
        <v>16629.407999999999</v>
      </c>
      <c r="CMN52" s="7">
        <f t="shared" si="329"/>
        <v>16629.407999999999</v>
      </c>
      <c r="CMO52" s="7">
        <f t="shared" si="329"/>
        <v>16629.407999999999</v>
      </c>
      <c r="CMP52" s="7">
        <f t="shared" si="329"/>
        <v>16629.407999999999</v>
      </c>
      <c r="CMQ52" s="7">
        <f t="shared" si="329"/>
        <v>16629.407999999999</v>
      </c>
      <c r="CMR52" s="7">
        <f t="shared" si="329"/>
        <v>16629.407999999999</v>
      </c>
      <c r="CMS52" s="7">
        <f t="shared" si="329"/>
        <v>16629.407999999999</v>
      </c>
      <c r="CMT52" s="7">
        <f t="shared" si="329"/>
        <v>16629.407999999999</v>
      </c>
      <c r="CMU52" s="7">
        <f t="shared" si="329"/>
        <v>16629.407999999999</v>
      </c>
      <c r="CMV52" s="7">
        <f t="shared" si="329"/>
        <v>16629.407999999999</v>
      </c>
      <c r="CMW52" s="7">
        <f t="shared" si="329"/>
        <v>16629.407999999999</v>
      </c>
      <c r="CMX52" s="7">
        <f t="shared" si="329"/>
        <v>16629.407999999999</v>
      </c>
      <c r="CMY52" s="7">
        <f t="shared" si="329"/>
        <v>16629.407999999999</v>
      </c>
      <c r="CMZ52" s="7">
        <f t="shared" si="329"/>
        <v>16629.407999999999</v>
      </c>
      <c r="CNA52" s="7">
        <f t="shared" si="329"/>
        <v>16629.407999999999</v>
      </c>
      <c r="CNB52" s="7">
        <f t="shared" si="329"/>
        <v>16629.407999999999</v>
      </c>
      <c r="CNC52" s="7">
        <f t="shared" si="329"/>
        <v>16629.407999999999</v>
      </c>
      <c r="CND52" s="7">
        <f t="shared" si="329"/>
        <v>16629.407999999999</v>
      </c>
      <c r="CNE52" s="7">
        <f t="shared" si="329"/>
        <v>16629.407999999999</v>
      </c>
      <c r="CNF52" s="7">
        <f t="shared" si="329"/>
        <v>16629.407999999999</v>
      </c>
      <c r="CNG52" s="7">
        <f t="shared" si="329"/>
        <v>16629.407999999999</v>
      </c>
      <c r="CNH52" s="7">
        <f t="shared" si="329"/>
        <v>16629.407999999999</v>
      </c>
      <c r="CNI52" s="7">
        <f t="shared" si="329"/>
        <v>16629.407999999999</v>
      </c>
      <c r="CNJ52" s="7">
        <f t="shared" si="329"/>
        <v>16629.407999999999</v>
      </c>
      <c r="CNK52" s="7">
        <f t="shared" si="329"/>
        <v>16629.407999999999</v>
      </c>
      <c r="CNL52" s="7">
        <f t="shared" si="329"/>
        <v>16629.407999999999</v>
      </c>
      <c r="CNM52" s="7">
        <f t="shared" si="329"/>
        <v>16629.407999999999</v>
      </c>
      <c r="CNN52" s="7">
        <f t="shared" si="329"/>
        <v>16629.407999999999</v>
      </c>
      <c r="CNO52" s="7">
        <f t="shared" si="329"/>
        <v>16629.407999999999</v>
      </c>
      <c r="CNP52" s="7">
        <f t="shared" si="329"/>
        <v>16629.407999999999</v>
      </c>
      <c r="CNQ52" s="7">
        <f t="shared" si="329"/>
        <v>16629.407999999999</v>
      </c>
      <c r="CNR52" s="7">
        <f t="shared" si="329"/>
        <v>16629.407999999999</v>
      </c>
      <c r="CNS52" s="7">
        <f t="shared" si="329"/>
        <v>16629.407999999999</v>
      </c>
      <c r="CNT52" s="7">
        <f t="shared" si="329"/>
        <v>16629.407999999999</v>
      </c>
      <c r="CNU52" s="7">
        <f t="shared" si="329"/>
        <v>16629.407999999999</v>
      </c>
      <c r="CNV52" s="7">
        <f t="shared" si="329"/>
        <v>16629.407999999999</v>
      </c>
      <c r="CNW52" s="7">
        <f t="shared" si="329"/>
        <v>16629.407999999999</v>
      </c>
      <c r="CNX52" s="7">
        <f t="shared" si="329"/>
        <v>16629.407999999999</v>
      </c>
      <c r="CNY52" s="7">
        <f t="shared" si="329"/>
        <v>16629.407999999999</v>
      </c>
      <c r="CNZ52" s="7">
        <f t="shared" si="329"/>
        <v>16629.407999999999</v>
      </c>
      <c r="COA52" s="7">
        <f t="shared" si="329"/>
        <v>16629.407999999999</v>
      </c>
      <c r="COB52" s="7">
        <f t="shared" si="329"/>
        <v>16629.407999999999</v>
      </c>
      <c r="COC52" s="7">
        <f t="shared" si="329"/>
        <v>16629.407999999999</v>
      </c>
      <c r="COD52" s="7">
        <f t="shared" si="329"/>
        <v>16629.407999999999</v>
      </c>
      <c r="COE52" s="7">
        <f t="shared" si="329"/>
        <v>16629.407999999999</v>
      </c>
      <c r="COF52" s="7">
        <f t="shared" si="329"/>
        <v>16629.407999999999</v>
      </c>
      <c r="COG52" s="7">
        <f t="shared" si="329"/>
        <v>16629.407999999999</v>
      </c>
      <c r="COH52" s="7">
        <f t="shared" si="329"/>
        <v>16629.407999999999</v>
      </c>
      <c r="COI52" s="7">
        <f t="shared" si="329"/>
        <v>16629.407999999999</v>
      </c>
      <c r="COJ52" s="7">
        <f t="shared" si="329"/>
        <v>16629.407999999999</v>
      </c>
      <c r="COK52" s="7">
        <f t="shared" si="329"/>
        <v>16629.407999999999</v>
      </c>
      <c r="COL52" s="7">
        <f t="shared" si="329"/>
        <v>16629.407999999999</v>
      </c>
      <c r="COM52" s="7">
        <f t="shared" si="329"/>
        <v>16629.407999999999</v>
      </c>
      <c r="CON52" s="7">
        <f t="shared" si="329"/>
        <v>16629.407999999999</v>
      </c>
      <c r="COO52" s="7">
        <f t="shared" si="329"/>
        <v>16629.407999999999</v>
      </c>
      <c r="COP52" s="7">
        <f t="shared" si="329"/>
        <v>16629.407999999999</v>
      </c>
      <c r="COQ52" s="7">
        <f t="shared" si="329"/>
        <v>16629.407999999999</v>
      </c>
      <c r="COR52" s="7">
        <f t="shared" si="329"/>
        <v>16629.407999999999</v>
      </c>
      <c r="COS52" s="7">
        <f t="shared" si="329"/>
        <v>16629.407999999999</v>
      </c>
      <c r="COT52" s="7">
        <f t="shared" si="329"/>
        <v>16629.407999999999</v>
      </c>
      <c r="COU52" s="7">
        <f t="shared" si="329"/>
        <v>16629.407999999999</v>
      </c>
      <c r="COV52" s="7">
        <f t="shared" si="329"/>
        <v>16629.407999999999</v>
      </c>
      <c r="COW52" s="7">
        <f t="shared" si="329"/>
        <v>16629.407999999999</v>
      </c>
      <c r="COX52" s="7">
        <f t="shared" ref="COX52:CRI52" si="330">COX47+COW52</f>
        <v>16629.407999999999</v>
      </c>
      <c r="COY52" s="7">
        <f t="shared" si="330"/>
        <v>16629.407999999999</v>
      </c>
      <c r="COZ52" s="7">
        <f t="shared" si="330"/>
        <v>16629.407999999999</v>
      </c>
      <c r="CPA52" s="7">
        <f t="shared" si="330"/>
        <v>16629.407999999999</v>
      </c>
      <c r="CPB52" s="7">
        <f t="shared" si="330"/>
        <v>16629.407999999999</v>
      </c>
      <c r="CPC52" s="7">
        <f t="shared" si="330"/>
        <v>16629.407999999999</v>
      </c>
      <c r="CPD52" s="7">
        <f t="shared" si="330"/>
        <v>16629.407999999999</v>
      </c>
      <c r="CPE52" s="7">
        <f t="shared" si="330"/>
        <v>16629.407999999999</v>
      </c>
      <c r="CPF52" s="7">
        <f t="shared" si="330"/>
        <v>16629.407999999999</v>
      </c>
      <c r="CPG52" s="7">
        <f t="shared" si="330"/>
        <v>16629.407999999999</v>
      </c>
      <c r="CPH52" s="7">
        <f t="shared" si="330"/>
        <v>16629.407999999999</v>
      </c>
      <c r="CPI52" s="7">
        <f t="shared" si="330"/>
        <v>16629.407999999999</v>
      </c>
      <c r="CPJ52" s="7">
        <f t="shared" si="330"/>
        <v>16629.407999999999</v>
      </c>
      <c r="CPK52" s="7">
        <f t="shared" si="330"/>
        <v>16629.407999999999</v>
      </c>
      <c r="CPL52" s="7">
        <f t="shared" si="330"/>
        <v>16629.407999999999</v>
      </c>
      <c r="CPM52" s="7">
        <f t="shared" si="330"/>
        <v>16629.407999999999</v>
      </c>
      <c r="CPN52" s="7">
        <f t="shared" si="330"/>
        <v>16629.407999999999</v>
      </c>
      <c r="CPO52" s="7">
        <f t="shared" si="330"/>
        <v>16629.407999999999</v>
      </c>
      <c r="CPP52" s="7">
        <f t="shared" si="330"/>
        <v>16629.407999999999</v>
      </c>
      <c r="CPQ52" s="7">
        <f t="shared" si="330"/>
        <v>16629.407999999999</v>
      </c>
      <c r="CPR52" s="7">
        <f t="shared" si="330"/>
        <v>16629.407999999999</v>
      </c>
      <c r="CPS52" s="7">
        <f t="shared" si="330"/>
        <v>16629.407999999999</v>
      </c>
      <c r="CPT52" s="7">
        <f t="shared" si="330"/>
        <v>16629.407999999999</v>
      </c>
      <c r="CPU52" s="7">
        <f t="shared" si="330"/>
        <v>16629.407999999999</v>
      </c>
      <c r="CPV52" s="7">
        <f t="shared" si="330"/>
        <v>16629.407999999999</v>
      </c>
      <c r="CPW52" s="7">
        <f t="shared" si="330"/>
        <v>16629.407999999999</v>
      </c>
      <c r="CPX52" s="7">
        <f t="shared" si="330"/>
        <v>16629.407999999999</v>
      </c>
      <c r="CPY52" s="7">
        <f t="shared" si="330"/>
        <v>16629.407999999999</v>
      </c>
      <c r="CPZ52" s="7">
        <f t="shared" si="330"/>
        <v>16629.407999999999</v>
      </c>
      <c r="CQA52" s="7">
        <f t="shared" si="330"/>
        <v>16629.407999999999</v>
      </c>
      <c r="CQB52" s="7">
        <f t="shared" si="330"/>
        <v>16629.407999999999</v>
      </c>
      <c r="CQC52" s="7">
        <f t="shared" si="330"/>
        <v>16629.407999999999</v>
      </c>
      <c r="CQD52" s="7">
        <f t="shared" si="330"/>
        <v>16629.407999999999</v>
      </c>
      <c r="CQE52" s="7">
        <f t="shared" si="330"/>
        <v>16629.407999999999</v>
      </c>
      <c r="CQF52" s="7">
        <f t="shared" si="330"/>
        <v>16629.407999999999</v>
      </c>
      <c r="CQG52" s="7">
        <f t="shared" si="330"/>
        <v>16629.407999999999</v>
      </c>
      <c r="CQH52" s="7">
        <f t="shared" si="330"/>
        <v>16629.407999999999</v>
      </c>
      <c r="CQI52" s="7">
        <f t="shared" si="330"/>
        <v>16629.407999999999</v>
      </c>
      <c r="CQJ52" s="7">
        <f t="shared" si="330"/>
        <v>16629.407999999999</v>
      </c>
      <c r="CQK52" s="7">
        <f t="shared" si="330"/>
        <v>16629.407999999999</v>
      </c>
      <c r="CQL52" s="7">
        <f t="shared" si="330"/>
        <v>16629.407999999999</v>
      </c>
      <c r="CQM52" s="7">
        <f t="shared" si="330"/>
        <v>16629.407999999999</v>
      </c>
      <c r="CQN52" s="7">
        <f t="shared" si="330"/>
        <v>16629.407999999999</v>
      </c>
      <c r="CQO52" s="7">
        <f t="shared" si="330"/>
        <v>16629.407999999999</v>
      </c>
      <c r="CQP52" s="7">
        <f t="shared" si="330"/>
        <v>16629.407999999999</v>
      </c>
      <c r="CQQ52" s="7">
        <f t="shared" si="330"/>
        <v>16629.407999999999</v>
      </c>
      <c r="CQR52" s="7">
        <f t="shared" si="330"/>
        <v>16629.407999999999</v>
      </c>
      <c r="CQS52" s="7">
        <f t="shared" si="330"/>
        <v>16629.407999999999</v>
      </c>
      <c r="CQT52" s="7">
        <f t="shared" si="330"/>
        <v>16629.407999999999</v>
      </c>
      <c r="CQU52" s="7">
        <f t="shared" si="330"/>
        <v>16629.407999999999</v>
      </c>
      <c r="CQV52" s="7">
        <f t="shared" si="330"/>
        <v>16629.407999999999</v>
      </c>
      <c r="CQW52" s="7">
        <f t="shared" si="330"/>
        <v>16629.407999999999</v>
      </c>
      <c r="CQX52" s="7">
        <f t="shared" si="330"/>
        <v>16629.407999999999</v>
      </c>
      <c r="CQY52" s="7">
        <f t="shared" si="330"/>
        <v>16629.407999999999</v>
      </c>
      <c r="CQZ52" s="7">
        <f t="shared" si="330"/>
        <v>16629.407999999999</v>
      </c>
      <c r="CRA52" s="7">
        <f t="shared" si="330"/>
        <v>16629.407999999999</v>
      </c>
      <c r="CRB52" s="7">
        <f t="shared" si="330"/>
        <v>16629.407999999999</v>
      </c>
      <c r="CRC52" s="7">
        <f t="shared" si="330"/>
        <v>16629.407999999999</v>
      </c>
      <c r="CRD52" s="7">
        <f t="shared" si="330"/>
        <v>16629.407999999999</v>
      </c>
      <c r="CRE52" s="7">
        <f t="shared" si="330"/>
        <v>16629.407999999999</v>
      </c>
      <c r="CRF52" s="7">
        <f t="shared" si="330"/>
        <v>16629.407999999999</v>
      </c>
      <c r="CRG52" s="7">
        <f t="shared" si="330"/>
        <v>16629.407999999999</v>
      </c>
      <c r="CRH52" s="7">
        <f t="shared" si="330"/>
        <v>16629.407999999999</v>
      </c>
      <c r="CRI52" s="7">
        <f t="shared" si="330"/>
        <v>16629.407999999999</v>
      </c>
      <c r="CRJ52" s="7">
        <f t="shared" ref="CRJ52:CTU52" si="331">CRJ47+CRI52</f>
        <v>16629.407999999999</v>
      </c>
      <c r="CRK52" s="7">
        <f t="shared" si="331"/>
        <v>16629.407999999999</v>
      </c>
      <c r="CRL52" s="7">
        <f t="shared" si="331"/>
        <v>16629.407999999999</v>
      </c>
      <c r="CRM52" s="7">
        <f t="shared" si="331"/>
        <v>16629.407999999999</v>
      </c>
      <c r="CRN52" s="7">
        <f t="shared" si="331"/>
        <v>16629.407999999999</v>
      </c>
      <c r="CRO52" s="7">
        <f t="shared" si="331"/>
        <v>16629.407999999999</v>
      </c>
      <c r="CRP52" s="7">
        <f t="shared" si="331"/>
        <v>16629.407999999999</v>
      </c>
      <c r="CRQ52" s="7">
        <f t="shared" si="331"/>
        <v>16629.407999999999</v>
      </c>
      <c r="CRR52" s="7">
        <f t="shared" si="331"/>
        <v>16629.407999999999</v>
      </c>
      <c r="CRS52" s="7">
        <f t="shared" si="331"/>
        <v>16629.407999999999</v>
      </c>
      <c r="CRT52" s="7">
        <f t="shared" si="331"/>
        <v>16629.407999999999</v>
      </c>
      <c r="CRU52" s="7">
        <f t="shared" si="331"/>
        <v>16629.407999999999</v>
      </c>
      <c r="CRV52" s="7">
        <f t="shared" si="331"/>
        <v>16629.407999999999</v>
      </c>
      <c r="CRW52" s="7">
        <f t="shared" si="331"/>
        <v>16629.407999999999</v>
      </c>
      <c r="CRX52" s="7">
        <f t="shared" si="331"/>
        <v>16629.407999999999</v>
      </c>
      <c r="CRY52" s="7">
        <f t="shared" si="331"/>
        <v>16629.407999999999</v>
      </c>
      <c r="CRZ52" s="7">
        <f t="shared" si="331"/>
        <v>16629.407999999999</v>
      </c>
      <c r="CSA52" s="7">
        <f t="shared" si="331"/>
        <v>16629.407999999999</v>
      </c>
      <c r="CSB52" s="7">
        <f t="shared" si="331"/>
        <v>16629.407999999999</v>
      </c>
      <c r="CSC52" s="7">
        <f t="shared" si="331"/>
        <v>16629.407999999999</v>
      </c>
      <c r="CSD52" s="7">
        <f t="shared" si="331"/>
        <v>16629.407999999999</v>
      </c>
      <c r="CSE52" s="7">
        <f t="shared" si="331"/>
        <v>16629.407999999999</v>
      </c>
      <c r="CSF52" s="7">
        <f t="shared" si="331"/>
        <v>16629.407999999999</v>
      </c>
      <c r="CSG52" s="7">
        <f t="shared" si="331"/>
        <v>16629.407999999999</v>
      </c>
      <c r="CSH52" s="7">
        <f t="shared" si="331"/>
        <v>16629.407999999999</v>
      </c>
      <c r="CSI52" s="7">
        <f t="shared" si="331"/>
        <v>16629.407999999999</v>
      </c>
      <c r="CSJ52" s="7">
        <f t="shared" si="331"/>
        <v>16629.407999999999</v>
      </c>
      <c r="CSK52" s="7">
        <f t="shared" si="331"/>
        <v>16629.407999999999</v>
      </c>
      <c r="CSL52" s="7">
        <f t="shared" si="331"/>
        <v>16629.407999999999</v>
      </c>
      <c r="CSM52" s="7">
        <f t="shared" si="331"/>
        <v>16629.407999999999</v>
      </c>
      <c r="CSN52" s="7">
        <f t="shared" si="331"/>
        <v>16629.407999999999</v>
      </c>
      <c r="CSO52" s="7">
        <f t="shared" si="331"/>
        <v>16629.407999999999</v>
      </c>
      <c r="CSP52" s="7">
        <f t="shared" si="331"/>
        <v>16629.407999999999</v>
      </c>
      <c r="CSQ52" s="7">
        <f t="shared" si="331"/>
        <v>16629.407999999999</v>
      </c>
      <c r="CSR52" s="7">
        <f t="shared" si="331"/>
        <v>16629.407999999999</v>
      </c>
      <c r="CSS52" s="7">
        <f t="shared" si="331"/>
        <v>16629.407999999999</v>
      </c>
      <c r="CST52" s="7">
        <f t="shared" si="331"/>
        <v>16629.407999999999</v>
      </c>
      <c r="CSU52" s="7">
        <f t="shared" si="331"/>
        <v>16629.407999999999</v>
      </c>
      <c r="CSV52" s="7">
        <f t="shared" si="331"/>
        <v>16629.407999999999</v>
      </c>
      <c r="CSW52" s="7">
        <f t="shared" si="331"/>
        <v>16629.407999999999</v>
      </c>
      <c r="CSX52" s="7">
        <f t="shared" si="331"/>
        <v>16629.407999999999</v>
      </c>
      <c r="CSY52" s="7">
        <f t="shared" si="331"/>
        <v>16629.407999999999</v>
      </c>
      <c r="CSZ52" s="7">
        <f t="shared" si="331"/>
        <v>16629.407999999999</v>
      </c>
      <c r="CTA52" s="7">
        <f t="shared" si="331"/>
        <v>16629.407999999999</v>
      </c>
      <c r="CTB52" s="7">
        <f t="shared" si="331"/>
        <v>16629.407999999999</v>
      </c>
      <c r="CTC52" s="7">
        <f t="shared" si="331"/>
        <v>16629.407999999999</v>
      </c>
      <c r="CTD52" s="7">
        <f t="shared" si="331"/>
        <v>16629.407999999999</v>
      </c>
      <c r="CTE52" s="7">
        <f t="shared" si="331"/>
        <v>16629.407999999999</v>
      </c>
      <c r="CTF52" s="7">
        <f t="shared" si="331"/>
        <v>16629.407999999999</v>
      </c>
      <c r="CTG52" s="7">
        <f t="shared" si="331"/>
        <v>16629.407999999999</v>
      </c>
      <c r="CTH52" s="7">
        <f t="shared" si="331"/>
        <v>16629.407999999999</v>
      </c>
      <c r="CTI52" s="7">
        <f t="shared" si="331"/>
        <v>16629.407999999999</v>
      </c>
      <c r="CTJ52" s="7">
        <f t="shared" si="331"/>
        <v>16629.407999999999</v>
      </c>
      <c r="CTK52" s="7">
        <f t="shared" si="331"/>
        <v>16629.407999999999</v>
      </c>
      <c r="CTL52" s="7">
        <f t="shared" si="331"/>
        <v>16629.407999999999</v>
      </c>
      <c r="CTM52" s="7">
        <f t="shared" si="331"/>
        <v>16629.407999999999</v>
      </c>
      <c r="CTN52" s="7">
        <f t="shared" si="331"/>
        <v>16629.407999999999</v>
      </c>
      <c r="CTO52" s="7">
        <f t="shared" si="331"/>
        <v>16629.407999999999</v>
      </c>
      <c r="CTP52" s="7">
        <f t="shared" si="331"/>
        <v>16629.407999999999</v>
      </c>
      <c r="CTQ52" s="7">
        <f t="shared" si="331"/>
        <v>16629.407999999999</v>
      </c>
      <c r="CTR52" s="7">
        <f t="shared" si="331"/>
        <v>16629.407999999999</v>
      </c>
      <c r="CTS52" s="7">
        <f t="shared" si="331"/>
        <v>16629.407999999999</v>
      </c>
      <c r="CTT52" s="7">
        <f t="shared" si="331"/>
        <v>16629.407999999999</v>
      </c>
      <c r="CTU52" s="7">
        <f t="shared" si="331"/>
        <v>16629.407999999999</v>
      </c>
      <c r="CTV52" s="7">
        <f t="shared" ref="CTV52:CWG52" si="332">CTV47+CTU52</f>
        <v>16629.407999999999</v>
      </c>
      <c r="CTW52" s="7">
        <f t="shared" si="332"/>
        <v>16629.407999999999</v>
      </c>
      <c r="CTX52" s="7">
        <f t="shared" si="332"/>
        <v>16629.407999999999</v>
      </c>
      <c r="CTY52" s="7">
        <f t="shared" si="332"/>
        <v>16629.407999999999</v>
      </c>
      <c r="CTZ52" s="7">
        <f t="shared" si="332"/>
        <v>16629.407999999999</v>
      </c>
      <c r="CUA52" s="7">
        <f t="shared" si="332"/>
        <v>16629.407999999999</v>
      </c>
      <c r="CUB52" s="7">
        <f t="shared" si="332"/>
        <v>16629.407999999999</v>
      </c>
      <c r="CUC52" s="7">
        <f t="shared" si="332"/>
        <v>16629.407999999999</v>
      </c>
      <c r="CUD52" s="7">
        <f t="shared" si="332"/>
        <v>16629.407999999999</v>
      </c>
      <c r="CUE52" s="7">
        <f t="shared" si="332"/>
        <v>16629.407999999999</v>
      </c>
      <c r="CUF52" s="7">
        <f t="shared" si="332"/>
        <v>16629.407999999999</v>
      </c>
      <c r="CUG52" s="7">
        <f t="shared" si="332"/>
        <v>16629.407999999999</v>
      </c>
      <c r="CUH52" s="7">
        <f t="shared" si="332"/>
        <v>16629.407999999999</v>
      </c>
      <c r="CUI52" s="7">
        <f t="shared" si="332"/>
        <v>16629.407999999999</v>
      </c>
      <c r="CUJ52" s="7">
        <f t="shared" si="332"/>
        <v>16629.407999999999</v>
      </c>
      <c r="CUK52" s="7">
        <f t="shared" si="332"/>
        <v>16629.407999999999</v>
      </c>
      <c r="CUL52" s="7">
        <f t="shared" si="332"/>
        <v>16629.407999999999</v>
      </c>
      <c r="CUM52" s="7">
        <f t="shared" si="332"/>
        <v>16629.407999999999</v>
      </c>
      <c r="CUN52" s="7">
        <f t="shared" si="332"/>
        <v>16629.407999999999</v>
      </c>
      <c r="CUO52" s="7">
        <f t="shared" si="332"/>
        <v>16629.407999999999</v>
      </c>
      <c r="CUP52" s="7">
        <f t="shared" si="332"/>
        <v>16629.407999999999</v>
      </c>
      <c r="CUQ52" s="7">
        <f t="shared" si="332"/>
        <v>16629.407999999999</v>
      </c>
      <c r="CUR52" s="7">
        <f t="shared" si="332"/>
        <v>16629.407999999999</v>
      </c>
      <c r="CUS52" s="7">
        <f t="shared" si="332"/>
        <v>16629.407999999999</v>
      </c>
      <c r="CUT52" s="7">
        <f t="shared" si="332"/>
        <v>16629.407999999999</v>
      </c>
      <c r="CUU52" s="7">
        <f t="shared" si="332"/>
        <v>16629.407999999999</v>
      </c>
      <c r="CUV52" s="7">
        <f t="shared" si="332"/>
        <v>16629.407999999999</v>
      </c>
      <c r="CUW52" s="7">
        <f t="shared" si="332"/>
        <v>16629.407999999999</v>
      </c>
      <c r="CUX52" s="7">
        <f t="shared" si="332"/>
        <v>16629.407999999999</v>
      </c>
      <c r="CUY52" s="7">
        <f t="shared" si="332"/>
        <v>16629.407999999999</v>
      </c>
      <c r="CUZ52" s="7">
        <f t="shared" si="332"/>
        <v>16629.407999999999</v>
      </c>
      <c r="CVA52" s="7">
        <f t="shared" si="332"/>
        <v>16629.407999999999</v>
      </c>
      <c r="CVB52" s="7">
        <f t="shared" si="332"/>
        <v>16629.407999999999</v>
      </c>
      <c r="CVC52" s="7">
        <f t="shared" si="332"/>
        <v>16629.407999999999</v>
      </c>
      <c r="CVD52" s="7">
        <f t="shared" si="332"/>
        <v>16629.407999999999</v>
      </c>
      <c r="CVE52" s="7">
        <f t="shared" si="332"/>
        <v>16629.407999999999</v>
      </c>
      <c r="CVF52" s="7">
        <f t="shared" si="332"/>
        <v>16629.407999999999</v>
      </c>
      <c r="CVG52" s="7">
        <f t="shared" si="332"/>
        <v>16629.407999999999</v>
      </c>
      <c r="CVH52" s="7">
        <f t="shared" si="332"/>
        <v>16629.407999999999</v>
      </c>
      <c r="CVI52" s="7">
        <f t="shared" si="332"/>
        <v>16629.407999999999</v>
      </c>
      <c r="CVJ52" s="7">
        <f t="shared" si="332"/>
        <v>16629.407999999999</v>
      </c>
      <c r="CVK52" s="7">
        <f t="shared" si="332"/>
        <v>16629.407999999999</v>
      </c>
      <c r="CVL52" s="7">
        <f t="shared" si="332"/>
        <v>16629.407999999999</v>
      </c>
      <c r="CVM52" s="7">
        <f t="shared" si="332"/>
        <v>16629.407999999999</v>
      </c>
      <c r="CVN52" s="7">
        <f t="shared" si="332"/>
        <v>16629.407999999999</v>
      </c>
      <c r="CVO52" s="7">
        <f t="shared" si="332"/>
        <v>16629.407999999999</v>
      </c>
      <c r="CVP52" s="7">
        <f t="shared" si="332"/>
        <v>16629.407999999999</v>
      </c>
      <c r="CVQ52" s="7">
        <f t="shared" si="332"/>
        <v>16629.407999999999</v>
      </c>
      <c r="CVR52" s="7">
        <f t="shared" si="332"/>
        <v>16629.407999999999</v>
      </c>
      <c r="CVS52" s="7">
        <f t="shared" si="332"/>
        <v>16629.407999999999</v>
      </c>
      <c r="CVT52" s="7">
        <f t="shared" si="332"/>
        <v>16629.407999999999</v>
      </c>
      <c r="CVU52" s="7">
        <f t="shared" si="332"/>
        <v>16629.407999999999</v>
      </c>
      <c r="CVV52" s="7">
        <f t="shared" si="332"/>
        <v>16629.407999999999</v>
      </c>
      <c r="CVW52" s="7">
        <f t="shared" si="332"/>
        <v>16629.407999999999</v>
      </c>
      <c r="CVX52" s="7">
        <f t="shared" si="332"/>
        <v>16629.407999999999</v>
      </c>
      <c r="CVY52" s="7">
        <f t="shared" si="332"/>
        <v>16629.407999999999</v>
      </c>
      <c r="CVZ52" s="7">
        <f t="shared" si="332"/>
        <v>16629.407999999999</v>
      </c>
      <c r="CWA52" s="7">
        <f t="shared" si="332"/>
        <v>16629.407999999999</v>
      </c>
      <c r="CWB52" s="7">
        <f t="shared" si="332"/>
        <v>16629.407999999999</v>
      </c>
      <c r="CWC52" s="7">
        <f t="shared" si="332"/>
        <v>16629.407999999999</v>
      </c>
      <c r="CWD52" s="7">
        <f t="shared" si="332"/>
        <v>16629.407999999999</v>
      </c>
      <c r="CWE52" s="7">
        <f t="shared" si="332"/>
        <v>16629.407999999999</v>
      </c>
      <c r="CWF52" s="7">
        <f t="shared" si="332"/>
        <v>16629.407999999999</v>
      </c>
      <c r="CWG52" s="7">
        <f t="shared" si="332"/>
        <v>16629.407999999999</v>
      </c>
      <c r="CWH52" s="7">
        <f t="shared" ref="CWH52:CYS52" si="333">CWH47+CWG52</f>
        <v>16629.407999999999</v>
      </c>
      <c r="CWI52" s="7">
        <f t="shared" si="333"/>
        <v>16629.407999999999</v>
      </c>
      <c r="CWJ52" s="7">
        <f t="shared" si="333"/>
        <v>16629.407999999999</v>
      </c>
      <c r="CWK52" s="7">
        <f t="shared" si="333"/>
        <v>16629.407999999999</v>
      </c>
      <c r="CWL52" s="7">
        <f t="shared" si="333"/>
        <v>16629.407999999999</v>
      </c>
      <c r="CWM52" s="7">
        <f t="shared" si="333"/>
        <v>16629.407999999999</v>
      </c>
      <c r="CWN52" s="7">
        <f t="shared" si="333"/>
        <v>16629.407999999999</v>
      </c>
      <c r="CWO52" s="7">
        <f t="shared" si="333"/>
        <v>16629.407999999999</v>
      </c>
      <c r="CWP52" s="7">
        <f t="shared" si="333"/>
        <v>16629.407999999999</v>
      </c>
      <c r="CWQ52" s="7">
        <f t="shared" si="333"/>
        <v>16629.407999999999</v>
      </c>
      <c r="CWR52" s="7">
        <f t="shared" si="333"/>
        <v>16629.407999999999</v>
      </c>
      <c r="CWS52" s="7">
        <f t="shared" si="333"/>
        <v>16629.407999999999</v>
      </c>
      <c r="CWT52" s="7">
        <f t="shared" si="333"/>
        <v>16629.407999999999</v>
      </c>
      <c r="CWU52" s="7">
        <f t="shared" si="333"/>
        <v>16629.407999999999</v>
      </c>
      <c r="CWV52" s="7">
        <f t="shared" si="333"/>
        <v>16629.407999999999</v>
      </c>
      <c r="CWW52" s="7">
        <f t="shared" si="333"/>
        <v>16629.407999999999</v>
      </c>
      <c r="CWX52" s="7">
        <f t="shared" si="333"/>
        <v>16629.407999999999</v>
      </c>
      <c r="CWY52" s="7">
        <f t="shared" si="333"/>
        <v>16629.407999999999</v>
      </c>
      <c r="CWZ52" s="7">
        <f t="shared" si="333"/>
        <v>16629.407999999999</v>
      </c>
      <c r="CXA52" s="7">
        <f t="shared" si="333"/>
        <v>16629.407999999999</v>
      </c>
      <c r="CXB52" s="7">
        <f t="shared" si="333"/>
        <v>16629.407999999999</v>
      </c>
      <c r="CXC52" s="7">
        <f t="shared" si="333"/>
        <v>16629.407999999999</v>
      </c>
      <c r="CXD52" s="7">
        <f t="shared" si="333"/>
        <v>16629.407999999999</v>
      </c>
      <c r="CXE52" s="7">
        <f t="shared" si="333"/>
        <v>16629.407999999999</v>
      </c>
      <c r="CXF52" s="7">
        <f t="shared" si="333"/>
        <v>16629.407999999999</v>
      </c>
      <c r="CXG52" s="7">
        <f t="shared" si="333"/>
        <v>16629.407999999999</v>
      </c>
      <c r="CXH52" s="7">
        <f t="shared" si="333"/>
        <v>16629.407999999999</v>
      </c>
      <c r="CXI52" s="7">
        <f t="shared" si="333"/>
        <v>16629.407999999999</v>
      </c>
      <c r="CXJ52" s="7">
        <f t="shared" si="333"/>
        <v>16629.407999999999</v>
      </c>
      <c r="CXK52" s="7">
        <f t="shared" si="333"/>
        <v>16629.407999999999</v>
      </c>
      <c r="CXL52" s="7">
        <f t="shared" si="333"/>
        <v>16629.407999999999</v>
      </c>
      <c r="CXM52" s="7">
        <f t="shared" si="333"/>
        <v>16629.407999999999</v>
      </c>
      <c r="CXN52" s="7">
        <f t="shared" si="333"/>
        <v>16629.407999999999</v>
      </c>
      <c r="CXO52" s="7">
        <f t="shared" si="333"/>
        <v>16629.407999999999</v>
      </c>
      <c r="CXP52" s="7">
        <f t="shared" si="333"/>
        <v>16629.407999999999</v>
      </c>
      <c r="CXQ52" s="7">
        <f t="shared" si="333"/>
        <v>16629.407999999999</v>
      </c>
      <c r="CXR52" s="7">
        <f t="shared" si="333"/>
        <v>16629.407999999999</v>
      </c>
      <c r="CXS52" s="7">
        <f t="shared" si="333"/>
        <v>16629.407999999999</v>
      </c>
      <c r="CXT52" s="7">
        <f t="shared" si="333"/>
        <v>16629.407999999999</v>
      </c>
      <c r="CXU52" s="7">
        <f t="shared" si="333"/>
        <v>16629.407999999999</v>
      </c>
      <c r="CXV52" s="7">
        <f t="shared" si="333"/>
        <v>16629.407999999999</v>
      </c>
      <c r="CXW52" s="7">
        <f t="shared" si="333"/>
        <v>16629.407999999999</v>
      </c>
      <c r="CXX52" s="7">
        <f t="shared" si="333"/>
        <v>16629.407999999999</v>
      </c>
      <c r="CXY52" s="7">
        <f t="shared" si="333"/>
        <v>16629.407999999999</v>
      </c>
      <c r="CXZ52" s="7">
        <f t="shared" si="333"/>
        <v>16629.407999999999</v>
      </c>
      <c r="CYA52" s="7">
        <f t="shared" si="333"/>
        <v>16629.407999999999</v>
      </c>
      <c r="CYB52" s="7">
        <f t="shared" si="333"/>
        <v>16629.407999999999</v>
      </c>
      <c r="CYC52" s="7">
        <f t="shared" si="333"/>
        <v>16629.407999999999</v>
      </c>
      <c r="CYD52" s="7">
        <f t="shared" si="333"/>
        <v>16629.407999999999</v>
      </c>
      <c r="CYE52" s="7">
        <f t="shared" si="333"/>
        <v>16629.407999999999</v>
      </c>
      <c r="CYF52" s="7">
        <f t="shared" si="333"/>
        <v>16629.407999999999</v>
      </c>
      <c r="CYG52" s="7">
        <f t="shared" si="333"/>
        <v>16629.407999999999</v>
      </c>
      <c r="CYH52" s="7">
        <f t="shared" si="333"/>
        <v>16629.407999999999</v>
      </c>
      <c r="CYI52" s="7">
        <f t="shared" si="333"/>
        <v>16629.407999999999</v>
      </c>
      <c r="CYJ52" s="7">
        <f t="shared" si="333"/>
        <v>16629.407999999999</v>
      </c>
      <c r="CYK52" s="7">
        <f t="shared" si="333"/>
        <v>16629.407999999999</v>
      </c>
      <c r="CYL52" s="7">
        <f t="shared" si="333"/>
        <v>16629.407999999999</v>
      </c>
      <c r="CYM52" s="7">
        <f t="shared" si="333"/>
        <v>16629.407999999999</v>
      </c>
      <c r="CYN52" s="7">
        <f t="shared" si="333"/>
        <v>16629.407999999999</v>
      </c>
      <c r="CYO52" s="7">
        <f t="shared" si="333"/>
        <v>16629.407999999999</v>
      </c>
      <c r="CYP52" s="7">
        <f t="shared" si="333"/>
        <v>16629.407999999999</v>
      </c>
      <c r="CYQ52" s="7">
        <f t="shared" si="333"/>
        <v>16629.407999999999</v>
      </c>
      <c r="CYR52" s="7">
        <f t="shared" si="333"/>
        <v>16629.407999999999</v>
      </c>
      <c r="CYS52" s="7">
        <f t="shared" si="333"/>
        <v>16629.407999999999</v>
      </c>
      <c r="CYT52" s="7">
        <f t="shared" ref="CYT52:DBE52" si="334">CYT47+CYS52</f>
        <v>16629.407999999999</v>
      </c>
      <c r="CYU52" s="7">
        <f t="shared" si="334"/>
        <v>16629.407999999999</v>
      </c>
      <c r="CYV52" s="7">
        <f t="shared" si="334"/>
        <v>16629.407999999999</v>
      </c>
      <c r="CYW52" s="7">
        <f t="shared" si="334"/>
        <v>16629.407999999999</v>
      </c>
      <c r="CYX52" s="7">
        <f t="shared" si="334"/>
        <v>16629.407999999999</v>
      </c>
      <c r="CYY52" s="7">
        <f t="shared" si="334"/>
        <v>16629.407999999999</v>
      </c>
      <c r="CYZ52" s="7">
        <f t="shared" si="334"/>
        <v>16629.407999999999</v>
      </c>
      <c r="CZA52" s="7">
        <f t="shared" si="334"/>
        <v>16629.407999999999</v>
      </c>
      <c r="CZB52" s="7">
        <f t="shared" si="334"/>
        <v>16629.407999999999</v>
      </c>
      <c r="CZC52" s="7">
        <f t="shared" si="334"/>
        <v>16629.407999999999</v>
      </c>
      <c r="CZD52" s="7">
        <f t="shared" si="334"/>
        <v>16629.407999999999</v>
      </c>
      <c r="CZE52" s="7">
        <f t="shared" si="334"/>
        <v>16629.407999999999</v>
      </c>
      <c r="CZF52" s="7">
        <f t="shared" si="334"/>
        <v>16629.407999999999</v>
      </c>
      <c r="CZG52" s="7">
        <f t="shared" si="334"/>
        <v>16629.407999999999</v>
      </c>
      <c r="CZH52" s="7">
        <f t="shared" si="334"/>
        <v>16629.407999999999</v>
      </c>
      <c r="CZI52" s="7">
        <f t="shared" si="334"/>
        <v>16629.407999999999</v>
      </c>
      <c r="CZJ52" s="7">
        <f t="shared" si="334"/>
        <v>16629.407999999999</v>
      </c>
      <c r="CZK52" s="7">
        <f t="shared" si="334"/>
        <v>16629.407999999999</v>
      </c>
      <c r="CZL52" s="7">
        <f t="shared" si="334"/>
        <v>16629.407999999999</v>
      </c>
      <c r="CZM52" s="7">
        <f t="shared" si="334"/>
        <v>16629.407999999999</v>
      </c>
      <c r="CZN52" s="7">
        <f t="shared" si="334"/>
        <v>16629.407999999999</v>
      </c>
      <c r="CZO52" s="7">
        <f t="shared" si="334"/>
        <v>16629.407999999999</v>
      </c>
      <c r="CZP52" s="7">
        <f t="shared" si="334"/>
        <v>16629.407999999999</v>
      </c>
      <c r="CZQ52" s="7">
        <f t="shared" si="334"/>
        <v>16629.407999999999</v>
      </c>
      <c r="CZR52" s="7">
        <f t="shared" si="334"/>
        <v>16629.407999999999</v>
      </c>
      <c r="CZS52" s="7">
        <f t="shared" si="334"/>
        <v>16629.407999999999</v>
      </c>
      <c r="CZT52" s="7">
        <f t="shared" si="334"/>
        <v>16629.407999999999</v>
      </c>
      <c r="CZU52" s="7">
        <f t="shared" si="334"/>
        <v>16629.407999999999</v>
      </c>
      <c r="CZV52" s="7">
        <f t="shared" si="334"/>
        <v>16629.407999999999</v>
      </c>
      <c r="CZW52" s="7">
        <f t="shared" si="334"/>
        <v>16629.407999999999</v>
      </c>
      <c r="CZX52" s="7">
        <f t="shared" si="334"/>
        <v>16629.407999999999</v>
      </c>
      <c r="CZY52" s="7">
        <f t="shared" si="334"/>
        <v>16629.407999999999</v>
      </c>
      <c r="CZZ52" s="7">
        <f t="shared" si="334"/>
        <v>16629.407999999999</v>
      </c>
      <c r="DAA52" s="7">
        <f t="shared" si="334"/>
        <v>16629.407999999999</v>
      </c>
      <c r="DAB52" s="7">
        <f t="shared" si="334"/>
        <v>16629.407999999999</v>
      </c>
      <c r="DAC52" s="7">
        <f t="shared" si="334"/>
        <v>16629.407999999999</v>
      </c>
      <c r="DAD52" s="7">
        <f t="shared" si="334"/>
        <v>16629.407999999999</v>
      </c>
      <c r="DAE52" s="7">
        <f t="shared" si="334"/>
        <v>16629.407999999999</v>
      </c>
      <c r="DAF52" s="7">
        <f t="shared" si="334"/>
        <v>16629.407999999999</v>
      </c>
      <c r="DAG52" s="7">
        <f t="shared" si="334"/>
        <v>16629.407999999999</v>
      </c>
      <c r="DAH52" s="7">
        <f t="shared" si="334"/>
        <v>16629.407999999999</v>
      </c>
      <c r="DAI52" s="7">
        <f t="shared" si="334"/>
        <v>16629.407999999999</v>
      </c>
      <c r="DAJ52" s="7">
        <f t="shared" si="334"/>
        <v>16629.407999999999</v>
      </c>
      <c r="DAK52" s="7">
        <f t="shared" si="334"/>
        <v>16629.407999999999</v>
      </c>
      <c r="DAL52" s="7">
        <f t="shared" si="334"/>
        <v>16629.407999999999</v>
      </c>
      <c r="DAM52" s="7">
        <f t="shared" si="334"/>
        <v>16629.407999999999</v>
      </c>
      <c r="DAN52" s="7">
        <f t="shared" si="334"/>
        <v>16629.407999999999</v>
      </c>
      <c r="DAO52" s="7">
        <f t="shared" si="334"/>
        <v>16629.407999999999</v>
      </c>
      <c r="DAP52" s="7">
        <f t="shared" si="334"/>
        <v>16629.407999999999</v>
      </c>
      <c r="DAQ52" s="7">
        <f t="shared" si="334"/>
        <v>16629.407999999999</v>
      </c>
      <c r="DAR52" s="7">
        <f t="shared" si="334"/>
        <v>16629.407999999999</v>
      </c>
      <c r="DAS52" s="7">
        <f t="shared" si="334"/>
        <v>16629.407999999999</v>
      </c>
      <c r="DAT52" s="7">
        <f t="shared" si="334"/>
        <v>16629.407999999999</v>
      </c>
      <c r="DAU52" s="7">
        <f t="shared" si="334"/>
        <v>16629.407999999999</v>
      </c>
      <c r="DAV52" s="7">
        <f t="shared" si="334"/>
        <v>16629.407999999999</v>
      </c>
      <c r="DAW52" s="7">
        <f t="shared" si="334"/>
        <v>16629.407999999999</v>
      </c>
      <c r="DAX52" s="7">
        <f t="shared" si="334"/>
        <v>16629.407999999999</v>
      </c>
      <c r="DAY52" s="7">
        <f t="shared" si="334"/>
        <v>16629.407999999999</v>
      </c>
      <c r="DAZ52" s="7">
        <f t="shared" si="334"/>
        <v>16629.407999999999</v>
      </c>
      <c r="DBA52" s="7">
        <f t="shared" si="334"/>
        <v>16629.407999999999</v>
      </c>
      <c r="DBB52" s="7">
        <f t="shared" si="334"/>
        <v>16629.407999999999</v>
      </c>
      <c r="DBC52" s="7">
        <f t="shared" si="334"/>
        <v>16629.407999999999</v>
      </c>
      <c r="DBD52" s="7">
        <f t="shared" si="334"/>
        <v>16629.407999999999</v>
      </c>
      <c r="DBE52" s="7">
        <f t="shared" si="334"/>
        <v>16629.407999999999</v>
      </c>
      <c r="DBF52" s="7">
        <f t="shared" ref="DBF52:DDQ52" si="335">DBF47+DBE52</f>
        <v>16629.407999999999</v>
      </c>
      <c r="DBG52" s="7">
        <f t="shared" si="335"/>
        <v>16629.407999999999</v>
      </c>
      <c r="DBH52" s="7">
        <f t="shared" si="335"/>
        <v>16629.407999999999</v>
      </c>
      <c r="DBI52" s="7">
        <f t="shared" si="335"/>
        <v>16629.407999999999</v>
      </c>
      <c r="DBJ52" s="7">
        <f t="shared" si="335"/>
        <v>16629.407999999999</v>
      </c>
      <c r="DBK52" s="7">
        <f t="shared" si="335"/>
        <v>16629.407999999999</v>
      </c>
      <c r="DBL52" s="7">
        <f t="shared" si="335"/>
        <v>16629.407999999999</v>
      </c>
      <c r="DBM52" s="7">
        <f t="shared" si="335"/>
        <v>16629.407999999999</v>
      </c>
      <c r="DBN52" s="7">
        <f t="shared" si="335"/>
        <v>16629.407999999999</v>
      </c>
      <c r="DBO52" s="7">
        <f t="shared" si="335"/>
        <v>16629.407999999999</v>
      </c>
      <c r="DBP52" s="7">
        <f t="shared" si="335"/>
        <v>16629.407999999999</v>
      </c>
      <c r="DBQ52" s="7">
        <f t="shared" si="335"/>
        <v>16629.407999999999</v>
      </c>
      <c r="DBR52" s="7">
        <f t="shared" si="335"/>
        <v>16629.407999999999</v>
      </c>
      <c r="DBS52" s="7">
        <f t="shared" si="335"/>
        <v>16629.407999999999</v>
      </c>
      <c r="DBT52" s="7">
        <f t="shared" si="335"/>
        <v>16629.407999999999</v>
      </c>
      <c r="DBU52" s="7">
        <f t="shared" si="335"/>
        <v>16629.407999999999</v>
      </c>
      <c r="DBV52" s="7">
        <f t="shared" si="335"/>
        <v>16629.407999999999</v>
      </c>
      <c r="DBW52" s="7">
        <f t="shared" si="335"/>
        <v>16629.407999999999</v>
      </c>
      <c r="DBX52" s="7">
        <f t="shared" si="335"/>
        <v>16629.407999999999</v>
      </c>
      <c r="DBY52" s="7">
        <f t="shared" si="335"/>
        <v>16629.407999999999</v>
      </c>
      <c r="DBZ52" s="7">
        <f t="shared" si="335"/>
        <v>16629.407999999999</v>
      </c>
      <c r="DCA52" s="7">
        <f t="shared" si="335"/>
        <v>16629.407999999999</v>
      </c>
      <c r="DCB52" s="7">
        <f t="shared" si="335"/>
        <v>16629.407999999999</v>
      </c>
      <c r="DCC52" s="7">
        <f t="shared" si="335"/>
        <v>16629.407999999999</v>
      </c>
      <c r="DCD52" s="7">
        <f t="shared" si="335"/>
        <v>16629.407999999999</v>
      </c>
      <c r="DCE52" s="7">
        <f t="shared" si="335"/>
        <v>16629.407999999999</v>
      </c>
      <c r="DCF52" s="7">
        <f t="shared" si="335"/>
        <v>16629.407999999999</v>
      </c>
      <c r="DCG52" s="7">
        <f t="shared" si="335"/>
        <v>16629.407999999999</v>
      </c>
      <c r="DCH52" s="7">
        <f t="shared" si="335"/>
        <v>16629.407999999999</v>
      </c>
      <c r="DCI52" s="7">
        <f t="shared" si="335"/>
        <v>16629.407999999999</v>
      </c>
      <c r="DCJ52" s="7">
        <f t="shared" si="335"/>
        <v>16629.407999999999</v>
      </c>
      <c r="DCK52" s="7">
        <f t="shared" si="335"/>
        <v>16629.407999999999</v>
      </c>
      <c r="DCL52" s="7">
        <f t="shared" si="335"/>
        <v>16629.407999999999</v>
      </c>
      <c r="DCM52" s="7">
        <f t="shared" si="335"/>
        <v>16629.407999999999</v>
      </c>
      <c r="DCN52" s="7">
        <f t="shared" si="335"/>
        <v>16629.407999999999</v>
      </c>
      <c r="DCO52" s="7">
        <f t="shared" si="335"/>
        <v>16629.407999999999</v>
      </c>
      <c r="DCP52" s="7">
        <f t="shared" si="335"/>
        <v>16629.407999999999</v>
      </c>
      <c r="DCQ52" s="7">
        <f t="shared" si="335"/>
        <v>16629.407999999999</v>
      </c>
      <c r="DCR52" s="7">
        <f t="shared" si="335"/>
        <v>16629.407999999999</v>
      </c>
      <c r="DCS52" s="7">
        <f t="shared" si="335"/>
        <v>16629.407999999999</v>
      </c>
      <c r="DCT52" s="7">
        <f t="shared" si="335"/>
        <v>16629.407999999999</v>
      </c>
      <c r="DCU52" s="7">
        <f t="shared" si="335"/>
        <v>16629.407999999999</v>
      </c>
      <c r="DCV52" s="7">
        <f t="shared" si="335"/>
        <v>16629.407999999999</v>
      </c>
      <c r="DCW52" s="7">
        <f t="shared" si="335"/>
        <v>16629.407999999999</v>
      </c>
      <c r="DCX52" s="7">
        <f t="shared" si="335"/>
        <v>16629.407999999999</v>
      </c>
      <c r="DCY52" s="7">
        <f t="shared" si="335"/>
        <v>16629.407999999999</v>
      </c>
      <c r="DCZ52" s="7">
        <f t="shared" si="335"/>
        <v>16629.407999999999</v>
      </c>
      <c r="DDA52" s="7">
        <f t="shared" si="335"/>
        <v>16629.407999999999</v>
      </c>
      <c r="DDB52" s="7">
        <f t="shared" si="335"/>
        <v>16629.407999999999</v>
      </c>
      <c r="DDC52" s="7">
        <f t="shared" si="335"/>
        <v>16629.407999999999</v>
      </c>
      <c r="DDD52" s="7">
        <f t="shared" si="335"/>
        <v>16629.407999999999</v>
      </c>
      <c r="DDE52" s="7">
        <f t="shared" si="335"/>
        <v>16629.407999999999</v>
      </c>
      <c r="DDF52" s="7">
        <f t="shared" si="335"/>
        <v>16629.407999999999</v>
      </c>
      <c r="DDG52" s="7">
        <f t="shared" si="335"/>
        <v>16629.407999999999</v>
      </c>
      <c r="DDH52" s="7">
        <f t="shared" si="335"/>
        <v>16629.407999999999</v>
      </c>
      <c r="DDI52" s="7">
        <f t="shared" si="335"/>
        <v>16629.407999999999</v>
      </c>
      <c r="DDJ52" s="7">
        <f t="shared" si="335"/>
        <v>16629.407999999999</v>
      </c>
      <c r="DDK52" s="7">
        <f t="shared" si="335"/>
        <v>16629.407999999999</v>
      </c>
      <c r="DDL52" s="7">
        <f t="shared" si="335"/>
        <v>16629.407999999999</v>
      </c>
      <c r="DDM52" s="7">
        <f t="shared" si="335"/>
        <v>16629.407999999999</v>
      </c>
      <c r="DDN52" s="7">
        <f t="shared" si="335"/>
        <v>16629.407999999999</v>
      </c>
      <c r="DDO52" s="7">
        <f t="shared" si="335"/>
        <v>16629.407999999999</v>
      </c>
      <c r="DDP52" s="7">
        <f t="shared" si="335"/>
        <v>16629.407999999999</v>
      </c>
      <c r="DDQ52" s="7">
        <f t="shared" si="335"/>
        <v>16629.407999999999</v>
      </c>
      <c r="DDR52" s="7">
        <f t="shared" ref="DDR52:DGC52" si="336">DDR47+DDQ52</f>
        <v>16629.407999999999</v>
      </c>
      <c r="DDS52" s="7">
        <f t="shared" si="336"/>
        <v>16629.407999999999</v>
      </c>
      <c r="DDT52" s="7">
        <f t="shared" si="336"/>
        <v>16629.407999999999</v>
      </c>
      <c r="DDU52" s="7">
        <f t="shared" si="336"/>
        <v>16629.407999999999</v>
      </c>
      <c r="DDV52" s="7">
        <f t="shared" si="336"/>
        <v>16629.407999999999</v>
      </c>
      <c r="DDW52" s="7">
        <f t="shared" si="336"/>
        <v>16629.407999999999</v>
      </c>
      <c r="DDX52" s="7">
        <f t="shared" si="336"/>
        <v>16629.407999999999</v>
      </c>
      <c r="DDY52" s="7">
        <f t="shared" si="336"/>
        <v>16629.407999999999</v>
      </c>
      <c r="DDZ52" s="7">
        <f t="shared" si="336"/>
        <v>16629.407999999999</v>
      </c>
      <c r="DEA52" s="7">
        <f t="shared" si="336"/>
        <v>16629.407999999999</v>
      </c>
      <c r="DEB52" s="7">
        <f t="shared" si="336"/>
        <v>16629.407999999999</v>
      </c>
      <c r="DEC52" s="7">
        <f t="shared" si="336"/>
        <v>16629.407999999999</v>
      </c>
      <c r="DED52" s="7">
        <f t="shared" si="336"/>
        <v>16629.407999999999</v>
      </c>
      <c r="DEE52" s="7">
        <f t="shared" si="336"/>
        <v>16629.407999999999</v>
      </c>
      <c r="DEF52" s="7">
        <f t="shared" si="336"/>
        <v>16629.407999999999</v>
      </c>
      <c r="DEG52" s="7">
        <f t="shared" si="336"/>
        <v>16629.407999999999</v>
      </c>
      <c r="DEH52" s="7">
        <f t="shared" si="336"/>
        <v>16629.407999999999</v>
      </c>
      <c r="DEI52" s="7">
        <f t="shared" si="336"/>
        <v>16629.407999999999</v>
      </c>
      <c r="DEJ52" s="7">
        <f t="shared" si="336"/>
        <v>16629.407999999999</v>
      </c>
      <c r="DEK52" s="7">
        <f t="shared" si="336"/>
        <v>16629.407999999999</v>
      </c>
      <c r="DEL52" s="7">
        <f t="shared" si="336"/>
        <v>16629.407999999999</v>
      </c>
      <c r="DEM52" s="7">
        <f t="shared" si="336"/>
        <v>16629.407999999999</v>
      </c>
      <c r="DEN52" s="7">
        <f t="shared" si="336"/>
        <v>16629.407999999999</v>
      </c>
      <c r="DEO52" s="7">
        <f t="shared" si="336"/>
        <v>16629.407999999999</v>
      </c>
      <c r="DEP52" s="7">
        <f t="shared" si="336"/>
        <v>16629.407999999999</v>
      </c>
      <c r="DEQ52" s="7">
        <f t="shared" si="336"/>
        <v>16629.407999999999</v>
      </c>
      <c r="DER52" s="7">
        <f t="shared" si="336"/>
        <v>16629.407999999999</v>
      </c>
      <c r="DES52" s="7">
        <f t="shared" si="336"/>
        <v>16629.407999999999</v>
      </c>
      <c r="DET52" s="7">
        <f t="shared" si="336"/>
        <v>16629.407999999999</v>
      </c>
      <c r="DEU52" s="7">
        <f t="shared" si="336"/>
        <v>16629.407999999999</v>
      </c>
      <c r="DEV52" s="7">
        <f t="shared" si="336"/>
        <v>16629.407999999999</v>
      </c>
      <c r="DEW52" s="7">
        <f t="shared" si="336"/>
        <v>16629.407999999999</v>
      </c>
      <c r="DEX52" s="7">
        <f t="shared" si="336"/>
        <v>16629.407999999999</v>
      </c>
      <c r="DEY52" s="7">
        <f t="shared" si="336"/>
        <v>16629.407999999999</v>
      </c>
      <c r="DEZ52" s="7">
        <f t="shared" si="336"/>
        <v>16629.407999999999</v>
      </c>
      <c r="DFA52" s="7">
        <f t="shared" si="336"/>
        <v>16629.407999999999</v>
      </c>
      <c r="DFB52" s="7">
        <f t="shared" si="336"/>
        <v>16629.407999999999</v>
      </c>
      <c r="DFC52" s="7">
        <f t="shared" si="336"/>
        <v>16629.407999999999</v>
      </c>
      <c r="DFD52" s="7">
        <f t="shared" si="336"/>
        <v>16629.407999999999</v>
      </c>
      <c r="DFE52" s="7">
        <f t="shared" si="336"/>
        <v>16629.407999999999</v>
      </c>
      <c r="DFF52" s="7">
        <f t="shared" si="336"/>
        <v>16629.407999999999</v>
      </c>
      <c r="DFG52" s="7">
        <f t="shared" si="336"/>
        <v>16629.407999999999</v>
      </c>
      <c r="DFH52" s="7">
        <f t="shared" si="336"/>
        <v>16629.407999999999</v>
      </c>
      <c r="DFI52" s="7">
        <f t="shared" si="336"/>
        <v>16629.407999999999</v>
      </c>
      <c r="DFJ52" s="7">
        <f t="shared" si="336"/>
        <v>16629.407999999999</v>
      </c>
      <c r="DFK52" s="7">
        <f t="shared" si="336"/>
        <v>16629.407999999999</v>
      </c>
      <c r="DFL52" s="7">
        <f t="shared" si="336"/>
        <v>16629.407999999999</v>
      </c>
      <c r="DFM52" s="7">
        <f t="shared" si="336"/>
        <v>16629.407999999999</v>
      </c>
      <c r="DFN52" s="7">
        <f t="shared" si="336"/>
        <v>16629.407999999999</v>
      </c>
      <c r="DFO52" s="7">
        <f t="shared" si="336"/>
        <v>16629.407999999999</v>
      </c>
      <c r="DFP52" s="7">
        <f t="shared" si="336"/>
        <v>16629.407999999999</v>
      </c>
      <c r="DFQ52" s="7">
        <f t="shared" si="336"/>
        <v>16629.407999999999</v>
      </c>
      <c r="DFR52" s="7">
        <f t="shared" si="336"/>
        <v>16629.407999999999</v>
      </c>
      <c r="DFS52" s="7">
        <f t="shared" si="336"/>
        <v>16629.407999999999</v>
      </c>
      <c r="DFT52" s="7">
        <f t="shared" si="336"/>
        <v>16629.407999999999</v>
      </c>
      <c r="DFU52" s="7">
        <f t="shared" si="336"/>
        <v>16629.407999999999</v>
      </c>
      <c r="DFV52" s="7">
        <f t="shared" si="336"/>
        <v>16629.407999999999</v>
      </c>
      <c r="DFW52" s="7">
        <f t="shared" si="336"/>
        <v>16629.407999999999</v>
      </c>
      <c r="DFX52" s="7">
        <f t="shared" si="336"/>
        <v>16629.407999999999</v>
      </c>
      <c r="DFY52" s="7">
        <f t="shared" si="336"/>
        <v>16629.407999999999</v>
      </c>
      <c r="DFZ52" s="7">
        <f t="shared" si="336"/>
        <v>16629.407999999999</v>
      </c>
      <c r="DGA52" s="7">
        <f t="shared" si="336"/>
        <v>16629.407999999999</v>
      </c>
      <c r="DGB52" s="7">
        <f t="shared" si="336"/>
        <v>16629.407999999999</v>
      </c>
      <c r="DGC52" s="7">
        <f t="shared" si="336"/>
        <v>16629.407999999999</v>
      </c>
      <c r="DGD52" s="7">
        <f t="shared" ref="DGD52:DIO52" si="337">DGD47+DGC52</f>
        <v>16629.407999999999</v>
      </c>
      <c r="DGE52" s="7">
        <f t="shared" si="337"/>
        <v>16629.407999999999</v>
      </c>
      <c r="DGF52" s="7">
        <f t="shared" si="337"/>
        <v>16629.407999999999</v>
      </c>
      <c r="DGG52" s="7">
        <f t="shared" si="337"/>
        <v>16629.407999999999</v>
      </c>
      <c r="DGH52" s="7">
        <f t="shared" si="337"/>
        <v>16629.407999999999</v>
      </c>
      <c r="DGI52" s="7">
        <f t="shared" si="337"/>
        <v>16629.407999999999</v>
      </c>
      <c r="DGJ52" s="7">
        <f t="shared" si="337"/>
        <v>16629.407999999999</v>
      </c>
      <c r="DGK52" s="7">
        <f t="shared" si="337"/>
        <v>16629.407999999999</v>
      </c>
      <c r="DGL52" s="7">
        <f t="shared" si="337"/>
        <v>16629.407999999999</v>
      </c>
      <c r="DGM52" s="7">
        <f t="shared" si="337"/>
        <v>16629.407999999999</v>
      </c>
      <c r="DGN52" s="7">
        <f t="shared" si="337"/>
        <v>16629.407999999999</v>
      </c>
      <c r="DGO52" s="7">
        <f t="shared" si="337"/>
        <v>16629.407999999999</v>
      </c>
      <c r="DGP52" s="7">
        <f t="shared" si="337"/>
        <v>16629.407999999999</v>
      </c>
      <c r="DGQ52" s="7">
        <f t="shared" si="337"/>
        <v>16629.407999999999</v>
      </c>
      <c r="DGR52" s="7">
        <f t="shared" si="337"/>
        <v>16629.407999999999</v>
      </c>
      <c r="DGS52" s="7">
        <f t="shared" si="337"/>
        <v>16629.407999999999</v>
      </c>
      <c r="DGT52" s="7">
        <f t="shared" si="337"/>
        <v>16629.407999999999</v>
      </c>
      <c r="DGU52" s="7">
        <f t="shared" si="337"/>
        <v>16629.407999999999</v>
      </c>
      <c r="DGV52" s="7">
        <f t="shared" si="337"/>
        <v>16629.407999999999</v>
      </c>
      <c r="DGW52" s="7">
        <f t="shared" si="337"/>
        <v>16629.407999999999</v>
      </c>
      <c r="DGX52" s="7">
        <f t="shared" si="337"/>
        <v>16629.407999999999</v>
      </c>
      <c r="DGY52" s="7">
        <f t="shared" si="337"/>
        <v>16629.407999999999</v>
      </c>
      <c r="DGZ52" s="7">
        <f t="shared" si="337"/>
        <v>16629.407999999999</v>
      </c>
      <c r="DHA52" s="7">
        <f t="shared" si="337"/>
        <v>16629.407999999999</v>
      </c>
      <c r="DHB52" s="7">
        <f t="shared" si="337"/>
        <v>16629.407999999999</v>
      </c>
      <c r="DHC52" s="7">
        <f t="shared" si="337"/>
        <v>16629.407999999999</v>
      </c>
      <c r="DHD52" s="7">
        <f t="shared" si="337"/>
        <v>16629.407999999999</v>
      </c>
      <c r="DHE52" s="7">
        <f t="shared" si="337"/>
        <v>16629.407999999999</v>
      </c>
      <c r="DHF52" s="7">
        <f t="shared" si="337"/>
        <v>16629.407999999999</v>
      </c>
      <c r="DHG52" s="7">
        <f t="shared" si="337"/>
        <v>16629.407999999999</v>
      </c>
      <c r="DHH52" s="7">
        <f t="shared" si="337"/>
        <v>16629.407999999999</v>
      </c>
      <c r="DHI52" s="7">
        <f t="shared" si="337"/>
        <v>16629.407999999999</v>
      </c>
      <c r="DHJ52" s="7">
        <f t="shared" si="337"/>
        <v>16629.407999999999</v>
      </c>
      <c r="DHK52" s="7">
        <f t="shared" si="337"/>
        <v>16629.407999999999</v>
      </c>
      <c r="DHL52" s="7">
        <f t="shared" si="337"/>
        <v>16629.407999999999</v>
      </c>
      <c r="DHM52" s="7">
        <f t="shared" si="337"/>
        <v>16629.407999999999</v>
      </c>
      <c r="DHN52" s="7">
        <f t="shared" si="337"/>
        <v>16629.407999999999</v>
      </c>
      <c r="DHO52" s="7">
        <f t="shared" si="337"/>
        <v>16629.407999999999</v>
      </c>
      <c r="DHP52" s="7">
        <f t="shared" si="337"/>
        <v>16629.407999999999</v>
      </c>
      <c r="DHQ52" s="7">
        <f t="shared" si="337"/>
        <v>16629.407999999999</v>
      </c>
      <c r="DHR52" s="7">
        <f t="shared" si="337"/>
        <v>16629.407999999999</v>
      </c>
      <c r="DHS52" s="7">
        <f t="shared" si="337"/>
        <v>16629.407999999999</v>
      </c>
      <c r="DHT52" s="7">
        <f t="shared" si="337"/>
        <v>16629.407999999999</v>
      </c>
      <c r="DHU52" s="7">
        <f t="shared" si="337"/>
        <v>16629.407999999999</v>
      </c>
      <c r="DHV52" s="7">
        <f t="shared" si="337"/>
        <v>16629.407999999999</v>
      </c>
      <c r="DHW52" s="7">
        <f t="shared" si="337"/>
        <v>16629.407999999999</v>
      </c>
      <c r="DHX52" s="7">
        <f t="shared" si="337"/>
        <v>16629.407999999999</v>
      </c>
      <c r="DHY52" s="7">
        <f t="shared" si="337"/>
        <v>16629.407999999999</v>
      </c>
      <c r="DHZ52" s="7">
        <f t="shared" si="337"/>
        <v>16629.407999999999</v>
      </c>
      <c r="DIA52" s="7">
        <f t="shared" si="337"/>
        <v>16629.407999999999</v>
      </c>
      <c r="DIB52" s="7">
        <f t="shared" si="337"/>
        <v>16629.407999999999</v>
      </c>
      <c r="DIC52" s="7">
        <f t="shared" si="337"/>
        <v>16629.407999999999</v>
      </c>
      <c r="DID52" s="7">
        <f t="shared" si="337"/>
        <v>16629.407999999999</v>
      </c>
      <c r="DIE52" s="7">
        <f t="shared" si="337"/>
        <v>16629.407999999999</v>
      </c>
      <c r="DIF52" s="7">
        <f t="shared" si="337"/>
        <v>16629.407999999999</v>
      </c>
      <c r="DIG52" s="7">
        <f t="shared" si="337"/>
        <v>16629.407999999999</v>
      </c>
      <c r="DIH52" s="7">
        <f t="shared" si="337"/>
        <v>16629.407999999999</v>
      </c>
      <c r="DII52" s="7">
        <f t="shared" si="337"/>
        <v>16629.407999999999</v>
      </c>
      <c r="DIJ52" s="7">
        <f t="shared" si="337"/>
        <v>16629.407999999999</v>
      </c>
      <c r="DIK52" s="7">
        <f t="shared" si="337"/>
        <v>16629.407999999999</v>
      </c>
      <c r="DIL52" s="7">
        <f t="shared" si="337"/>
        <v>16629.407999999999</v>
      </c>
      <c r="DIM52" s="7">
        <f t="shared" si="337"/>
        <v>16629.407999999999</v>
      </c>
      <c r="DIN52" s="7">
        <f t="shared" si="337"/>
        <v>16629.407999999999</v>
      </c>
      <c r="DIO52" s="7">
        <f t="shared" si="337"/>
        <v>16629.407999999999</v>
      </c>
      <c r="DIP52" s="7">
        <f t="shared" ref="DIP52:DLA52" si="338">DIP47+DIO52</f>
        <v>16629.407999999999</v>
      </c>
      <c r="DIQ52" s="7">
        <f t="shared" si="338"/>
        <v>16629.407999999999</v>
      </c>
      <c r="DIR52" s="7">
        <f t="shared" si="338"/>
        <v>16629.407999999999</v>
      </c>
      <c r="DIS52" s="7">
        <f t="shared" si="338"/>
        <v>16629.407999999999</v>
      </c>
      <c r="DIT52" s="7">
        <f t="shared" si="338"/>
        <v>16629.407999999999</v>
      </c>
      <c r="DIU52" s="7">
        <f t="shared" si="338"/>
        <v>16629.407999999999</v>
      </c>
      <c r="DIV52" s="7">
        <f t="shared" si="338"/>
        <v>16629.407999999999</v>
      </c>
      <c r="DIW52" s="7">
        <f t="shared" si="338"/>
        <v>16629.407999999999</v>
      </c>
      <c r="DIX52" s="7">
        <f t="shared" si="338"/>
        <v>16629.407999999999</v>
      </c>
      <c r="DIY52" s="7">
        <f t="shared" si="338"/>
        <v>16629.407999999999</v>
      </c>
      <c r="DIZ52" s="7">
        <f t="shared" si="338"/>
        <v>16629.407999999999</v>
      </c>
      <c r="DJA52" s="7">
        <f t="shared" si="338"/>
        <v>16629.407999999999</v>
      </c>
      <c r="DJB52" s="7">
        <f t="shared" si="338"/>
        <v>16629.407999999999</v>
      </c>
      <c r="DJC52" s="7">
        <f t="shared" si="338"/>
        <v>16629.407999999999</v>
      </c>
      <c r="DJD52" s="7">
        <f t="shared" si="338"/>
        <v>16629.407999999999</v>
      </c>
      <c r="DJE52" s="7">
        <f t="shared" si="338"/>
        <v>16629.407999999999</v>
      </c>
      <c r="DJF52" s="7">
        <f t="shared" si="338"/>
        <v>16629.407999999999</v>
      </c>
      <c r="DJG52" s="7">
        <f t="shared" si="338"/>
        <v>16629.407999999999</v>
      </c>
      <c r="DJH52" s="7">
        <f t="shared" si="338"/>
        <v>16629.407999999999</v>
      </c>
      <c r="DJI52" s="7">
        <f t="shared" si="338"/>
        <v>16629.407999999999</v>
      </c>
      <c r="DJJ52" s="7">
        <f t="shared" si="338"/>
        <v>16629.407999999999</v>
      </c>
      <c r="DJK52" s="7">
        <f t="shared" si="338"/>
        <v>16629.407999999999</v>
      </c>
      <c r="DJL52" s="7">
        <f t="shared" si="338"/>
        <v>16629.407999999999</v>
      </c>
      <c r="DJM52" s="7">
        <f t="shared" si="338"/>
        <v>16629.407999999999</v>
      </c>
      <c r="DJN52" s="7">
        <f t="shared" si="338"/>
        <v>16629.407999999999</v>
      </c>
      <c r="DJO52" s="7">
        <f t="shared" si="338"/>
        <v>16629.407999999999</v>
      </c>
      <c r="DJP52" s="7">
        <f t="shared" si="338"/>
        <v>16629.407999999999</v>
      </c>
      <c r="DJQ52" s="7">
        <f t="shared" si="338"/>
        <v>16629.407999999999</v>
      </c>
      <c r="DJR52" s="7">
        <f t="shared" si="338"/>
        <v>16629.407999999999</v>
      </c>
      <c r="DJS52" s="7">
        <f t="shared" si="338"/>
        <v>16629.407999999999</v>
      </c>
      <c r="DJT52" s="7">
        <f t="shared" si="338"/>
        <v>16629.407999999999</v>
      </c>
      <c r="DJU52" s="7">
        <f t="shared" si="338"/>
        <v>16629.407999999999</v>
      </c>
      <c r="DJV52" s="7">
        <f t="shared" si="338"/>
        <v>16629.407999999999</v>
      </c>
      <c r="DJW52" s="7">
        <f t="shared" si="338"/>
        <v>16629.407999999999</v>
      </c>
      <c r="DJX52" s="7">
        <f t="shared" si="338"/>
        <v>16629.407999999999</v>
      </c>
      <c r="DJY52" s="7">
        <f t="shared" si="338"/>
        <v>16629.407999999999</v>
      </c>
      <c r="DJZ52" s="7">
        <f t="shared" si="338"/>
        <v>16629.407999999999</v>
      </c>
      <c r="DKA52" s="7">
        <f t="shared" si="338"/>
        <v>16629.407999999999</v>
      </c>
      <c r="DKB52" s="7">
        <f t="shared" si="338"/>
        <v>16629.407999999999</v>
      </c>
      <c r="DKC52" s="7">
        <f t="shared" si="338"/>
        <v>16629.407999999999</v>
      </c>
      <c r="DKD52" s="7">
        <f t="shared" si="338"/>
        <v>16629.407999999999</v>
      </c>
      <c r="DKE52" s="7">
        <f t="shared" si="338"/>
        <v>16629.407999999999</v>
      </c>
      <c r="DKF52" s="7">
        <f t="shared" si="338"/>
        <v>16629.407999999999</v>
      </c>
      <c r="DKG52" s="7">
        <f t="shared" si="338"/>
        <v>16629.407999999999</v>
      </c>
      <c r="DKH52" s="7">
        <f t="shared" si="338"/>
        <v>16629.407999999999</v>
      </c>
      <c r="DKI52" s="7">
        <f t="shared" si="338"/>
        <v>16629.407999999999</v>
      </c>
      <c r="DKJ52" s="7">
        <f t="shared" si="338"/>
        <v>16629.407999999999</v>
      </c>
      <c r="DKK52" s="7">
        <f t="shared" si="338"/>
        <v>16629.407999999999</v>
      </c>
      <c r="DKL52" s="7">
        <f t="shared" si="338"/>
        <v>16629.407999999999</v>
      </c>
      <c r="DKM52" s="7">
        <f t="shared" si="338"/>
        <v>16629.407999999999</v>
      </c>
      <c r="DKN52" s="7">
        <f t="shared" si="338"/>
        <v>16629.407999999999</v>
      </c>
      <c r="DKO52" s="7">
        <f t="shared" si="338"/>
        <v>16629.407999999999</v>
      </c>
      <c r="DKP52" s="7">
        <f t="shared" si="338"/>
        <v>16629.407999999999</v>
      </c>
      <c r="DKQ52" s="7">
        <f t="shared" si="338"/>
        <v>16629.407999999999</v>
      </c>
      <c r="DKR52" s="7">
        <f t="shared" si="338"/>
        <v>16629.407999999999</v>
      </c>
      <c r="DKS52" s="7">
        <f t="shared" si="338"/>
        <v>16629.407999999999</v>
      </c>
      <c r="DKT52" s="7">
        <f t="shared" si="338"/>
        <v>16629.407999999999</v>
      </c>
      <c r="DKU52" s="7">
        <f t="shared" si="338"/>
        <v>16629.407999999999</v>
      </c>
      <c r="DKV52" s="7">
        <f t="shared" si="338"/>
        <v>16629.407999999999</v>
      </c>
      <c r="DKW52" s="7">
        <f t="shared" si="338"/>
        <v>16629.407999999999</v>
      </c>
      <c r="DKX52" s="7">
        <f t="shared" si="338"/>
        <v>16629.407999999999</v>
      </c>
      <c r="DKY52" s="7">
        <f t="shared" si="338"/>
        <v>16629.407999999999</v>
      </c>
      <c r="DKZ52" s="7">
        <f t="shared" si="338"/>
        <v>16629.407999999999</v>
      </c>
      <c r="DLA52" s="7">
        <f t="shared" si="338"/>
        <v>16629.407999999999</v>
      </c>
      <c r="DLB52" s="7">
        <f t="shared" ref="DLB52:DNM52" si="339">DLB47+DLA52</f>
        <v>16629.407999999999</v>
      </c>
      <c r="DLC52" s="7">
        <f t="shared" si="339"/>
        <v>16629.407999999999</v>
      </c>
      <c r="DLD52" s="7">
        <f t="shared" si="339"/>
        <v>16629.407999999999</v>
      </c>
      <c r="DLE52" s="7">
        <f t="shared" si="339"/>
        <v>16629.407999999999</v>
      </c>
      <c r="DLF52" s="7">
        <f t="shared" si="339"/>
        <v>16629.407999999999</v>
      </c>
      <c r="DLG52" s="7">
        <f t="shared" si="339"/>
        <v>16629.407999999999</v>
      </c>
      <c r="DLH52" s="7">
        <f t="shared" si="339"/>
        <v>16629.407999999999</v>
      </c>
      <c r="DLI52" s="7">
        <f t="shared" si="339"/>
        <v>16629.407999999999</v>
      </c>
      <c r="DLJ52" s="7">
        <f t="shared" si="339"/>
        <v>16629.407999999999</v>
      </c>
      <c r="DLK52" s="7">
        <f t="shared" si="339"/>
        <v>16629.407999999999</v>
      </c>
      <c r="DLL52" s="7">
        <f t="shared" si="339"/>
        <v>16629.407999999999</v>
      </c>
      <c r="DLM52" s="7">
        <f t="shared" si="339"/>
        <v>16629.407999999999</v>
      </c>
      <c r="DLN52" s="7">
        <f t="shared" si="339"/>
        <v>16629.407999999999</v>
      </c>
      <c r="DLO52" s="7">
        <f t="shared" si="339"/>
        <v>16629.407999999999</v>
      </c>
      <c r="DLP52" s="7">
        <f t="shared" si="339"/>
        <v>16629.407999999999</v>
      </c>
      <c r="DLQ52" s="7">
        <f t="shared" si="339"/>
        <v>16629.407999999999</v>
      </c>
      <c r="DLR52" s="7">
        <f t="shared" si="339"/>
        <v>16629.407999999999</v>
      </c>
      <c r="DLS52" s="7">
        <f t="shared" si="339"/>
        <v>16629.407999999999</v>
      </c>
      <c r="DLT52" s="7">
        <f t="shared" si="339"/>
        <v>16629.407999999999</v>
      </c>
      <c r="DLU52" s="7">
        <f t="shared" si="339"/>
        <v>16629.407999999999</v>
      </c>
      <c r="DLV52" s="7">
        <f t="shared" si="339"/>
        <v>16629.407999999999</v>
      </c>
      <c r="DLW52" s="7">
        <f t="shared" si="339"/>
        <v>16629.407999999999</v>
      </c>
      <c r="DLX52" s="7">
        <f t="shared" si="339"/>
        <v>16629.407999999999</v>
      </c>
      <c r="DLY52" s="7">
        <f t="shared" si="339"/>
        <v>16629.407999999999</v>
      </c>
      <c r="DLZ52" s="7">
        <f t="shared" si="339"/>
        <v>16629.407999999999</v>
      </c>
      <c r="DMA52" s="7">
        <f t="shared" si="339"/>
        <v>16629.407999999999</v>
      </c>
      <c r="DMB52" s="7">
        <f t="shared" si="339"/>
        <v>16629.407999999999</v>
      </c>
      <c r="DMC52" s="7">
        <f t="shared" si="339"/>
        <v>16629.407999999999</v>
      </c>
      <c r="DMD52" s="7">
        <f t="shared" si="339"/>
        <v>16629.407999999999</v>
      </c>
      <c r="DME52" s="7">
        <f t="shared" si="339"/>
        <v>16629.407999999999</v>
      </c>
      <c r="DMF52" s="7">
        <f t="shared" si="339"/>
        <v>16629.407999999999</v>
      </c>
      <c r="DMG52" s="7">
        <f t="shared" si="339"/>
        <v>16629.407999999999</v>
      </c>
      <c r="DMH52" s="7">
        <f t="shared" si="339"/>
        <v>16629.407999999999</v>
      </c>
      <c r="DMI52" s="7">
        <f t="shared" si="339"/>
        <v>16629.407999999999</v>
      </c>
      <c r="DMJ52" s="7">
        <f t="shared" si="339"/>
        <v>16629.407999999999</v>
      </c>
      <c r="DMK52" s="7">
        <f t="shared" si="339"/>
        <v>16629.407999999999</v>
      </c>
      <c r="DML52" s="7">
        <f t="shared" si="339"/>
        <v>16629.407999999999</v>
      </c>
      <c r="DMM52" s="7">
        <f t="shared" si="339"/>
        <v>16629.407999999999</v>
      </c>
      <c r="DMN52" s="7">
        <f t="shared" si="339"/>
        <v>16629.407999999999</v>
      </c>
      <c r="DMO52" s="7">
        <f t="shared" si="339"/>
        <v>16629.407999999999</v>
      </c>
      <c r="DMP52" s="7">
        <f t="shared" si="339"/>
        <v>16629.407999999999</v>
      </c>
      <c r="DMQ52" s="7">
        <f t="shared" si="339"/>
        <v>16629.407999999999</v>
      </c>
      <c r="DMR52" s="7">
        <f t="shared" si="339"/>
        <v>16629.407999999999</v>
      </c>
      <c r="DMS52" s="7">
        <f t="shared" si="339"/>
        <v>16629.407999999999</v>
      </c>
      <c r="DMT52" s="7">
        <f t="shared" si="339"/>
        <v>16629.407999999999</v>
      </c>
      <c r="DMU52" s="7">
        <f t="shared" si="339"/>
        <v>16629.407999999999</v>
      </c>
      <c r="DMV52" s="7">
        <f t="shared" si="339"/>
        <v>16629.407999999999</v>
      </c>
      <c r="DMW52" s="7">
        <f t="shared" si="339"/>
        <v>16629.407999999999</v>
      </c>
      <c r="DMX52" s="7">
        <f t="shared" si="339"/>
        <v>16629.407999999999</v>
      </c>
      <c r="DMY52" s="7">
        <f t="shared" si="339"/>
        <v>16629.407999999999</v>
      </c>
      <c r="DMZ52" s="7">
        <f t="shared" si="339"/>
        <v>16629.407999999999</v>
      </c>
      <c r="DNA52" s="7">
        <f t="shared" si="339"/>
        <v>16629.407999999999</v>
      </c>
      <c r="DNB52" s="7">
        <f t="shared" si="339"/>
        <v>16629.407999999999</v>
      </c>
      <c r="DNC52" s="7">
        <f t="shared" si="339"/>
        <v>16629.407999999999</v>
      </c>
      <c r="DND52" s="7">
        <f t="shared" si="339"/>
        <v>16629.407999999999</v>
      </c>
      <c r="DNE52" s="7">
        <f t="shared" si="339"/>
        <v>16629.407999999999</v>
      </c>
      <c r="DNF52" s="7">
        <f t="shared" si="339"/>
        <v>16629.407999999999</v>
      </c>
      <c r="DNG52" s="7">
        <f t="shared" si="339"/>
        <v>16629.407999999999</v>
      </c>
      <c r="DNH52" s="7">
        <f t="shared" si="339"/>
        <v>16629.407999999999</v>
      </c>
      <c r="DNI52" s="7">
        <f t="shared" si="339"/>
        <v>16629.407999999999</v>
      </c>
      <c r="DNJ52" s="7">
        <f t="shared" si="339"/>
        <v>16629.407999999999</v>
      </c>
      <c r="DNK52" s="7">
        <f t="shared" si="339"/>
        <v>16629.407999999999</v>
      </c>
      <c r="DNL52" s="7">
        <f t="shared" si="339"/>
        <v>16629.407999999999</v>
      </c>
      <c r="DNM52" s="7">
        <f t="shared" si="339"/>
        <v>16629.407999999999</v>
      </c>
      <c r="DNN52" s="7">
        <f t="shared" ref="DNN52:DPY52" si="340">DNN47+DNM52</f>
        <v>16629.407999999999</v>
      </c>
      <c r="DNO52" s="7">
        <f t="shared" si="340"/>
        <v>16629.407999999999</v>
      </c>
      <c r="DNP52" s="7">
        <f t="shared" si="340"/>
        <v>16629.407999999999</v>
      </c>
      <c r="DNQ52" s="7">
        <f t="shared" si="340"/>
        <v>16629.407999999999</v>
      </c>
      <c r="DNR52" s="7">
        <f t="shared" si="340"/>
        <v>16629.407999999999</v>
      </c>
      <c r="DNS52" s="7">
        <f t="shared" si="340"/>
        <v>16629.407999999999</v>
      </c>
      <c r="DNT52" s="7">
        <f t="shared" si="340"/>
        <v>16629.407999999999</v>
      </c>
      <c r="DNU52" s="7">
        <f t="shared" si="340"/>
        <v>16629.407999999999</v>
      </c>
      <c r="DNV52" s="7">
        <f t="shared" si="340"/>
        <v>16629.407999999999</v>
      </c>
      <c r="DNW52" s="7">
        <f t="shared" si="340"/>
        <v>16629.407999999999</v>
      </c>
      <c r="DNX52" s="7">
        <f t="shared" si="340"/>
        <v>16629.407999999999</v>
      </c>
      <c r="DNY52" s="7">
        <f t="shared" si="340"/>
        <v>16629.407999999999</v>
      </c>
      <c r="DNZ52" s="7">
        <f t="shared" si="340"/>
        <v>16629.407999999999</v>
      </c>
      <c r="DOA52" s="7">
        <f t="shared" si="340"/>
        <v>16629.407999999999</v>
      </c>
      <c r="DOB52" s="7">
        <f t="shared" si="340"/>
        <v>16629.407999999999</v>
      </c>
      <c r="DOC52" s="7">
        <f t="shared" si="340"/>
        <v>16629.407999999999</v>
      </c>
      <c r="DOD52" s="7">
        <f t="shared" si="340"/>
        <v>16629.407999999999</v>
      </c>
      <c r="DOE52" s="7">
        <f t="shared" si="340"/>
        <v>16629.407999999999</v>
      </c>
      <c r="DOF52" s="7">
        <f t="shared" si="340"/>
        <v>16629.407999999999</v>
      </c>
      <c r="DOG52" s="7">
        <f t="shared" si="340"/>
        <v>16629.407999999999</v>
      </c>
      <c r="DOH52" s="7">
        <f t="shared" si="340"/>
        <v>16629.407999999999</v>
      </c>
      <c r="DOI52" s="7">
        <f t="shared" si="340"/>
        <v>16629.407999999999</v>
      </c>
      <c r="DOJ52" s="7">
        <f t="shared" si="340"/>
        <v>16629.407999999999</v>
      </c>
      <c r="DOK52" s="7">
        <f t="shared" si="340"/>
        <v>16629.407999999999</v>
      </c>
      <c r="DOL52" s="7">
        <f t="shared" si="340"/>
        <v>16629.407999999999</v>
      </c>
      <c r="DOM52" s="7">
        <f t="shared" si="340"/>
        <v>16629.407999999999</v>
      </c>
      <c r="DON52" s="7">
        <f t="shared" si="340"/>
        <v>16629.407999999999</v>
      </c>
      <c r="DOO52" s="7">
        <f t="shared" si="340"/>
        <v>16629.407999999999</v>
      </c>
      <c r="DOP52" s="7">
        <f t="shared" si="340"/>
        <v>16629.407999999999</v>
      </c>
      <c r="DOQ52" s="7">
        <f t="shared" si="340"/>
        <v>16629.407999999999</v>
      </c>
      <c r="DOR52" s="7">
        <f t="shared" si="340"/>
        <v>16629.407999999999</v>
      </c>
      <c r="DOS52" s="7">
        <f t="shared" si="340"/>
        <v>16629.407999999999</v>
      </c>
      <c r="DOT52" s="7">
        <f t="shared" si="340"/>
        <v>16629.407999999999</v>
      </c>
      <c r="DOU52" s="7">
        <f t="shared" si="340"/>
        <v>16629.407999999999</v>
      </c>
      <c r="DOV52" s="7">
        <f t="shared" si="340"/>
        <v>16629.407999999999</v>
      </c>
      <c r="DOW52" s="7">
        <f t="shared" si="340"/>
        <v>16629.407999999999</v>
      </c>
      <c r="DOX52" s="7">
        <f t="shared" si="340"/>
        <v>16629.407999999999</v>
      </c>
      <c r="DOY52" s="7">
        <f t="shared" si="340"/>
        <v>16629.407999999999</v>
      </c>
      <c r="DOZ52" s="7">
        <f t="shared" si="340"/>
        <v>16629.407999999999</v>
      </c>
      <c r="DPA52" s="7">
        <f t="shared" si="340"/>
        <v>16629.407999999999</v>
      </c>
      <c r="DPB52" s="7">
        <f t="shared" si="340"/>
        <v>16629.407999999999</v>
      </c>
      <c r="DPC52" s="7">
        <f t="shared" si="340"/>
        <v>16629.407999999999</v>
      </c>
      <c r="DPD52" s="7">
        <f t="shared" si="340"/>
        <v>16629.407999999999</v>
      </c>
      <c r="DPE52" s="7">
        <f t="shared" si="340"/>
        <v>16629.407999999999</v>
      </c>
      <c r="DPF52" s="7">
        <f t="shared" si="340"/>
        <v>16629.407999999999</v>
      </c>
      <c r="DPG52" s="7">
        <f t="shared" si="340"/>
        <v>16629.407999999999</v>
      </c>
      <c r="DPH52" s="7">
        <f t="shared" si="340"/>
        <v>16629.407999999999</v>
      </c>
      <c r="DPI52" s="7">
        <f t="shared" si="340"/>
        <v>16629.407999999999</v>
      </c>
      <c r="DPJ52" s="7">
        <f t="shared" si="340"/>
        <v>16629.407999999999</v>
      </c>
      <c r="DPK52" s="7">
        <f t="shared" si="340"/>
        <v>16629.407999999999</v>
      </c>
      <c r="DPL52" s="7">
        <f t="shared" si="340"/>
        <v>16629.407999999999</v>
      </c>
      <c r="DPM52" s="7">
        <f t="shared" si="340"/>
        <v>16629.407999999999</v>
      </c>
      <c r="DPN52" s="7">
        <f t="shared" si="340"/>
        <v>16629.407999999999</v>
      </c>
      <c r="DPO52" s="7">
        <f t="shared" si="340"/>
        <v>16629.407999999999</v>
      </c>
      <c r="DPP52" s="7">
        <f t="shared" si="340"/>
        <v>16629.407999999999</v>
      </c>
      <c r="DPQ52" s="7">
        <f t="shared" si="340"/>
        <v>16629.407999999999</v>
      </c>
      <c r="DPR52" s="7">
        <f t="shared" si="340"/>
        <v>16629.407999999999</v>
      </c>
      <c r="DPS52" s="7">
        <f t="shared" si="340"/>
        <v>16629.407999999999</v>
      </c>
      <c r="DPT52" s="7">
        <f t="shared" si="340"/>
        <v>16629.407999999999</v>
      </c>
      <c r="DPU52" s="7">
        <f t="shared" si="340"/>
        <v>16629.407999999999</v>
      </c>
      <c r="DPV52" s="7">
        <f t="shared" si="340"/>
        <v>16629.407999999999</v>
      </c>
      <c r="DPW52" s="7">
        <f t="shared" si="340"/>
        <v>16629.407999999999</v>
      </c>
      <c r="DPX52" s="7">
        <f t="shared" si="340"/>
        <v>16629.407999999999</v>
      </c>
      <c r="DPY52" s="7">
        <f t="shared" si="340"/>
        <v>16629.407999999999</v>
      </c>
      <c r="DPZ52" s="7">
        <f t="shared" ref="DPZ52:DSK52" si="341">DPZ47+DPY52</f>
        <v>16629.407999999999</v>
      </c>
      <c r="DQA52" s="7">
        <f t="shared" si="341"/>
        <v>16629.407999999999</v>
      </c>
      <c r="DQB52" s="7">
        <f t="shared" si="341"/>
        <v>16629.407999999999</v>
      </c>
      <c r="DQC52" s="7">
        <f t="shared" si="341"/>
        <v>16629.407999999999</v>
      </c>
      <c r="DQD52" s="7">
        <f t="shared" si="341"/>
        <v>16629.407999999999</v>
      </c>
      <c r="DQE52" s="7">
        <f t="shared" si="341"/>
        <v>16629.407999999999</v>
      </c>
      <c r="DQF52" s="7">
        <f t="shared" si="341"/>
        <v>16629.407999999999</v>
      </c>
      <c r="DQG52" s="7">
        <f t="shared" si="341"/>
        <v>16629.407999999999</v>
      </c>
      <c r="DQH52" s="7">
        <f t="shared" si="341"/>
        <v>16629.407999999999</v>
      </c>
      <c r="DQI52" s="7">
        <f t="shared" si="341"/>
        <v>16629.407999999999</v>
      </c>
      <c r="DQJ52" s="7">
        <f t="shared" si="341"/>
        <v>16629.407999999999</v>
      </c>
      <c r="DQK52" s="7">
        <f t="shared" si="341"/>
        <v>16629.407999999999</v>
      </c>
      <c r="DQL52" s="7">
        <f t="shared" si="341"/>
        <v>16629.407999999999</v>
      </c>
      <c r="DQM52" s="7">
        <f t="shared" si="341"/>
        <v>16629.407999999999</v>
      </c>
      <c r="DQN52" s="7">
        <f t="shared" si="341"/>
        <v>16629.407999999999</v>
      </c>
      <c r="DQO52" s="7">
        <f t="shared" si="341"/>
        <v>16629.407999999999</v>
      </c>
      <c r="DQP52" s="7">
        <f t="shared" si="341"/>
        <v>16629.407999999999</v>
      </c>
      <c r="DQQ52" s="7">
        <f t="shared" si="341"/>
        <v>16629.407999999999</v>
      </c>
      <c r="DQR52" s="7">
        <f t="shared" si="341"/>
        <v>16629.407999999999</v>
      </c>
      <c r="DQS52" s="7">
        <f t="shared" si="341"/>
        <v>16629.407999999999</v>
      </c>
      <c r="DQT52" s="7">
        <f t="shared" si="341"/>
        <v>16629.407999999999</v>
      </c>
      <c r="DQU52" s="7">
        <f t="shared" si="341"/>
        <v>16629.407999999999</v>
      </c>
      <c r="DQV52" s="7">
        <f t="shared" si="341"/>
        <v>16629.407999999999</v>
      </c>
      <c r="DQW52" s="7">
        <f t="shared" si="341"/>
        <v>16629.407999999999</v>
      </c>
      <c r="DQX52" s="7">
        <f t="shared" si="341"/>
        <v>16629.407999999999</v>
      </c>
      <c r="DQY52" s="7">
        <f t="shared" si="341"/>
        <v>16629.407999999999</v>
      </c>
      <c r="DQZ52" s="7">
        <f t="shared" si="341"/>
        <v>16629.407999999999</v>
      </c>
      <c r="DRA52" s="7">
        <f t="shared" si="341"/>
        <v>16629.407999999999</v>
      </c>
      <c r="DRB52" s="7">
        <f t="shared" si="341"/>
        <v>16629.407999999999</v>
      </c>
      <c r="DRC52" s="7">
        <f t="shared" si="341"/>
        <v>16629.407999999999</v>
      </c>
      <c r="DRD52" s="7">
        <f t="shared" si="341"/>
        <v>16629.407999999999</v>
      </c>
      <c r="DRE52" s="7">
        <f t="shared" si="341"/>
        <v>16629.407999999999</v>
      </c>
      <c r="DRF52" s="7">
        <f t="shared" si="341"/>
        <v>16629.407999999999</v>
      </c>
      <c r="DRG52" s="7">
        <f t="shared" si="341"/>
        <v>16629.407999999999</v>
      </c>
      <c r="DRH52" s="7">
        <f t="shared" si="341"/>
        <v>16629.407999999999</v>
      </c>
      <c r="DRI52" s="7">
        <f t="shared" si="341"/>
        <v>16629.407999999999</v>
      </c>
      <c r="DRJ52" s="7">
        <f t="shared" si="341"/>
        <v>16629.407999999999</v>
      </c>
      <c r="DRK52" s="7">
        <f t="shared" si="341"/>
        <v>16629.407999999999</v>
      </c>
      <c r="DRL52" s="7">
        <f t="shared" si="341"/>
        <v>16629.407999999999</v>
      </c>
      <c r="DRM52" s="7">
        <f t="shared" si="341"/>
        <v>16629.407999999999</v>
      </c>
      <c r="DRN52" s="7">
        <f t="shared" si="341"/>
        <v>16629.407999999999</v>
      </c>
      <c r="DRO52" s="7">
        <f t="shared" si="341"/>
        <v>16629.407999999999</v>
      </c>
      <c r="DRP52" s="7">
        <f t="shared" si="341"/>
        <v>16629.407999999999</v>
      </c>
      <c r="DRQ52" s="7">
        <f t="shared" si="341"/>
        <v>16629.407999999999</v>
      </c>
      <c r="DRR52" s="7">
        <f t="shared" si="341"/>
        <v>16629.407999999999</v>
      </c>
      <c r="DRS52" s="7">
        <f t="shared" si="341"/>
        <v>16629.407999999999</v>
      </c>
      <c r="DRT52" s="7">
        <f t="shared" si="341"/>
        <v>16629.407999999999</v>
      </c>
      <c r="DRU52" s="7">
        <f t="shared" si="341"/>
        <v>16629.407999999999</v>
      </c>
      <c r="DRV52" s="7">
        <f t="shared" si="341"/>
        <v>16629.407999999999</v>
      </c>
      <c r="DRW52" s="7">
        <f t="shared" si="341"/>
        <v>16629.407999999999</v>
      </c>
      <c r="DRX52" s="7">
        <f t="shared" si="341"/>
        <v>16629.407999999999</v>
      </c>
      <c r="DRY52" s="7">
        <f t="shared" si="341"/>
        <v>16629.407999999999</v>
      </c>
      <c r="DRZ52" s="7">
        <f t="shared" si="341"/>
        <v>16629.407999999999</v>
      </c>
      <c r="DSA52" s="7">
        <f t="shared" si="341"/>
        <v>16629.407999999999</v>
      </c>
      <c r="DSB52" s="7">
        <f t="shared" si="341"/>
        <v>16629.407999999999</v>
      </c>
      <c r="DSC52" s="7">
        <f t="shared" si="341"/>
        <v>16629.407999999999</v>
      </c>
      <c r="DSD52" s="7">
        <f t="shared" si="341"/>
        <v>16629.407999999999</v>
      </c>
      <c r="DSE52" s="7">
        <f t="shared" si="341"/>
        <v>16629.407999999999</v>
      </c>
      <c r="DSF52" s="7">
        <f t="shared" si="341"/>
        <v>16629.407999999999</v>
      </c>
      <c r="DSG52" s="7">
        <f t="shared" si="341"/>
        <v>16629.407999999999</v>
      </c>
      <c r="DSH52" s="7">
        <f t="shared" si="341"/>
        <v>16629.407999999999</v>
      </c>
      <c r="DSI52" s="7">
        <f t="shared" si="341"/>
        <v>16629.407999999999</v>
      </c>
      <c r="DSJ52" s="7">
        <f t="shared" si="341"/>
        <v>16629.407999999999</v>
      </c>
      <c r="DSK52" s="7">
        <f t="shared" si="341"/>
        <v>16629.407999999999</v>
      </c>
      <c r="DSL52" s="7">
        <f t="shared" ref="DSL52:DUW52" si="342">DSL47+DSK52</f>
        <v>16629.407999999999</v>
      </c>
      <c r="DSM52" s="7">
        <f t="shared" si="342"/>
        <v>16629.407999999999</v>
      </c>
      <c r="DSN52" s="7">
        <f t="shared" si="342"/>
        <v>16629.407999999999</v>
      </c>
      <c r="DSO52" s="7">
        <f t="shared" si="342"/>
        <v>16629.407999999999</v>
      </c>
      <c r="DSP52" s="7">
        <f t="shared" si="342"/>
        <v>16629.407999999999</v>
      </c>
      <c r="DSQ52" s="7">
        <f t="shared" si="342"/>
        <v>16629.407999999999</v>
      </c>
      <c r="DSR52" s="7">
        <f t="shared" si="342"/>
        <v>16629.407999999999</v>
      </c>
      <c r="DSS52" s="7">
        <f t="shared" si="342"/>
        <v>16629.407999999999</v>
      </c>
      <c r="DST52" s="7">
        <f t="shared" si="342"/>
        <v>16629.407999999999</v>
      </c>
      <c r="DSU52" s="7">
        <f t="shared" si="342"/>
        <v>16629.407999999999</v>
      </c>
      <c r="DSV52" s="7">
        <f t="shared" si="342"/>
        <v>16629.407999999999</v>
      </c>
      <c r="DSW52" s="7">
        <f t="shared" si="342"/>
        <v>16629.407999999999</v>
      </c>
      <c r="DSX52" s="7">
        <f t="shared" si="342"/>
        <v>16629.407999999999</v>
      </c>
      <c r="DSY52" s="7">
        <f t="shared" si="342"/>
        <v>16629.407999999999</v>
      </c>
      <c r="DSZ52" s="7">
        <f t="shared" si="342"/>
        <v>16629.407999999999</v>
      </c>
      <c r="DTA52" s="7">
        <f t="shared" si="342"/>
        <v>16629.407999999999</v>
      </c>
      <c r="DTB52" s="7">
        <f t="shared" si="342"/>
        <v>16629.407999999999</v>
      </c>
      <c r="DTC52" s="7">
        <f t="shared" si="342"/>
        <v>16629.407999999999</v>
      </c>
      <c r="DTD52" s="7">
        <f t="shared" si="342"/>
        <v>16629.407999999999</v>
      </c>
      <c r="DTE52" s="7">
        <f t="shared" si="342"/>
        <v>16629.407999999999</v>
      </c>
      <c r="DTF52" s="7">
        <f t="shared" si="342"/>
        <v>16629.407999999999</v>
      </c>
      <c r="DTG52" s="7">
        <f t="shared" si="342"/>
        <v>16629.407999999999</v>
      </c>
      <c r="DTH52" s="7">
        <f t="shared" si="342"/>
        <v>16629.407999999999</v>
      </c>
      <c r="DTI52" s="7">
        <f t="shared" si="342"/>
        <v>16629.407999999999</v>
      </c>
      <c r="DTJ52" s="7">
        <f t="shared" si="342"/>
        <v>16629.407999999999</v>
      </c>
      <c r="DTK52" s="7">
        <f t="shared" si="342"/>
        <v>16629.407999999999</v>
      </c>
      <c r="DTL52" s="7">
        <f t="shared" si="342"/>
        <v>16629.407999999999</v>
      </c>
      <c r="DTM52" s="7">
        <f t="shared" si="342"/>
        <v>16629.407999999999</v>
      </c>
      <c r="DTN52" s="7">
        <f t="shared" si="342"/>
        <v>16629.407999999999</v>
      </c>
      <c r="DTO52" s="7">
        <f t="shared" si="342"/>
        <v>16629.407999999999</v>
      </c>
      <c r="DTP52" s="7">
        <f t="shared" si="342"/>
        <v>16629.407999999999</v>
      </c>
      <c r="DTQ52" s="7">
        <f t="shared" si="342"/>
        <v>16629.407999999999</v>
      </c>
      <c r="DTR52" s="7">
        <f t="shared" si="342"/>
        <v>16629.407999999999</v>
      </c>
      <c r="DTS52" s="7">
        <f t="shared" si="342"/>
        <v>16629.407999999999</v>
      </c>
      <c r="DTT52" s="7">
        <f t="shared" si="342"/>
        <v>16629.407999999999</v>
      </c>
      <c r="DTU52" s="7">
        <f t="shared" si="342"/>
        <v>16629.407999999999</v>
      </c>
      <c r="DTV52" s="7">
        <f t="shared" si="342"/>
        <v>16629.407999999999</v>
      </c>
      <c r="DTW52" s="7">
        <f t="shared" si="342"/>
        <v>16629.407999999999</v>
      </c>
      <c r="DTX52" s="7">
        <f t="shared" si="342"/>
        <v>16629.407999999999</v>
      </c>
      <c r="DTY52" s="7">
        <f t="shared" si="342"/>
        <v>16629.407999999999</v>
      </c>
      <c r="DTZ52" s="7">
        <f t="shared" si="342"/>
        <v>16629.407999999999</v>
      </c>
      <c r="DUA52" s="7">
        <f t="shared" si="342"/>
        <v>16629.407999999999</v>
      </c>
      <c r="DUB52" s="7">
        <f t="shared" si="342"/>
        <v>16629.407999999999</v>
      </c>
      <c r="DUC52" s="7">
        <f t="shared" si="342"/>
        <v>16629.407999999999</v>
      </c>
      <c r="DUD52" s="7">
        <f t="shared" si="342"/>
        <v>16629.407999999999</v>
      </c>
      <c r="DUE52" s="7">
        <f t="shared" si="342"/>
        <v>16629.407999999999</v>
      </c>
      <c r="DUF52" s="7">
        <f t="shared" si="342"/>
        <v>16629.407999999999</v>
      </c>
      <c r="DUG52" s="7">
        <f t="shared" si="342"/>
        <v>16629.407999999999</v>
      </c>
      <c r="DUH52" s="7">
        <f t="shared" si="342"/>
        <v>16629.407999999999</v>
      </c>
      <c r="DUI52" s="7">
        <f t="shared" si="342"/>
        <v>16629.407999999999</v>
      </c>
      <c r="DUJ52" s="7">
        <f t="shared" si="342"/>
        <v>16629.407999999999</v>
      </c>
      <c r="DUK52" s="7">
        <f t="shared" si="342"/>
        <v>16629.407999999999</v>
      </c>
      <c r="DUL52" s="7">
        <f t="shared" si="342"/>
        <v>16629.407999999999</v>
      </c>
      <c r="DUM52" s="7">
        <f t="shared" si="342"/>
        <v>16629.407999999999</v>
      </c>
      <c r="DUN52" s="7">
        <f t="shared" si="342"/>
        <v>16629.407999999999</v>
      </c>
      <c r="DUO52" s="7">
        <f t="shared" si="342"/>
        <v>16629.407999999999</v>
      </c>
      <c r="DUP52" s="7">
        <f t="shared" si="342"/>
        <v>16629.407999999999</v>
      </c>
      <c r="DUQ52" s="7">
        <f t="shared" si="342"/>
        <v>16629.407999999999</v>
      </c>
      <c r="DUR52" s="7">
        <f t="shared" si="342"/>
        <v>16629.407999999999</v>
      </c>
      <c r="DUS52" s="7">
        <f t="shared" si="342"/>
        <v>16629.407999999999</v>
      </c>
      <c r="DUT52" s="7">
        <f t="shared" si="342"/>
        <v>16629.407999999999</v>
      </c>
      <c r="DUU52" s="7">
        <f t="shared" si="342"/>
        <v>16629.407999999999</v>
      </c>
      <c r="DUV52" s="7">
        <f t="shared" si="342"/>
        <v>16629.407999999999</v>
      </c>
      <c r="DUW52" s="7">
        <f t="shared" si="342"/>
        <v>16629.407999999999</v>
      </c>
      <c r="DUX52" s="7">
        <f t="shared" ref="DUX52:DXI52" si="343">DUX47+DUW52</f>
        <v>16629.407999999999</v>
      </c>
      <c r="DUY52" s="7">
        <f t="shared" si="343"/>
        <v>16629.407999999999</v>
      </c>
      <c r="DUZ52" s="7">
        <f t="shared" si="343"/>
        <v>16629.407999999999</v>
      </c>
      <c r="DVA52" s="7">
        <f t="shared" si="343"/>
        <v>16629.407999999999</v>
      </c>
      <c r="DVB52" s="7">
        <f t="shared" si="343"/>
        <v>16629.407999999999</v>
      </c>
      <c r="DVC52" s="7">
        <f t="shared" si="343"/>
        <v>16629.407999999999</v>
      </c>
      <c r="DVD52" s="7">
        <f t="shared" si="343"/>
        <v>16629.407999999999</v>
      </c>
      <c r="DVE52" s="7">
        <f t="shared" si="343"/>
        <v>16629.407999999999</v>
      </c>
      <c r="DVF52" s="7">
        <f t="shared" si="343"/>
        <v>16629.407999999999</v>
      </c>
      <c r="DVG52" s="7">
        <f t="shared" si="343"/>
        <v>16629.407999999999</v>
      </c>
      <c r="DVH52" s="7">
        <f t="shared" si="343"/>
        <v>16629.407999999999</v>
      </c>
      <c r="DVI52" s="7">
        <f t="shared" si="343"/>
        <v>16629.407999999999</v>
      </c>
      <c r="DVJ52" s="7">
        <f t="shared" si="343"/>
        <v>16629.407999999999</v>
      </c>
      <c r="DVK52" s="7">
        <f t="shared" si="343"/>
        <v>16629.407999999999</v>
      </c>
      <c r="DVL52" s="7">
        <f t="shared" si="343"/>
        <v>16629.407999999999</v>
      </c>
      <c r="DVM52" s="7">
        <f t="shared" si="343"/>
        <v>16629.407999999999</v>
      </c>
      <c r="DVN52" s="7">
        <f t="shared" si="343"/>
        <v>16629.407999999999</v>
      </c>
      <c r="DVO52" s="7">
        <f t="shared" si="343"/>
        <v>16629.407999999999</v>
      </c>
      <c r="DVP52" s="7">
        <f t="shared" si="343"/>
        <v>16629.407999999999</v>
      </c>
      <c r="DVQ52" s="7">
        <f t="shared" si="343"/>
        <v>16629.407999999999</v>
      </c>
      <c r="DVR52" s="7">
        <f t="shared" si="343"/>
        <v>16629.407999999999</v>
      </c>
      <c r="DVS52" s="7">
        <f t="shared" si="343"/>
        <v>16629.407999999999</v>
      </c>
      <c r="DVT52" s="7">
        <f t="shared" si="343"/>
        <v>16629.407999999999</v>
      </c>
      <c r="DVU52" s="7">
        <f t="shared" si="343"/>
        <v>16629.407999999999</v>
      </c>
      <c r="DVV52" s="7">
        <f t="shared" si="343"/>
        <v>16629.407999999999</v>
      </c>
      <c r="DVW52" s="7">
        <f t="shared" si="343"/>
        <v>16629.407999999999</v>
      </c>
      <c r="DVX52" s="7">
        <f t="shared" si="343"/>
        <v>16629.407999999999</v>
      </c>
      <c r="DVY52" s="7">
        <f t="shared" si="343"/>
        <v>16629.407999999999</v>
      </c>
      <c r="DVZ52" s="7">
        <f t="shared" si="343"/>
        <v>16629.407999999999</v>
      </c>
      <c r="DWA52" s="7">
        <f t="shared" si="343"/>
        <v>16629.407999999999</v>
      </c>
      <c r="DWB52" s="7">
        <f t="shared" si="343"/>
        <v>16629.407999999999</v>
      </c>
      <c r="DWC52" s="7">
        <f t="shared" si="343"/>
        <v>16629.407999999999</v>
      </c>
      <c r="DWD52" s="7">
        <f t="shared" si="343"/>
        <v>16629.407999999999</v>
      </c>
      <c r="DWE52" s="7">
        <f t="shared" si="343"/>
        <v>16629.407999999999</v>
      </c>
      <c r="DWF52" s="7">
        <f t="shared" si="343"/>
        <v>16629.407999999999</v>
      </c>
      <c r="DWG52" s="7">
        <f t="shared" si="343"/>
        <v>16629.407999999999</v>
      </c>
      <c r="DWH52" s="7">
        <f t="shared" si="343"/>
        <v>16629.407999999999</v>
      </c>
      <c r="DWI52" s="7">
        <f t="shared" si="343"/>
        <v>16629.407999999999</v>
      </c>
      <c r="DWJ52" s="7">
        <f t="shared" si="343"/>
        <v>16629.407999999999</v>
      </c>
      <c r="DWK52" s="7">
        <f t="shared" si="343"/>
        <v>16629.407999999999</v>
      </c>
      <c r="DWL52" s="7">
        <f t="shared" si="343"/>
        <v>16629.407999999999</v>
      </c>
      <c r="DWM52" s="7">
        <f t="shared" si="343"/>
        <v>16629.407999999999</v>
      </c>
      <c r="DWN52" s="7">
        <f t="shared" si="343"/>
        <v>16629.407999999999</v>
      </c>
      <c r="DWO52" s="7">
        <f t="shared" si="343"/>
        <v>16629.407999999999</v>
      </c>
      <c r="DWP52" s="7">
        <f t="shared" si="343"/>
        <v>16629.407999999999</v>
      </c>
      <c r="DWQ52" s="7">
        <f t="shared" si="343"/>
        <v>16629.407999999999</v>
      </c>
      <c r="DWR52" s="7">
        <f t="shared" si="343"/>
        <v>16629.407999999999</v>
      </c>
      <c r="DWS52" s="7">
        <f t="shared" si="343"/>
        <v>16629.407999999999</v>
      </c>
      <c r="DWT52" s="7">
        <f t="shared" si="343"/>
        <v>16629.407999999999</v>
      </c>
      <c r="DWU52" s="7">
        <f t="shared" si="343"/>
        <v>16629.407999999999</v>
      </c>
      <c r="DWV52" s="7">
        <f t="shared" si="343"/>
        <v>16629.407999999999</v>
      </c>
      <c r="DWW52" s="7">
        <f t="shared" si="343"/>
        <v>16629.407999999999</v>
      </c>
      <c r="DWX52" s="7">
        <f t="shared" si="343"/>
        <v>16629.407999999999</v>
      </c>
      <c r="DWY52" s="7">
        <f t="shared" si="343"/>
        <v>16629.407999999999</v>
      </c>
      <c r="DWZ52" s="7">
        <f t="shared" si="343"/>
        <v>16629.407999999999</v>
      </c>
      <c r="DXA52" s="7">
        <f t="shared" si="343"/>
        <v>16629.407999999999</v>
      </c>
      <c r="DXB52" s="7">
        <f t="shared" si="343"/>
        <v>16629.407999999999</v>
      </c>
      <c r="DXC52" s="7">
        <f t="shared" si="343"/>
        <v>16629.407999999999</v>
      </c>
      <c r="DXD52" s="7">
        <f t="shared" si="343"/>
        <v>16629.407999999999</v>
      </c>
      <c r="DXE52" s="7">
        <f t="shared" si="343"/>
        <v>16629.407999999999</v>
      </c>
      <c r="DXF52" s="7">
        <f t="shared" si="343"/>
        <v>16629.407999999999</v>
      </c>
      <c r="DXG52" s="7">
        <f t="shared" si="343"/>
        <v>16629.407999999999</v>
      </c>
      <c r="DXH52" s="7">
        <f t="shared" si="343"/>
        <v>16629.407999999999</v>
      </c>
      <c r="DXI52" s="7">
        <f t="shared" si="343"/>
        <v>16629.407999999999</v>
      </c>
      <c r="DXJ52" s="7">
        <f t="shared" ref="DXJ52:DZU52" si="344">DXJ47+DXI52</f>
        <v>16629.407999999999</v>
      </c>
      <c r="DXK52" s="7">
        <f t="shared" si="344"/>
        <v>16629.407999999999</v>
      </c>
      <c r="DXL52" s="7">
        <f t="shared" si="344"/>
        <v>16629.407999999999</v>
      </c>
      <c r="DXM52" s="7">
        <f t="shared" si="344"/>
        <v>16629.407999999999</v>
      </c>
      <c r="DXN52" s="7">
        <f t="shared" si="344"/>
        <v>16629.407999999999</v>
      </c>
      <c r="DXO52" s="7">
        <f t="shared" si="344"/>
        <v>16629.407999999999</v>
      </c>
      <c r="DXP52" s="7">
        <f t="shared" si="344"/>
        <v>16629.407999999999</v>
      </c>
      <c r="DXQ52" s="7">
        <f t="shared" si="344"/>
        <v>16629.407999999999</v>
      </c>
      <c r="DXR52" s="7">
        <f t="shared" si="344"/>
        <v>16629.407999999999</v>
      </c>
      <c r="DXS52" s="7">
        <f t="shared" si="344"/>
        <v>16629.407999999999</v>
      </c>
      <c r="DXT52" s="7">
        <f t="shared" si="344"/>
        <v>16629.407999999999</v>
      </c>
      <c r="DXU52" s="7">
        <f t="shared" si="344"/>
        <v>16629.407999999999</v>
      </c>
      <c r="DXV52" s="7">
        <f t="shared" si="344"/>
        <v>16629.407999999999</v>
      </c>
      <c r="DXW52" s="7">
        <f t="shared" si="344"/>
        <v>16629.407999999999</v>
      </c>
      <c r="DXX52" s="7">
        <f t="shared" si="344"/>
        <v>16629.407999999999</v>
      </c>
      <c r="DXY52" s="7">
        <f t="shared" si="344"/>
        <v>16629.407999999999</v>
      </c>
      <c r="DXZ52" s="7">
        <f t="shared" si="344"/>
        <v>16629.407999999999</v>
      </c>
      <c r="DYA52" s="7">
        <f t="shared" si="344"/>
        <v>16629.407999999999</v>
      </c>
      <c r="DYB52" s="7">
        <f t="shared" si="344"/>
        <v>16629.407999999999</v>
      </c>
      <c r="DYC52" s="7">
        <f t="shared" si="344"/>
        <v>16629.407999999999</v>
      </c>
      <c r="DYD52" s="7">
        <f t="shared" si="344"/>
        <v>16629.407999999999</v>
      </c>
      <c r="DYE52" s="7">
        <f t="shared" si="344"/>
        <v>16629.407999999999</v>
      </c>
      <c r="DYF52" s="7">
        <f t="shared" si="344"/>
        <v>16629.407999999999</v>
      </c>
      <c r="DYG52" s="7">
        <f t="shared" si="344"/>
        <v>16629.407999999999</v>
      </c>
      <c r="DYH52" s="7">
        <f t="shared" si="344"/>
        <v>16629.407999999999</v>
      </c>
      <c r="DYI52" s="7">
        <f t="shared" si="344"/>
        <v>16629.407999999999</v>
      </c>
      <c r="DYJ52" s="7">
        <f t="shared" si="344"/>
        <v>16629.407999999999</v>
      </c>
      <c r="DYK52" s="7">
        <f t="shared" si="344"/>
        <v>16629.407999999999</v>
      </c>
      <c r="DYL52" s="7">
        <f t="shared" si="344"/>
        <v>16629.407999999999</v>
      </c>
      <c r="DYM52" s="7">
        <f t="shared" si="344"/>
        <v>16629.407999999999</v>
      </c>
      <c r="DYN52" s="7">
        <f t="shared" si="344"/>
        <v>16629.407999999999</v>
      </c>
      <c r="DYO52" s="7">
        <f t="shared" si="344"/>
        <v>16629.407999999999</v>
      </c>
      <c r="DYP52" s="7">
        <f t="shared" si="344"/>
        <v>16629.407999999999</v>
      </c>
      <c r="DYQ52" s="7">
        <f t="shared" si="344"/>
        <v>16629.407999999999</v>
      </c>
      <c r="DYR52" s="7">
        <f t="shared" si="344"/>
        <v>16629.407999999999</v>
      </c>
      <c r="DYS52" s="7">
        <f t="shared" si="344"/>
        <v>16629.407999999999</v>
      </c>
      <c r="DYT52" s="7">
        <f t="shared" si="344"/>
        <v>16629.407999999999</v>
      </c>
      <c r="DYU52" s="7">
        <f t="shared" si="344"/>
        <v>16629.407999999999</v>
      </c>
      <c r="DYV52" s="7">
        <f t="shared" si="344"/>
        <v>16629.407999999999</v>
      </c>
      <c r="DYW52" s="7">
        <f t="shared" si="344"/>
        <v>16629.407999999999</v>
      </c>
      <c r="DYX52" s="7">
        <f t="shared" si="344"/>
        <v>16629.407999999999</v>
      </c>
      <c r="DYY52" s="7">
        <f t="shared" si="344"/>
        <v>16629.407999999999</v>
      </c>
      <c r="DYZ52" s="7">
        <f t="shared" si="344"/>
        <v>16629.407999999999</v>
      </c>
      <c r="DZA52" s="7">
        <f t="shared" si="344"/>
        <v>16629.407999999999</v>
      </c>
      <c r="DZB52" s="7">
        <f t="shared" si="344"/>
        <v>16629.407999999999</v>
      </c>
      <c r="DZC52" s="7">
        <f t="shared" si="344"/>
        <v>16629.407999999999</v>
      </c>
      <c r="DZD52" s="7">
        <f t="shared" si="344"/>
        <v>16629.407999999999</v>
      </c>
      <c r="DZE52" s="7">
        <f t="shared" si="344"/>
        <v>16629.407999999999</v>
      </c>
      <c r="DZF52" s="7">
        <f t="shared" si="344"/>
        <v>16629.407999999999</v>
      </c>
      <c r="DZG52" s="7">
        <f t="shared" si="344"/>
        <v>16629.407999999999</v>
      </c>
      <c r="DZH52" s="7">
        <f t="shared" si="344"/>
        <v>16629.407999999999</v>
      </c>
      <c r="DZI52" s="7">
        <f t="shared" si="344"/>
        <v>16629.407999999999</v>
      </c>
      <c r="DZJ52" s="7">
        <f t="shared" si="344"/>
        <v>16629.407999999999</v>
      </c>
      <c r="DZK52" s="7">
        <f t="shared" si="344"/>
        <v>16629.407999999999</v>
      </c>
      <c r="DZL52" s="7">
        <f t="shared" si="344"/>
        <v>16629.407999999999</v>
      </c>
      <c r="DZM52" s="7">
        <f t="shared" si="344"/>
        <v>16629.407999999999</v>
      </c>
      <c r="DZN52" s="7">
        <f t="shared" si="344"/>
        <v>16629.407999999999</v>
      </c>
      <c r="DZO52" s="7">
        <f t="shared" si="344"/>
        <v>16629.407999999999</v>
      </c>
      <c r="DZP52" s="7">
        <f t="shared" si="344"/>
        <v>16629.407999999999</v>
      </c>
      <c r="DZQ52" s="7">
        <f t="shared" si="344"/>
        <v>16629.407999999999</v>
      </c>
      <c r="DZR52" s="7">
        <f t="shared" si="344"/>
        <v>16629.407999999999</v>
      </c>
      <c r="DZS52" s="7">
        <f t="shared" si="344"/>
        <v>16629.407999999999</v>
      </c>
      <c r="DZT52" s="7">
        <f t="shared" si="344"/>
        <v>16629.407999999999</v>
      </c>
      <c r="DZU52" s="7">
        <f t="shared" si="344"/>
        <v>16629.407999999999</v>
      </c>
      <c r="DZV52" s="7">
        <f t="shared" ref="DZV52:ECG52" si="345">DZV47+DZU52</f>
        <v>16629.407999999999</v>
      </c>
      <c r="DZW52" s="7">
        <f t="shared" si="345"/>
        <v>16629.407999999999</v>
      </c>
      <c r="DZX52" s="7">
        <f t="shared" si="345"/>
        <v>16629.407999999999</v>
      </c>
      <c r="DZY52" s="7">
        <f t="shared" si="345"/>
        <v>16629.407999999999</v>
      </c>
      <c r="DZZ52" s="7">
        <f t="shared" si="345"/>
        <v>16629.407999999999</v>
      </c>
      <c r="EAA52" s="7">
        <f t="shared" si="345"/>
        <v>16629.407999999999</v>
      </c>
      <c r="EAB52" s="7">
        <f t="shared" si="345"/>
        <v>16629.407999999999</v>
      </c>
      <c r="EAC52" s="7">
        <f t="shared" si="345"/>
        <v>16629.407999999999</v>
      </c>
      <c r="EAD52" s="7">
        <f t="shared" si="345"/>
        <v>16629.407999999999</v>
      </c>
      <c r="EAE52" s="7">
        <f t="shared" si="345"/>
        <v>16629.407999999999</v>
      </c>
      <c r="EAF52" s="7">
        <f t="shared" si="345"/>
        <v>16629.407999999999</v>
      </c>
      <c r="EAG52" s="7">
        <f t="shared" si="345"/>
        <v>16629.407999999999</v>
      </c>
      <c r="EAH52" s="7">
        <f t="shared" si="345"/>
        <v>16629.407999999999</v>
      </c>
      <c r="EAI52" s="7">
        <f t="shared" si="345"/>
        <v>16629.407999999999</v>
      </c>
      <c r="EAJ52" s="7">
        <f t="shared" si="345"/>
        <v>16629.407999999999</v>
      </c>
      <c r="EAK52" s="7">
        <f t="shared" si="345"/>
        <v>16629.407999999999</v>
      </c>
      <c r="EAL52" s="7">
        <f t="shared" si="345"/>
        <v>16629.407999999999</v>
      </c>
      <c r="EAM52" s="7">
        <f t="shared" si="345"/>
        <v>16629.407999999999</v>
      </c>
      <c r="EAN52" s="7">
        <f t="shared" si="345"/>
        <v>16629.407999999999</v>
      </c>
      <c r="EAO52" s="7">
        <f t="shared" si="345"/>
        <v>16629.407999999999</v>
      </c>
      <c r="EAP52" s="7">
        <f t="shared" si="345"/>
        <v>16629.407999999999</v>
      </c>
      <c r="EAQ52" s="7">
        <f t="shared" si="345"/>
        <v>16629.407999999999</v>
      </c>
      <c r="EAR52" s="7">
        <f t="shared" si="345"/>
        <v>16629.407999999999</v>
      </c>
      <c r="EAS52" s="7">
        <f t="shared" si="345"/>
        <v>16629.407999999999</v>
      </c>
      <c r="EAT52" s="7">
        <f t="shared" si="345"/>
        <v>16629.407999999999</v>
      </c>
      <c r="EAU52" s="7">
        <f t="shared" si="345"/>
        <v>16629.407999999999</v>
      </c>
      <c r="EAV52" s="7">
        <f t="shared" si="345"/>
        <v>16629.407999999999</v>
      </c>
      <c r="EAW52" s="7">
        <f t="shared" si="345"/>
        <v>16629.407999999999</v>
      </c>
      <c r="EAX52" s="7">
        <f t="shared" si="345"/>
        <v>16629.407999999999</v>
      </c>
      <c r="EAY52" s="7">
        <f t="shared" si="345"/>
        <v>16629.407999999999</v>
      </c>
      <c r="EAZ52" s="7">
        <f t="shared" si="345"/>
        <v>16629.407999999999</v>
      </c>
      <c r="EBA52" s="7">
        <f t="shared" si="345"/>
        <v>16629.407999999999</v>
      </c>
      <c r="EBB52" s="7">
        <f t="shared" si="345"/>
        <v>16629.407999999999</v>
      </c>
      <c r="EBC52" s="7">
        <f t="shared" si="345"/>
        <v>16629.407999999999</v>
      </c>
      <c r="EBD52" s="7">
        <f t="shared" si="345"/>
        <v>16629.407999999999</v>
      </c>
      <c r="EBE52" s="7">
        <f t="shared" si="345"/>
        <v>16629.407999999999</v>
      </c>
      <c r="EBF52" s="7">
        <f t="shared" si="345"/>
        <v>16629.407999999999</v>
      </c>
      <c r="EBG52" s="7">
        <f t="shared" si="345"/>
        <v>16629.407999999999</v>
      </c>
      <c r="EBH52" s="7">
        <f t="shared" si="345"/>
        <v>16629.407999999999</v>
      </c>
      <c r="EBI52" s="7">
        <f t="shared" si="345"/>
        <v>16629.407999999999</v>
      </c>
      <c r="EBJ52" s="7">
        <f t="shared" si="345"/>
        <v>16629.407999999999</v>
      </c>
      <c r="EBK52" s="7">
        <f t="shared" si="345"/>
        <v>16629.407999999999</v>
      </c>
      <c r="EBL52" s="7">
        <f t="shared" si="345"/>
        <v>16629.407999999999</v>
      </c>
      <c r="EBM52" s="7">
        <f t="shared" si="345"/>
        <v>16629.407999999999</v>
      </c>
      <c r="EBN52" s="7">
        <f t="shared" si="345"/>
        <v>16629.407999999999</v>
      </c>
      <c r="EBO52" s="7">
        <f t="shared" si="345"/>
        <v>16629.407999999999</v>
      </c>
      <c r="EBP52" s="7">
        <f t="shared" si="345"/>
        <v>16629.407999999999</v>
      </c>
      <c r="EBQ52" s="7">
        <f t="shared" si="345"/>
        <v>16629.407999999999</v>
      </c>
      <c r="EBR52" s="7">
        <f t="shared" si="345"/>
        <v>16629.407999999999</v>
      </c>
      <c r="EBS52" s="7">
        <f t="shared" si="345"/>
        <v>16629.407999999999</v>
      </c>
      <c r="EBT52" s="7">
        <f t="shared" si="345"/>
        <v>16629.407999999999</v>
      </c>
      <c r="EBU52" s="7">
        <f t="shared" si="345"/>
        <v>16629.407999999999</v>
      </c>
      <c r="EBV52" s="7">
        <f t="shared" si="345"/>
        <v>16629.407999999999</v>
      </c>
      <c r="EBW52" s="7">
        <f t="shared" si="345"/>
        <v>16629.407999999999</v>
      </c>
      <c r="EBX52" s="7">
        <f t="shared" si="345"/>
        <v>16629.407999999999</v>
      </c>
      <c r="EBY52" s="7">
        <f t="shared" si="345"/>
        <v>16629.407999999999</v>
      </c>
      <c r="EBZ52" s="7">
        <f t="shared" si="345"/>
        <v>16629.407999999999</v>
      </c>
      <c r="ECA52" s="7">
        <f t="shared" si="345"/>
        <v>16629.407999999999</v>
      </c>
      <c r="ECB52" s="7">
        <f t="shared" si="345"/>
        <v>16629.407999999999</v>
      </c>
      <c r="ECC52" s="7">
        <f t="shared" si="345"/>
        <v>16629.407999999999</v>
      </c>
      <c r="ECD52" s="7">
        <f t="shared" si="345"/>
        <v>16629.407999999999</v>
      </c>
      <c r="ECE52" s="7">
        <f t="shared" si="345"/>
        <v>16629.407999999999</v>
      </c>
      <c r="ECF52" s="7">
        <f t="shared" si="345"/>
        <v>16629.407999999999</v>
      </c>
      <c r="ECG52" s="7">
        <f t="shared" si="345"/>
        <v>16629.407999999999</v>
      </c>
      <c r="ECH52" s="7">
        <f t="shared" ref="ECH52:EES52" si="346">ECH47+ECG52</f>
        <v>16629.407999999999</v>
      </c>
      <c r="ECI52" s="7">
        <f t="shared" si="346"/>
        <v>16629.407999999999</v>
      </c>
      <c r="ECJ52" s="7">
        <f t="shared" si="346"/>
        <v>16629.407999999999</v>
      </c>
      <c r="ECK52" s="7">
        <f t="shared" si="346"/>
        <v>16629.407999999999</v>
      </c>
      <c r="ECL52" s="7">
        <f t="shared" si="346"/>
        <v>16629.407999999999</v>
      </c>
      <c r="ECM52" s="7">
        <f t="shared" si="346"/>
        <v>16629.407999999999</v>
      </c>
      <c r="ECN52" s="7">
        <f t="shared" si="346"/>
        <v>16629.407999999999</v>
      </c>
      <c r="ECO52" s="7">
        <f t="shared" si="346"/>
        <v>16629.407999999999</v>
      </c>
      <c r="ECP52" s="7">
        <f t="shared" si="346"/>
        <v>16629.407999999999</v>
      </c>
      <c r="ECQ52" s="7">
        <f t="shared" si="346"/>
        <v>16629.407999999999</v>
      </c>
      <c r="ECR52" s="7">
        <f t="shared" si="346"/>
        <v>16629.407999999999</v>
      </c>
      <c r="ECS52" s="7">
        <f t="shared" si="346"/>
        <v>16629.407999999999</v>
      </c>
      <c r="ECT52" s="7">
        <f t="shared" si="346"/>
        <v>16629.407999999999</v>
      </c>
      <c r="ECU52" s="7">
        <f t="shared" si="346"/>
        <v>16629.407999999999</v>
      </c>
      <c r="ECV52" s="7">
        <f t="shared" si="346"/>
        <v>16629.407999999999</v>
      </c>
      <c r="ECW52" s="7">
        <f t="shared" si="346"/>
        <v>16629.407999999999</v>
      </c>
      <c r="ECX52" s="7">
        <f t="shared" si="346"/>
        <v>16629.407999999999</v>
      </c>
      <c r="ECY52" s="7">
        <f t="shared" si="346"/>
        <v>16629.407999999999</v>
      </c>
      <c r="ECZ52" s="7">
        <f t="shared" si="346"/>
        <v>16629.407999999999</v>
      </c>
      <c r="EDA52" s="7">
        <f t="shared" si="346"/>
        <v>16629.407999999999</v>
      </c>
      <c r="EDB52" s="7">
        <f t="shared" si="346"/>
        <v>16629.407999999999</v>
      </c>
      <c r="EDC52" s="7">
        <f t="shared" si="346"/>
        <v>16629.407999999999</v>
      </c>
      <c r="EDD52" s="7">
        <f t="shared" si="346"/>
        <v>16629.407999999999</v>
      </c>
      <c r="EDE52" s="7">
        <f t="shared" si="346"/>
        <v>16629.407999999999</v>
      </c>
      <c r="EDF52" s="7">
        <f t="shared" si="346"/>
        <v>16629.407999999999</v>
      </c>
      <c r="EDG52" s="7">
        <f t="shared" si="346"/>
        <v>16629.407999999999</v>
      </c>
      <c r="EDH52" s="7">
        <f t="shared" si="346"/>
        <v>16629.407999999999</v>
      </c>
      <c r="EDI52" s="7">
        <f t="shared" si="346"/>
        <v>16629.407999999999</v>
      </c>
      <c r="EDJ52" s="7">
        <f t="shared" si="346"/>
        <v>16629.407999999999</v>
      </c>
      <c r="EDK52" s="7">
        <f t="shared" si="346"/>
        <v>16629.407999999999</v>
      </c>
      <c r="EDL52" s="7">
        <f t="shared" si="346"/>
        <v>16629.407999999999</v>
      </c>
      <c r="EDM52" s="7">
        <f t="shared" si="346"/>
        <v>16629.407999999999</v>
      </c>
      <c r="EDN52" s="7">
        <f t="shared" si="346"/>
        <v>16629.407999999999</v>
      </c>
      <c r="EDO52" s="7">
        <f t="shared" si="346"/>
        <v>16629.407999999999</v>
      </c>
      <c r="EDP52" s="7">
        <f t="shared" si="346"/>
        <v>16629.407999999999</v>
      </c>
      <c r="EDQ52" s="7">
        <f t="shared" si="346"/>
        <v>16629.407999999999</v>
      </c>
      <c r="EDR52" s="7">
        <f t="shared" si="346"/>
        <v>16629.407999999999</v>
      </c>
      <c r="EDS52" s="7">
        <f t="shared" si="346"/>
        <v>16629.407999999999</v>
      </c>
      <c r="EDT52" s="7">
        <f t="shared" si="346"/>
        <v>16629.407999999999</v>
      </c>
      <c r="EDU52" s="7">
        <f t="shared" si="346"/>
        <v>16629.407999999999</v>
      </c>
      <c r="EDV52" s="7">
        <f t="shared" si="346"/>
        <v>16629.407999999999</v>
      </c>
      <c r="EDW52" s="7">
        <f t="shared" si="346"/>
        <v>16629.407999999999</v>
      </c>
      <c r="EDX52" s="7">
        <f t="shared" si="346"/>
        <v>16629.407999999999</v>
      </c>
      <c r="EDY52" s="7">
        <f t="shared" si="346"/>
        <v>16629.407999999999</v>
      </c>
      <c r="EDZ52" s="7">
        <f t="shared" si="346"/>
        <v>16629.407999999999</v>
      </c>
      <c r="EEA52" s="7">
        <f t="shared" si="346"/>
        <v>16629.407999999999</v>
      </c>
      <c r="EEB52" s="7">
        <f t="shared" si="346"/>
        <v>16629.407999999999</v>
      </c>
      <c r="EEC52" s="7">
        <f t="shared" si="346"/>
        <v>16629.407999999999</v>
      </c>
      <c r="EED52" s="7">
        <f t="shared" si="346"/>
        <v>16629.407999999999</v>
      </c>
      <c r="EEE52" s="7">
        <f t="shared" si="346"/>
        <v>16629.407999999999</v>
      </c>
      <c r="EEF52" s="7">
        <f t="shared" si="346"/>
        <v>16629.407999999999</v>
      </c>
      <c r="EEG52" s="7">
        <f t="shared" si="346"/>
        <v>16629.407999999999</v>
      </c>
      <c r="EEH52" s="7">
        <f t="shared" si="346"/>
        <v>16629.407999999999</v>
      </c>
      <c r="EEI52" s="7">
        <f t="shared" si="346"/>
        <v>16629.407999999999</v>
      </c>
      <c r="EEJ52" s="7">
        <f t="shared" si="346"/>
        <v>16629.407999999999</v>
      </c>
      <c r="EEK52" s="7">
        <f t="shared" si="346"/>
        <v>16629.407999999999</v>
      </c>
      <c r="EEL52" s="7">
        <f t="shared" si="346"/>
        <v>16629.407999999999</v>
      </c>
      <c r="EEM52" s="7">
        <f t="shared" si="346"/>
        <v>16629.407999999999</v>
      </c>
      <c r="EEN52" s="7">
        <f t="shared" si="346"/>
        <v>16629.407999999999</v>
      </c>
      <c r="EEO52" s="7">
        <f t="shared" si="346"/>
        <v>16629.407999999999</v>
      </c>
      <c r="EEP52" s="7">
        <f t="shared" si="346"/>
        <v>16629.407999999999</v>
      </c>
      <c r="EEQ52" s="7">
        <f t="shared" si="346"/>
        <v>16629.407999999999</v>
      </c>
      <c r="EER52" s="7">
        <f t="shared" si="346"/>
        <v>16629.407999999999</v>
      </c>
      <c r="EES52" s="7">
        <f t="shared" si="346"/>
        <v>16629.407999999999</v>
      </c>
      <c r="EET52" s="7">
        <f t="shared" ref="EET52:EHE52" si="347">EET47+EES52</f>
        <v>16629.407999999999</v>
      </c>
      <c r="EEU52" s="7">
        <f t="shared" si="347"/>
        <v>16629.407999999999</v>
      </c>
      <c r="EEV52" s="7">
        <f t="shared" si="347"/>
        <v>16629.407999999999</v>
      </c>
      <c r="EEW52" s="7">
        <f t="shared" si="347"/>
        <v>16629.407999999999</v>
      </c>
      <c r="EEX52" s="7">
        <f t="shared" si="347"/>
        <v>16629.407999999999</v>
      </c>
      <c r="EEY52" s="7">
        <f t="shared" si="347"/>
        <v>16629.407999999999</v>
      </c>
      <c r="EEZ52" s="7">
        <f t="shared" si="347"/>
        <v>16629.407999999999</v>
      </c>
      <c r="EFA52" s="7">
        <f t="shared" si="347"/>
        <v>16629.407999999999</v>
      </c>
      <c r="EFB52" s="7">
        <f t="shared" si="347"/>
        <v>16629.407999999999</v>
      </c>
      <c r="EFC52" s="7">
        <f t="shared" si="347"/>
        <v>16629.407999999999</v>
      </c>
      <c r="EFD52" s="7">
        <f t="shared" si="347"/>
        <v>16629.407999999999</v>
      </c>
      <c r="EFE52" s="7">
        <f t="shared" si="347"/>
        <v>16629.407999999999</v>
      </c>
      <c r="EFF52" s="7">
        <f t="shared" si="347"/>
        <v>16629.407999999999</v>
      </c>
      <c r="EFG52" s="7">
        <f t="shared" si="347"/>
        <v>16629.407999999999</v>
      </c>
      <c r="EFH52" s="7">
        <f t="shared" si="347"/>
        <v>16629.407999999999</v>
      </c>
      <c r="EFI52" s="7">
        <f t="shared" si="347"/>
        <v>16629.407999999999</v>
      </c>
      <c r="EFJ52" s="7">
        <f t="shared" si="347"/>
        <v>16629.407999999999</v>
      </c>
      <c r="EFK52" s="7">
        <f t="shared" si="347"/>
        <v>16629.407999999999</v>
      </c>
      <c r="EFL52" s="7">
        <f t="shared" si="347"/>
        <v>16629.407999999999</v>
      </c>
      <c r="EFM52" s="7">
        <f t="shared" si="347"/>
        <v>16629.407999999999</v>
      </c>
      <c r="EFN52" s="7">
        <f t="shared" si="347"/>
        <v>16629.407999999999</v>
      </c>
      <c r="EFO52" s="7">
        <f t="shared" si="347"/>
        <v>16629.407999999999</v>
      </c>
      <c r="EFP52" s="7">
        <f t="shared" si="347"/>
        <v>16629.407999999999</v>
      </c>
      <c r="EFQ52" s="7">
        <f t="shared" si="347"/>
        <v>16629.407999999999</v>
      </c>
      <c r="EFR52" s="7">
        <f t="shared" si="347"/>
        <v>16629.407999999999</v>
      </c>
      <c r="EFS52" s="7">
        <f t="shared" si="347"/>
        <v>16629.407999999999</v>
      </c>
      <c r="EFT52" s="7">
        <f t="shared" si="347"/>
        <v>16629.407999999999</v>
      </c>
      <c r="EFU52" s="7">
        <f t="shared" si="347"/>
        <v>16629.407999999999</v>
      </c>
      <c r="EFV52" s="7">
        <f t="shared" si="347"/>
        <v>16629.407999999999</v>
      </c>
      <c r="EFW52" s="7">
        <f t="shared" si="347"/>
        <v>16629.407999999999</v>
      </c>
      <c r="EFX52" s="7">
        <f t="shared" si="347"/>
        <v>16629.407999999999</v>
      </c>
      <c r="EFY52" s="7">
        <f t="shared" si="347"/>
        <v>16629.407999999999</v>
      </c>
      <c r="EFZ52" s="7">
        <f t="shared" si="347"/>
        <v>16629.407999999999</v>
      </c>
      <c r="EGA52" s="7">
        <f t="shared" si="347"/>
        <v>16629.407999999999</v>
      </c>
      <c r="EGB52" s="7">
        <f t="shared" si="347"/>
        <v>16629.407999999999</v>
      </c>
      <c r="EGC52" s="7">
        <f t="shared" si="347"/>
        <v>16629.407999999999</v>
      </c>
      <c r="EGD52" s="7">
        <f t="shared" si="347"/>
        <v>16629.407999999999</v>
      </c>
      <c r="EGE52" s="7">
        <f t="shared" si="347"/>
        <v>16629.407999999999</v>
      </c>
      <c r="EGF52" s="7">
        <f t="shared" si="347"/>
        <v>16629.407999999999</v>
      </c>
      <c r="EGG52" s="7">
        <f t="shared" si="347"/>
        <v>16629.407999999999</v>
      </c>
      <c r="EGH52" s="7">
        <f t="shared" si="347"/>
        <v>16629.407999999999</v>
      </c>
      <c r="EGI52" s="7">
        <f t="shared" si="347"/>
        <v>16629.407999999999</v>
      </c>
      <c r="EGJ52" s="7">
        <f t="shared" si="347"/>
        <v>16629.407999999999</v>
      </c>
      <c r="EGK52" s="7">
        <f t="shared" si="347"/>
        <v>16629.407999999999</v>
      </c>
      <c r="EGL52" s="7">
        <f t="shared" si="347"/>
        <v>16629.407999999999</v>
      </c>
      <c r="EGM52" s="7">
        <f t="shared" si="347"/>
        <v>16629.407999999999</v>
      </c>
      <c r="EGN52" s="7">
        <f t="shared" si="347"/>
        <v>16629.407999999999</v>
      </c>
      <c r="EGO52" s="7">
        <f t="shared" si="347"/>
        <v>16629.407999999999</v>
      </c>
      <c r="EGP52" s="7">
        <f t="shared" si="347"/>
        <v>16629.407999999999</v>
      </c>
      <c r="EGQ52" s="7">
        <f t="shared" si="347"/>
        <v>16629.407999999999</v>
      </c>
      <c r="EGR52" s="7">
        <f t="shared" si="347"/>
        <v>16629.407999999999</v>
      </c>
      <c r="EGS52" s="7">
        <f t="shared" si="347"/>
        <v>16629.407999999999</v>
      </c>
      <c r="EGT52" s="7">
        <f t="shared" si="347"/>
        <v>16629.407999999999</v>
      </c>
      <c r="EGU52" s="7">
        <f t="shared" si="347"/>
        <v>16629.407999999999</v>
      </c>
      <c r="EGV52" s="7">
        <f t="shared" si="347"/>
        <v>16629.407999999999</v>
      </c>
      <c r="EGW52" s="7">
        <f t="shared" si="347"/>
        <v>16629.407999999999</v>
      </c>
      <c r="EGX52" s="7">
        <f t="shared" si="347"/>
        <v>16629.407999999999</v>
      </c>
      <c r="EGY52" s="7">
        <f t="shared" si="347"/>
        <v>16629.407999999999</v>
      </c>
      <c r="EGZ52" s="7">
        <f t="shared" si="347"/>
        <v>16629.407999999999</v>
      </c>
      <c r="EHA52" s="7">
        <f t="shared" si="347"/>
        <v>16629.407999999999</v>
      </c>
      <c r="EHB52" s="7">
        <f t="shared" si="347"/>
        <v>16629.407999999999</v>
      </c>
      <c r="EHC52" s="7">
        <f t="shared" si="347"/>
        <v>16629.407999999999</v>
      </c>
      <c r="EHD52" s="7">
        <f t="shared" si="347"/>
        <v>16629.407999999999</v>
      </c>
      <c r="EHE52" s="7">
        <f t="shared" si="347"/>
        <v>16629.407999999999</v>
      </c>
      <c r="EHF52" s="7">
        <f t="shared" ref="EHF52:EJQ52" si="348">EHF47+EHE52</f>
        <v>16629.407999999999</v>
      </c>
      <c r="EHG52" s="7">
        <f t="shared" si="348"/>
        <v>16629.407999999999</v>
      </c>
      <c r="EHH52" s="7">
        <f t="shared" si="348"/>
        <v>16629.407999999999</v>
      </c>
      <c r="EHI52" s="7">
        <f t="shared" si="348"/>
        <v>16629.407999999999</v>
      </c>
      <c r="EHJ52" s="7">
        <f t="shared" si="348"/>
        <v>16629.407999999999</v>
      </c>
      <c r="EHK52" s="7">
        <f t="shared" si="348"/>
        <v>16629.407999999999</v>
      </c>
      <c r="EHL52" s="7">
        <f t="shared" si="348"/>
        <v>16629.407999999999</v>
      </c>
      <c r="EHM52" s="7">
        <f t="shared" si="348"/>
        <v>16629.407999999999</v>
      </c>
      <c r="EHN52" s="7">
        <f t="shared" si="348"/>
        <v>16629.407999999999</v>
      </c>
      <c r="EHO52" s="7">
        <f t="shared" si="348"/>
        <v>16629.407999999999</v>
      </c>
      <c r="EHP52" s="7">
        <f t="shared" si="348"/>
        <v>16629.407999999999</v>
      </c>
      <c r="EHQ52" s="7">
        <f t="shared" si="348"/>
        <v>16629.407999999999</v>
      </c>
      <c r="EHR52" s="7">
        <f t="shared" si="348"/>
        <v>16629.407999999999</v>
      </c>
      <c r="EHS52" s="7">
        <f t="shared" si="348"/>
        <v>16629.407999999999</v>
      </c>
      <c r="EHT52" s="7">
        <f t="shared" si="348"/>
        <v>16629.407999999999</v>
      </c>
      <c r="EHU52" s="7">
        <f t="shared" si="348"/>
        <v>16629.407999999999</v>
      </c>
      <c r="EHV52" s="7">
        <f t="shared" si="348"/>
        <v>16629.407999999999</v>
      </c>
      <c r="EHW52" s="7">
        <f t="shared" si="348"/>
        <v>16629.407999999999</v>
      </c>
      <c r="EHX52" s="7">
        <f t="shared" si="348"/>
        <v>16629.407999999999</v>
      </c>
      <c r="EHY52" s="7">
        <f t="shared" si="348"/>
        <v>16629.407999999999</v>
      </c>
      <c r="EHZ52" s="7">
        <f t="shared" si="348"/>
        <v>16629.407999999999</v>
      </c>
      <c r="EIA52" s="7">
        <f t="shared" si="348"/>
        <v>16629.407999999999</v>
      </c>
      <c r="EIB52" s="7">
        <f t="shared" si="348"/>
        <v>16629.407999999999</v>
      </c>
      <c r="EIC52" s="7">
        <f t="shared" si="348"/>
        <v>16629.407999999999</v>
      </c>
      <c r="EID52" s="7">
        <f t="shared" si="348"/>
        <v>16629.407999999999</v>
      </c>
      <c r="EIE52" s="7">
        <f t="shared" si="348"/>
        <v>16629.407999999999</v>
      </c>
      <c r="EIF52" s="7">
        <f t="shared" si="348"/>
        <v>16629.407999999999</v>
      </c>
      <c r="EIG52" s="7">
        <f t="shared" si="348"/>
        <v>16629.407999999999</v>
      </c>
      <c r="EIH52" s="7">
        <f t="shared" si="348"/>
        <v>16629.407999999999</v>
      </c>
      <c r="EII52" s="7">
        <f t="shared" si="348"/>
        <v>16629.407999999999</v>
      </c>
      <c r="EIJ52" s="7">
        <f t="shared" si="348"/>
        <v>16629.407999999999</v>
      </c>
      <c r="EIK52" s="7">
        <f t="shared" si="348"/>
        <v>16629.407999999999</v>
      </c>
      <c r="EIL52" s="7">
        <f t="shared" si="348"/>
        <v>16629.407999999999</v>
      </c>
      <c r="EIM52" s="7">
        <f t="shared" si="348"/>
        <v>16629.407999999999</v>
      </c>
      <c r="EIN52" s="7">
        <f t="shared" si="348"/>
        <v>16629.407999999999</v>
      </c>
      <c r="EIO52" s="7">
        <f t="shared" si="348"/>
        <v>16629.407999999999</v>
      </c>
      <c r="EIP52" s="7">
        <f t="shared" si="348"/>
        <v>16629.407999999999</v>
      </c>
      <c r="EIQ52" s="7">
        <f t="shared" si="348"/>
        <v>16629.407999999999</v>
      </c>
      <c r="EIR52" s="7">
        <f t="shared" si="348"/>
        <v>16629.407999999999</v>
      </c>
      <c r="EIS52" s="7">
        <f t="shared" si="348"/>
        <v>16629.407999999999</v>
      </c>
      <c r="EIT52" s="7">
        <f t="shared" si="348"/>
        <v>16629.407999999999</v>
      </c>
      <c r="EIU52" s="7">
        <f t="shared" si="348"/>
        <v>16629.407999999999</v>
      </c>
      <c r="EIV52" s="7">
        <f t="shared" si="348"/>
        <v>16629.407999999999</v>
      </c>
      <c r="EIW52" s="7">
        <f t="shared" si="348"/>
        <v>16629.407999999999</v>
      </c>
      <c r="EIX52" s="7">
        <f t="shared" si="348"/>
        <v>16629.407999999999</v>
      </c>
      <c r="EIY52" s="7">
        <f t="shared" si="348"/>
        <v>16629.407999999999</v>
      </c>
      <c r="EIZ52" s="7">
        <f t="shared" si="348"/>
        <v>16629.407999999999</v>
      </c>
      <c r="EJA52" s="7">
        <f t="shared" si="348"/>
        <v>16629.407999999999</v>
      </c>
      <c r="EJB52" s="7">
        <f t="shared" si="348"/>
        <v>16629.407999999999</v>
      </c>
      <c r="EJC52" s="7">
        <f t="shared" si="348"/>
        <v>16629.407999999999</v>
      </c>
      <c r="EJD52" s="7">
        <f t="shared" si="348"/>
        <v>16629.407999999999</v>
      </c>
      <c r="EJE52" s="7">
        <f t="shared" si="348"/>
        <v>16629.407999999999</v>
      </c>
      <c r="EJF52" s="7">
        <f t="shared" si="348"/>
        <v>16629.407999999999</v>
      </c>
      <c r="EJG52" s="7">
        <f t="shared" si="348"/>
        <v>16629.407999999999</v>
      </c>
      <c r="EJH52" s="7">
        <f t="shared" si="348"/>
        <v>16629.407999999999</v>
      </c>
      <c r="EJI52" s="7">
        <f t="shared" si="348"/>
        <v>16629.407999999999</v>
      </c>
      <c r="EJJ52" s="7">
        <f t="shared" si="348"/>
        <v>16629.407999999999</v>
      </c>
      <c r="EJK52" s="7">
        <f t="shared" si="348"/>
        <v>16629.407999999999</v>
      </c>
      <c r="EJL52" s="7">
        <f t="shared" si="348"/>
        <v>16629.407999999999</v>
      </c>
      <c r="EJM52" s="7">
        <f t="shared" si="348"/>
        <v>16629.407999999999</v>
      </c>
      <c r="EJN52" s="7">
        <f t="shared" si="348"/>
        <v>16629.407999999999</v>
      </c>
      <c r="EJO52" s="7">
        <f t="shared" si="348"/>
        <v>16629.407999999999</v>
      </c>
      <c r="EJP52" s="7">
        <f t="shared" si="348"/>
        <v>16629.407999999999</v>
      </c>
      <c r="EJQ52" s="7">
        <f t="shared" si="348"/>
        <v>16629.407999999999</v>
      </c>
      <c r="EJR52" s="7">
        <f t="shared" ref="EJR52:EMC52" si="349">EJR47+EJQ52</f>
        <v>16629.407999999999</v>
      </c>
      <c r="EJS52" s="7">
        <f t="shared" si="349"/>
        <v>16629.407999999999</v>
      </c>
      <c r="EJT52" s="7">
        <f t="shared" si="349"/>
        <v>16629.407999999999</v>
      </c>
      <c r="EJU52" s="7">
        <f t="shared" si="349"/>
        <v>16629.407999999999</v>
      </c>
      <c r="EJV52" s="7">
        <f t="shared" si="349"/>
        <v>16629.407999999999</v>
      </c>
      <c r="EJW52" s="7">
        <f t="shared" si="349"/>
        <v>16629.407999999999</v>
      </c>
      <c r="EJX52" s="7">
        <f t="shared" si="349"/>
        <v>16629.407999999999</v>
      </c>
      <c r="EJY52" s="7">
        <f t="shared" si="349"/>
        <v>16629.407999999999</v>
      </c>
      <c r="EJZ52" s="7">
        <f t="shared" si="349"/>
        <v>16629.407999999999</v>
      </c>
      <c r="EKA52" s="7">
        <f t="shared" si="349"/>
        <v>16629.407999999999</v>
      </c>
      <c r="EKB52" s="7">
        <f t="shared" si="349"/>
        <v>16629.407999999999</v>
      </c>
      <c r="EKC52" s="7">
        <f t="shared" si="349"/>
        <v>16629.407999999999</v>
      </c>
      <c r="EKD52" s="7">
        <f t="shared" si="349"/>
        <v>16629.407999999999</v>
      </c>
      <c r="EKE52" s="7">
        <f t="shared" si="349"/>
        <v>16629.407999999999</v>
      </c>
      <c r="EKF52" s="7">
        <f t="shared" si="349"/>
        <v>16629.407999999999</v>
      </c>
      <c r="EKG52" s="7">
        <f t="shared" si="349"/>
        <v>16629.407999999999</v>
      </c>
      <c r="EKH52" s="7">
        <f t="shared" si="349"/>
        <v>16629.407999999999</v>
      </c>
      <c r="EKI52" s="7">
        <f t="shared" si="349"/>
        <v>16629.407999999999</v>
      </c>
      <c r="EKJ52" s="7">
        <f t="shared" si="349"/>
        <v>16629.407999999999</v>
      </c>
      <c r="EKK52" s="7">
        <f t="shared" si="349"/>
        <v>16629.407999999999</v>
      </c>
      <c r="EKL52" s="7">
        <f t="shared" si="349"/>
        <v>16629.407999999999</v>
      </c>
      <c r="EKM52" s="7">
        <f t="shared" si="349"/>
        <v>16629.407999999999</v>
      </c>
      <c r="EKN52" s="7">
        <f t="shared" si="349"/>
        <v>16629.407999999999</v>
      </c>
      <c r="EKO52" s="7">
        <f t="shared" si="349"/>
        <v>16629.407999999999</v>
      </c>
      <c r="EKP52" s="7">
        <f t="shared" si="349"/>
        <v>16629.407999999999</v>
      </c>
      <c r="EKQ52" s="7">
        <f t="shared" si="349"/>
        <v>16629.407999999999</v>
      </c>
      <c r="EKR52" s="7">
        <f t="shared" si="349"/>
        <v>16629.407999999999</v>
      </c>
      <c r="EKS52" s="7">
        <f t="shared" si="349"/>
        <v>16629.407999999999</v>
      </c>
      <c r="EKT52" s="7">
        <f t="shared" si="349"/>
        <v>16629.407999999999</v>
      </c>
      <c r="EKU52" s="7">
        <f t="shared" si="349"/>
        <v>16629.407999999999</v>
      </c>
      <c r="EKV52" s="7">
        <f t="shared" si="349"/>
        <v>16629.407999999999</v>
      </c>
      <c r="EKW52" s="7">
        <f t="shared" si="349"/>
        <v>16629.407999999999</v>
      </c>
      <c r="EKX52" s="7">
        <f t="shared" si="349"/>
        <v>16629.407999999999</v>
      </c>
      <c r="EKY52" s="7">
        <f t="shared" si="349"/>
        <v>16629.407999999999</v>
      </c>
      <c r="EKZ52" s="7">
        <f t="shared" si="349"/>
        <v>16629.407999999999</v>
      </c>
      <c r="ELA52" s="7">
        <f t="shared" si="349"/>
        <v>16629.407999999999</v>
      </c>
      <c r="ELB52" s="7">
        <f t="shared" si="349"/>
        <v>16629.407999999999</v>
      </c>
      <c r="ELC52" s="7">
        <f t="shared" si="349"/>
        <v>16629.407999999999</v>
      </c>
      <c r="ELD52" s="7">
        <f t="shared" si="349"/>
        <v>16629.407999999999</v>
      </c>
      <c r="ELE52" s="7">
        <f t="shared" si="349"/>
        <v>16629.407999999999</v>
      </c>
      <c r="ELF52" s="7">
        <f t="shared" si="349"/>
        <v>16629.407999999999</v>
      </c>
      <c r="ELG52" s="7">
        <f t="shared" si="349"/>
        <v>16629.407999999999</v>
      </c>
      <c r="ELH52" s="7">
        <f t="shared" si="349"/>
        <v>16629.407999999999</v>
      </c>
      <c r="ELI52" s="7">
        <f t="shared" si="349"/>
        <v>16629.407999999999</v>
      </c>
      <c r="ELJ52" s="7">
        <f t="shared" si="349"/>
        <v>16629.407999999999</v>
      </c>
      <c r="ELK52" s="7">
        <f t="shared" si="349"/>
        <v>16629.407999999999</v>
      </c>
      <c r="ELL52" s="7">
        <f t="shared" si="349"/>
        <v>16629.407999999999</v>
      </c>
      <c r="ELM52" s="7">
        <f t="shared" si="349"/>
        <v>16629.407999999999</v>
      </c>
      <c r="ELN52" s="7">
        <f t="shared" si="349"/>
        <v>16629.407999999999</v>
      </c>
      <c r="ELO52" s="7">
        <f t="shared" si="349"/>
        <v>16629.407999999999</v>
      </c>
      <c r="ELP52" s="7">
        <f t="shared" si="349"/>
        <v>16629.407999999999</v>
      </c>
      <c r="ELQ52" s="7">
        <f t="shared" si="349"/>
        <v>16629.407999999999</v>
      </c>
      <c r="ELR52" s="7">
        <f t="shared" si="349"/>
        <v>16629.407999999999</v>
      </c>
      <c r="ELS52" s="7">
        <f t="shared" si="349"/>
        <v>16629.407999999999</v>
      </c>
      <c r="ELT52" s="7">
        <f t="shared" si="349"/>
        <v>16629.407999999999</v>
      </c>
      <c r="ELU52" s="7">
        <f t="shared" si="349"/>
        <v>16629.407999999999</v>
      </c>
      <c r="ELV52" s="7">
        <f t="shared" si="349"/>
        <v>16629.407999999999</v>
      </c>
      <c r="ELW52" s="7">
        <f t="shared" si="349"/>
        <v>16629.407999999999</v>
      </c>
      <c r="ELX52" s="7">
        <f t="shared" si="349"/>
        <v>16629.407999999999</v>
      </c>
      <c r="ELY52" s="7">
        <f t="shared" si="349"/>
        <v>16629.407999999999</v>
      </c>
      <c r="ELZ52" s="7">
        <f t="shared" si="349"/>
        <v>16629.407999999999</v>
      </c>
      <c r="EMA52" s="7">
        <f t="shared" si="349"/>
        <v>16629.407999999999</v>
      </c>
      <c r="EMB52" s="7">
        <f t="shared" si="349"/>
        <v>16629.407999999999</v>
      </c>
      <c r="EMC52" s="7">
        <f t="shared" si="349"/>
        <v>16629.407999999999</v>
      </c>
      <c r="EMD52" s="7">
        <f t="shared" ref="EMD52:EOO52" si="350">EMD47+EMC52</f>
        <v>16629.407999999999</v>
      </c>
      <c r="EME52" s="7">
        <f t="shared" si="350"/>
        <v>16629.407999999999</v>
      </c>
      <c r="EMF52" s="7">
        <f t="shared" si="350"/>
        <v>16629.407999999999</v>
      </c>
      <c r="EMG52" s="7">
        <f t="shared" si="350"/>
        <v>16629.407999999999</v>
      </c>
      <c r="EMH52" s="7">
        <f t="shared" si="350"/>
        <v>16629.407999999999</v>
      </c>
      <c r="EMI52" s="7">
        <f t="shared" si="350"/>
        <v>16629.407999999999</v>
      </c>
      <c r="EMJ52" s="7">
        <f t="shared" si="350"/>
        <v>16629.407999999999</v>
      </c>
      <c r="EMK52" s="7">
        <f t="shared" si="350"/>
        <v>16629.407999999999</v>
      </c>
      <c r="EML52" s="7">
        <f t="shared" si="350"/>
        <v>16629.407999999999</v>
      </c>
      <c r="EMM52" s="7">
        <f t="shared" si="350"/>
        <v>16629.407999999999</v>
      </c>
      <c r="EMN52" s="7">
        <f t="shared" si="350"/>
        <v>16629.407999999999</v>
      </c>
      <c r="EMO52" s="7">
        <f t="shared" si="350"/>
        <v>16629.407999999999</v>
      </c>
      <c r="EMP52" s="7">
        <f t="shared" si="350"/>
        <v>16629.407999999999</v>
      </c>
      <c r="EMQ52" s="7">
        <f t="shared" si="350"/>
        <v>16629.407999999999</v>
      </c>
      <c r="EMR52" s="7">
        <f t="shared" si="350"/>
        <v>16629.407999999999</v>
      </c>
      <c r="EMS52" s="7">
        <f t="shared" si="350"/>
        <v>16629.407999999999</v>
      </c>
      <c r="EMT52" s="7">
        <f t="shared" si="350"/>
        <v>16629.407999999999</v>
      </c>
      <c r="EMU52" s="7">
        <f t="shared" si="350"/>
        <v>16629.407999999999</v>
      </c>
      <c r="EMV52" s="7">
        <f t="shared" si="350"/>
        <v>16629.407999999999</v>
      </c>
      <c r="EMW52" s="7">
        <f t="shared" si="350"/>
        <v>16629.407999999999</v>
      </c>
      <c r="EMX52" s="7">
        <f t="shared" si="350"/>
        <v>16629.407999999999</v>
      </c>
      <c r="EMY52" s="7">
        <f t="shared" si="350"/>
        <v>16629.407999999999</v>
      </c>
      <c r="EMZ52" s="7">
        <f t="shared" si="350"/>
        <v>16629.407999999999</v>
      </c>
      <c r="ENA52" s="7">
        <f t="shared" si="350"/>
        <v>16629.407999999999</v>
      </c>
      <c r="ENB52" s="7">
        <f t="shared" si="350"/>
        <v>16629.407999999999</v>
      </c>
      <c r="ENC52" s="7">
        <f t="shared" si="350"/>
        <v>16629.407999999999</v>
      </c>
      <c r="END52" s="7">
        <f t="shared" si="350"/>
        <v>16629.407999999999</v>
      </c>
      <c r="ENE52" s="7">
        <f t="shared" si="350"/>
        <v>16629.407999999999</v>
      </c>
      <c r="ENF52" s="7">
        <f t="shared" si="350"/>
        <v>16629.407999999999</v>
      </c>
      <c r="ENG52" s="7">
        <f t="shared" si="350"/>
        <v>16629.407999999999</v>
      </c>
      <c r="ENH52" s="7">
        <f t="shared" si="350"/>
        <v>16629.407999999999</v>
      </c>
      <c r="ENI52" s="7">
        <f t="shared" si="350"/>
        <v>16629.407999999999</v>
      </c>
      <c r="ENJ52" s="7">
        <f t="shared" si="350"/>
        <v>16629.407999999999</v>
      </c>
      <c r="ENK52" s="7">
        <f t="shared" si="350"/>
        <v>16629.407999999999</v>
      </c>
      <c r="ENL52" s="7">
        <f t="shared" si="350"/>
        <v>16629.407999999999</v>
      </c>
      <c r="ENM52" s="7">
        <f t="shared" si="350"/>
        <v>16629.407999999999</v>
      </c>
      <c r="ENN52" s="7">
        <f t="shared" si="350"/>
        <v>16629.407999999999</v>
      </c>
      <c r="ENO52" s="7">
        <f t="shared" si="350"/>
        <v>16629.407999999999</v>
      </c>
      <c r="ENP52" s="7">
        <f t="shared" si="350"/>
        <v>16629.407999999999</v>
      </c>
      <c r="ENQ52" s="7">
        <f t="shared" si="350"/>
        <v>16629.407999999999</v>
      </c>
      <c r="ENR52" s="7">
        <f t="shared" si="350"/>
        <v>16629.407999999999</v>
      </c>
      <c r="ENS52" s="7">
        <f t="shared" si="350"/>
        <v>16629.407999999999</v>
      </c>
      <c r="ENT52" s="7">
        <f t="shared" si="350"/>
        <v>16629.407999999999</v>
      </c>
      <c r="ENU52" s="7">
        <f t="shared" si="350"/>
        <v>16629.407999999999</v>
      </c>
      <c r="ENV52" s="7">
        <f t="shared" si="350"/>
        <v>16629.407999999999</v>
      </c>
      <c r="ENW52" s="7">
        <f t="shared" si="350"/>
        <v>16629.407999999999</v>
      </c>
      <c r="ENX52" s="7">
        <f t="shared" si="350"/>
        <v>16629.407999999999</v>
      </c>
      <c r="ENY52" s="7">
        <f t="shared" si="350"/>
        <v>16629.407999999999</v>
      </c>
      <c r="ENZ52" s="7">
        <f t="shared" si="350"/>
        <v>16629.407999999999</v>
      </c>
      <c r="EOA52" s="7">
        <f t="shared" si="350"/>
        <v>16629.407999999999</v>
      </c>
      <c r="EOB52" s="7">
        <f t="shared" si="350"/>
        <v>16629.407999999999</v>
      </c>
      <c r="EOC52" s="7">
        <f t="shared" si="350"/>
        <v>16629.407999999999</v>
      </c>
      <c r="EOD52" s="7">
        <f t="shared" si="350"/>
        <v>16629.407999999999</v>
      </c>
      <c r="EOE52" s="7">
        <f t="shared" si="350"/>
        <v>16629.407999999999</v>
      </c>
      <c r="EOF52" s="7">
        <f t="shared" si="350"/>
        <v>16629.407999999999</v>
      </c>
      <c r="EOG52" s="7">
        <f t="shared" si="350"/>
        <v>16629.407999999999</v>
      </c>
      <c r="EOH52" s="7">
        <f t="shared" si="350"/>
        <v>16629.407999999999</v>
      </c>
      <c r="EOI52" s="7">
        <f t="shared" si="350"/>
        <v>16629.407999999999</v>
      </c>
      <c r="EOJ52" s="7">
        <f t="shared" si="350"/>
        <v>16629.407999999999</v>
      </c>
      <c r="EOK52" s="7">
        <f t="shared" si="350"/>
        <v>16629.407999999999</v>
      </c>
      <c r="EOL52" s="7">
        <f t="shared" si="350"/>
        <v>16629.407999999999</v>
      </c>
      <c r="EOM52" s="7">
        <f t="shared" si="350"/>
        <v>16629.407999999999</v>
      </c>
      <c r="EON52" s="7">
        <f t="shared" si="350"/>
        <v>16629.407999999999</v>
      </c>
      <c r="EOO52" s="7">
        <f t="shared" si="350"/>
        <v>16629.407999999999</v>
      </c>
      <c r="EOP52" s="7">
        <f t="shared" ref="EOP52:ERA52" si="351">EOP47+EOO52</f>
        <v>16629.407999999999</v>
      </c>
      <c r="EOQ52" s="7">
        <f t="shared" si="351"/>
        <v>16629.407999999999</v>
      </c>
      <c r="EOR52" s="7">
        <f t="shared" si="351"/>
        <v>16629.407999999999</v>
      </c>
      <c r="EOS52" s="7">
        <f t="shared" si="351"/>
        <v>16629.407999999999</v>
      </c>
      <c r="EOT52" s="7">
        <f t="shared" si="351"/>
        <v>16629.407999999999</v>
      </c>
      <c r="EOU52" s="7">
        <f t="shared" si="351"/>
        <v>16629.407999999999</v>
      </c>
      <c r="EOV52" s="7">
        <f t="shared" si="351"/>
        <v>16629.407999999999</v>
      </c>
      <c r="EOW52" s="7">
        <f t="shared" si="351"/>
        <v>16629.407999999999</v>
      </c>
      <c r="EOX52" s="7">
        <f t="shared" si="351"/>
        <v>16629.407999999999</v>
      </c>
      <c r="EOY52" s="7">
        <f t="shared" si="351"/>
        <v>16629.407999999999</v>
      </c>
      <c r="EOZ52" s="7">
        <f t="shared" si="351"/>
        <v>16629.407999999999</v>
      </c>
      <c r="EPA52" s="7">
        <f t="shared" si="351"/>
        <v>16629.407999999999</v>
      </c>
      <c r="EPB52" s="7">
        <f t="shared" si="351"/>
        <v>16629.407999999999</v>
      </c>
      <c r="EPC52" s="7">
        <f t="shared" si="351"/>
        <v>16629.407999999999</v>
      </c>
      <c r="EPD52" s="7">
        <f t="shared" si="351"/>
        <v>16629.407999999999</v>
      </c>
      <c r="EPE52" s="7">
        <f t="shared" si="351"/>
        <v>16629.407999999999</v>
      </c>
      <c r="EPF52" s="7">
        <f t="shared" si="351"/>
        <v>16629.407999999999</v>
      </c>
      <c r="EPG52" s="7">
        <f t="shared" si="351"/>
        <v>16629.407999999999</v>
      </c>
      <c r="EPH52" s="7">
        <f t="shared" si="351"/>
        <v>16629.407999999999</v>
      </c>
      <c r="EPI52" s="7">
        <f t="shared" si="351"/>
        <v>16629.407999999999</v>
      </c>
      <c r="EPJ52" s="7">
        <f t="shared" si="351"/>
        <v>16629.407999999999</v>
      </c>
      <c r="EPK52" s="7">
        <f t="shared" si="351"/>
        <v>16629.407999999999</v>
      </c>
      <c r="EPL52" s="7">
        <f t="shared" si="351"/>
        <v>16629.407999999999</v>
      </c>
      <c r="EPM52" s="7">
        <f t="shared" si="351"/>
        <v>16629.407999999999</v>
      </c>
      <c r="EPN52" s="7">
        <f t="shared" si="351"/>
        <v>16629.407999999999</v>
      </c>
      <c r="EPO52" s="7">
        <f t="shared" si="351"/>
        <v>16629.407999999999</v>
      </c>
      <c r="EPP52" s="7">
        <f t="shared" si="351"/>
        <v>16629.407999999999</v>
      </c>
      <c r="EPQ52" s="7">
        <f t="shared" si="351"/>
        <v>16629.407999999999</v>
      </c>
      <c r="EPR52" s="7">
        <f t="shared" si="351"/>
        <v>16629.407999999999</v>
      </c>
      <c r="EPS52" s="7">
        <f t="shared" si="351"/>
        <v>16629.407999999999</v>
      </c>
      <c r="EPT52" s="7">
        <f t="shared" si="351"/>
        <v>16629.407999999999</v>
      </c>
      <c r="EPU52" s="7">
        <f t="shared" si="351"/>
        <v>16629.407999999999</v>
      </c>
      <c r="EPV52" s="7">
        <f t="shared" si="351"/>
        <v>16629.407999999999</v>
      </c>
      <c r="EPW52" s="7">
        <f t="shared" si="351"/>
        <v>16629.407999999999</v>
      </c>
      <c r="EPX52" s="7">
        <f t="shared" si="351"/>
        <v>16629.407999999999</v>
      </c>
      <c r="EPY52" s="7">
        <f t="shared" si="351"/>
        <v>16629.407999999999</v>
      </c>
      <c r="EPZ52" s="7">
        <f t="shared" si="351"/>
        <v>16629.407999999999</v>
      </c>
      <c r="EQA52" s="7">
        <f t="shared" si="351"/>
        <v>16629.407999999999</v>
      </c>
      <c r="EQB52" s="7">
        <f t="shared" si="351"/>
        <v>16629.407999999999</v>
      </c>
      <c r="EQC52" s="7">
        <f t="shared" si="351"/>
        <v>16629.407999999999</v>
      </c>
      <c r="EQD52" s="7">
        <f t="shared" si="351"/>
        <v>16629.407999999999</v>
      </c>
      <c r="EQE52" s="7">
        <f t="shared" si="351"/>
        <v>16629.407999999999</v>
      </c>
      <c r="EQF52" s="7">
        <f t="shared" si="351"/>
        <v>16629.407999999999</v>
      </c>
      <c r="EQG52" s="7">
        <f t="shared" si="351"/>
        <v>16629.407999999999</v>
      </c>
      <c r="EQH52" s="7">
        <f t="shared" si="351"/>
        <v>16629.407999999999</v>
      </c>
      <c r="EQI52" s="7">
        <f t="shared" si="351"/>
        <v>16629.407999999999</v>
      </c>
      <c r="EQJ52" s="7">
        <f t="shared" si="351"/>
        <v>16629.407999999999</v>
      </c>
      <c r="EQK52" s="7">
        <f t="shared" si="351"/>
        <v>16629.407999999999</v>
      </c>
      <c r="EQL52" s="7">
        <f t="shared" si="351"/>
        <v>16629.407999999999</v>
      </c>
      <c r="EQM52" s="7">
        <f t="shared" si="351"/>
        <v>16629.407999999999</v>
      </c>
      <c r="EQN52" s="7">
        <f t="shared" si="351"/>
        <v>16629.407999999999</v>
      </c>
      <c r="EQO52" s="7">
        <f t="shared" si="351"/>
        <v>16629.407999999999</v>
      </c>
      <c r="EQP52" s="7">
        <f t="shared" si="351"/>
        <v>16629.407999999999</v>
      </c>
      <c r="EQQ52" s="7">
        <f t="shared" si="351"/>
        <v>16629.407999999999</v>
      </c>
      <c r="EQR52" s="7">
        <f t="shared" si="351"/>
        <v>16629.407999999999</v>
      </c>
      <c r="EQS52" s="7">
        <f t="shared" si="351"/>
        <v>16629.407999999999</v>
      </c>
      <c r="EQT52" s="7">
        <f t="shared" si="351"/>
        <v>16629.407999999999</v>
      </c>
      <c r="EQU52" s="7">
        <f t="shared" si="351"/>
        <v>16629.407999999999</v>
      </c>
      <c r="EQV52" s="7">
        <f t="shared" si="351"/>
        <v>16629.407999999999</v>
      </c>
      <c r="EQW52" s="7">
        <f t="shared" si="351"/>
        <v>16629.407999999999</v>
      </c>
      <c r="EQX52" s="7">
        <f t="shared" si="351"/>
        <v>16629.407999999999</v>
      </c>
      <c r="EQY52" s="7">
        <f t="shared" si="351"/>
        <v>16629.407999999999</v>
      </c>
      <c r="EQZ52" s="7">
        <f t="shared" si="351"/>
        <v>16629.407999999999</v>
      </c>
      <c r="ERA52" s="7">
        <f t="shared" si="351"/>
        <v>16629.407999999999</v>
      </c>
      <c r="ERB52" s="7">
        <f t="shared" ref="ERB52:ETM52" si="352">ERB47+ERA52</f>
        <v>16629.407999999999</v>
      </c>
      <c r="ERC52" s="7">
        <f t="shared" si="352"/>
        <v>16629.407999999999</v>
      </c>
      <c r="ERD52" s="7">
        <f t="shared" si="352"/>
        <v>16629.407999999999</v>
      </c>
      <c r="ERE52" s="7">
        <f t="shared" si="352"/>
        <v>16629.407999999999</v>
      </c>
      <c r="ERF52" s="7">
        <f t="shared" si="352"/>
        <v>16629.407999999999</v>
      </c>
      <c r="ERG52" s="7">
        <f t="shared" si="352"/>
        <v>16629.407999999999</v>
      </c>
      <c r="ERH52" s="7">
        <f t="shared" si="352"/>
        <v>16629.407999999999</v>
      </c>
      <c r="ERI52" s="7">
        <f t="shared" si="352"/>
        <v>16629.407999999999</v>
      </c>
      <c r="ERJ52" s="7">
        <f t="shared" si="352"/>
        <v>16629.407999999999</v>
      </c>
      <c r="ERK52" s="7">
        <f t="shared" si="352"/>
        <v>16629.407999999999</v>
      </c>
      <c r="ERL52" s="7">
        <f t="shared" si="352"/>
        <v>16629.407999999999</v>
      </c>
      <c r="ERM52" s="7">
        <f t="shared" si="352"/>
        <v>16629.407999999999</v>
      </c>
      <c r="ERN52" s="7">
        <f t="shared" si="352"/>
        <v>16629.407999999999</v>
      </c>
      <c r="ERO52" s="7">
        <f t="shared" si="352"/>
        <v>16629.407999999999</v>
      </c>
      <c r="ERP52" s="7">
        <f t="shared" si="352"/>
        <v>16629.407999999999</v>
      </c>
      <c r="ERQ52" s="7">
        <f t="shared" si="352"/>
        <v>16629.407999999999</v>
      </c>
      <c r="ERR52" s="7">
        <f t="shared" si="352"/>
        <v>16629.407999999999</v>
      </c>
      <c r="ERS52" s="7">
        <f t="shared" si="352"/>
        <v>16629.407999999999</v>
      </c>
      <c r="ERT52" s="7">
        <f t="shared" si="352"/>
        <v>16629.407999999999</v>
      </c>
      <c r="ERU52" s="7">
        <f t="shared" si="352"/>
        <v>16629.407999999999</v>
      </c>
      <c r="ERV52" s="7">
        <f t="shared" si="352"/>
        <v>16629.407999999999</v>
      </c>
      <c r="ERW52" s="7">
        <f t="shared" si="352"/>
        <v>16629.407999999999</v>
      </c>
      <c r="ERX52" s="7">
        <f t="shared" si="352"/>
        <v>16629.407999999999</v>
      </c>
      <c r="ERY52" s="7">
        <f t="shared" si="352"/>
        <v>16629.407999999999</v>
      </c>
      <c r="ERZ52" s="7">
        <f t="shared" si="352"/>
        <v>16629.407999999999</v>
      </c>
      <c r="ESA52" s="7">
        <f t="shared" si="352"/>
        <v>16629.407999999999</v>
      </c>
      <c r="ESB52" s="7">
        <f t="shared" si="352"/>
        <v>16629.407999999999</v>
      </c>
      <c r="ESC52" s="7">
        <f t="shared" si="352"/>
        <v>16629.407999999999</v>
      </c>
      <c r="ESD52" s="7">
        <f t="shared" si="352"/>
        <v>16629.407999999999</v>
      </c>
      <c r="ESE52" s="7">
        <f t="shared" si="352"/>
        <v>16629.407999999999</v>
      </c>
      <c r="ESF52" s="7">
        <f t="shared" si="352"/>
        <v>16629.407999999999</v>
      </c>
      <c r="ESG52" s="7">
        <f t="shared" si="352"/>
        <v>16629.407999999999</v>
      </c>
      <c r="ESH52" s="7">
        <f t="shared" si="352"/>
        <v>16629.407999999999</v>
      </c>
      <c r="ESI52" s="7">
        <f t="shared" si="352"/>
        <v>16629.407999999999</v>
      </c>
      <c r="ESJ52" s="7">
        <f t="shared" si="352"/>
        <v>16629.407999999999</v>
      </c>
      <c r="ESK52" s="7">
        <f t="shared" si="352"/>
        <v>16629.407999999999</v>
      </c>
      <c r="ESL52" s="7">
        <f t="shared" si="352"/>
        <v>16629.407999999999</v>
      </c>
      <c r="ESM52" s="7">
        <f t="shared" si="352"/>
        <v>16629.407999999999</v>
      </c>
      <c r="ESN52" s="7">
        <f t="shared" si="352"/>
        <v>16629.407999999999</v>
      </c>
      <c r="ESO52" s="7">
        <f t="shared" si="352"/>
        <v>16629.407999999999</v>
      </c>
      <c r="ESP52" s="7">
        <f t="shared" si="352"/>
        <v>16629.407999999999</v>
      </c>
      <c r="ESQ52" s="7">
        <f t="shared" si="352"/>
        <v>16629.407999999999</v>
      </c>
      <c r="ESR52" s="7">
        <f t="shared" si="352"/>
        <v>16629.407999999999</v>
      </c>
      <c r="ESS52" s="7">
        <f t="shared" si="352"/>
        <v>16629.407999999999</v>
      </c>
      <c r="EST52" s="7">
        <f t="shared" si="352"/>
        <v>16629.407999999999</v>
      </c>
      <c r="ESU52" s="7">
        <f t="shared" si="352"/>
        <v>16629.407999999999</v>
      </c>
      <c r="ESV52" s="7">
        <f t="shared" si="352"/>
        <v>16629.407999999999</v>
      </c>
      <c r="ESW52" s="7">
        <f t="shared" si="352"/>
        <v>16629.407999999999</v>
      </c>
      <c r="ESX52" s="7">
        <f t="shared" si="352"/>
        <v>16629.407999999999</v>
      </c>
      <c r="ESY52" s="7">
        <f t="shared" si="352"/>
        <v>16629.407999999999</v>
      </c>
      <c r="ESZ52" s="7">
        <f t="shared" si="352"/>
        <v>16629.407999999999</v>
      </c>
      <c r="ETA52" s="7">
        <f t="shared" si="352"/>
        <v>16629.407999999999</v>
      </c>
      <c r="ETB52" s="7">
        <f t="shared" si="352"/>
        <v>16629.407999999999</v>
      </c>
      <c r="ETC52" s="7">
        <f t="shared" si="352"/>
        <v>16629.407999999999</v>
      </c>
      <c r="ETD52" s="7">
        <f t="shared" si="352"/>
        <v>16629.407999999999</v>
      </c>
      <c r="ETE52" s="7">
        <f t="shared" si="352"/>
        <v>16629.407999999999</v>
      </c>
      <c r="ETF52" s="7">
        <f t="shared" si="352"/>
        <v>16629.407999999999</v>
      </c>
      <c r="ETG52" s="7">
        <f t="shared" si="352"/>
        <v>16629.407999999999</v>
      </c>
      <c r="ETH52" s="7">
        <f t="shared" si="352"/>
        <v>16629.407999999999</v>
      </c>
      <c r="ETI52" s="7">
        <f t="shared" si="352"/>
        <v>16629.407999999999</v>
      </c>
      <c r="ETJ52" s="7">
        <f t="shared" si="352"/>
        <v>16629.407999999999</v>
      </c>
      <c r="ETK52" s="7">
        <f t="shared" si="352"/>
        <v>16629.407999999999</v>
      </c>
      <c r="ETL52" s="7">
        <f t="shared" si="352"/>
        <v>16629.407999999999</v>
      </c>
      <c r="ETM52" s="7">
        <f t="shared" si="352"/>
        <v>16629.407999999999</v>
      </c>
      <c r="ETN52" s="7">
        <f t="shared" ref="ETN52:EVY52" si="353">ETN47+ETM52</f>
        <v>16629.407999999999</v>
      </c>
      <c r="ETO52" s="7">
        <f t="shared" si="353"/>
        <v>16629.407999999999</v>
      </c>
      <c r="ETP52" s="7">
        <f t="shared" si="353"/>
        <v>16629.407999999999</v>
      </c>
      <c r="ETQ52" s="7">
        <f t="shared" si="353"/>
        <v>16629.407999999999</v>
      </c>
      <c r="ETR52" s="7">
        <f t="shared" si="353"/>
        <v>16629.407999999999</v>
      </c>
      <c r="ETS52" s="7">
        <f t="shared" si="353"/>
        <v>16629.407999999999</v>
      </c>
      <c r="ETT52" s="7">
        <f t="shared" si="353"/>
        <v>16629.407999999999</v>
      </c>
      <c r="ETU52" s="7">
        <f t="shared" si="353"/>
        <v>16629.407999999999</v>
      </c>
      <c r="ETV52" s="7">
        <f t="shared" si="353"/>
        <v>16629.407999999999</v>
      </c>
      <c r="ETW52" s="7">
        <f t="shared" si="353"/>
        <v>16629.407999999999</v>
      </c>
      <c r="ETX52" s="7">
        <f t="shared" si="353"/>
        <v>16629.407999999999</v>
      </c>
      <c r="ETY52" s="7">
        <f t="shared" si="353"/>
        <v>16629.407999999999</v>
      </c>
      <c r="ETZ52" s="7">
        <f t="shared" si="353"/>
        <v>16629.407999999999</v>
      </c>
      <c r="EUA52" s="7">
        <f t="shared" si="353"/>
        <v>16629.407999999999</v>
      </c>
      <c r="EUB52" s="7">
        <f t="shared" si="353"/>
        <v>16629.407999999999</v>
      </c>
      <c r="EUC52" s="7">
        <f t="shared" si="353"/>
        <v>16629.407999999999</v>
      </c>
      <c r="EUD52" s="7">
        <f t="shared" si="353"/>
        <v>16629.407999999999</v>
      </c>
      <c r="EUE52" s="7">
        <f t="shared" si="353"/>
        <v>16629.407999999999</v>
      </c>
      <c r="EUF52" s="7">
        <f t="shared" si="353"/>
        <v>16629.407999999999</v>
      </c>
      <c r="EUG52" s="7">
        <f t="shared" si="353"/>
        <v>16629.407999999999</v>
      </c>
      <c r="EUH52" s="7">
        <f t="shared" si="353"/>
        <v>16629.407999999999</v>
      </c>
      <c r="EUI52" s="7">
        <f t="shared" si="353"/>
        <v>16629.407999999999</v>
      </c>
      <c r="EUJ52" s="7">
        <f t="shared" si="353"/>
        <v>16629.407999999999</v>
      </c>
      <c r="EUK52" s="7">
        <f t="shared" si="353"/>
        <v>16629.407999999999</v>
      </c>
      <c r="EUL52" s="7">
        <f t="shared" si="353"/>
        <v>16629.407999999999</v>
      </c>
      <c r="EUM52" s="7">
        <f t="shared" si="353"/>
        <v>16629.407999999999</v>
      </c>
      <c r="EUN52" s="7">
        <f t="shared" si="353"/>
        <v>16629.407999999999</v>
      </c>
      <c r="EUO52" s="7">
        <f t="shared" si="353"/>
        <v>16629.407999999999</v>
      </c>
      <c r="EUP52" s="7">
        <f t="shared" si="353"/>
        <v>16629.407999999999</v>
      </c>
      <c r="EUQ52" s="7">
        <f t="shared" si="353"/>
        <v>16629.407999999999</v>
      </c>
      <c r="EUR52" s="7">
        <f t="shared" si="353"/>
        <v>16629.407999999999</v>
      </c>
      <c r="EUS52" s="7">
        <f t="shared" si="353"/>
        <v>16629.407999999999</v>
      </c>
      <c r="EUT52" s="7">
        <f t="shared" si="353"/>
        <v>16629.407999999999</v>
      </c>
      <c r="EUU52" s="7">
        <f t="shared" si="353"/>
        <v>16629.407999999999</v>
      </c>
      <c r="EUV52" s="7">
        <f t="shared" si="353"/>
        <v>16629.407999999999</v>
      </c>
      <c r="EUW52" s="7">
        <f t="shared" si="353"/>
        <v>16629.407999999999</v>
      </c>
      <c r="EUX52" s="7">
        <f t="shared" si="353"/>
        <v>16629.407999999999</v>
      </c>
      <c r="EUY52" s="7">
        <f t="shared" si="353"/>
        <v>16629.407999999999</v>
      </c>
      <c r="EUZ52" s="7">
        <f t="shared" si="353"/>
        <v>16629.407999999999</v>
      </c>
      <c r="EVA52" s="7">
        <f t="shared" si="353"/>
        <v>16629.407999999999</v>
      </c>
      <c r="EVB52" s="7">
        <f t="shared" si="353"/>
        <v>16629.407999999999</v>
      </c>
      <c r="EVC52" s="7">
        <f t="shared" si="353"/>
        <v>16629.407999999999</v>
      </c>
      <c r="EVD52" s="7">
        <f t="shared" si="353"/>
        <v>16629.407999999999</v>
      </c>
      <c r="EVE52" s="7">
        <f t="shared" si="353"/>
        <v>16629.407999999999</v>
      </c>
      <c r="EVF52" s="7">
        <f t="shared" si="353"/>
        <v>16629.407999999999</v>
      </c>
      <c r="EVG52" s="7">
        <f t="shared" si="353"/>
        <v>16629.407999999999</v>
      </c>
      <c r="EVH52" s="7">
        <f t="shared" si="353"/>
        <v>16629.407999999999</v>
      </c>
      <c r="EVI52" s="7">
        <f t="shared" si="353"/>
        <v>16629.407999999999</v>
      </c>
      <c r="EVJ52" s="7">
        <f t="shared" si="353"/>
        <v>16629.407999999999</v>
      </c>
      <c r="EVK52" s="7">
        <f t="shared" si="353"/>
        <v>16629.407999999999</v>
      </c>
      <c r="EVL52" s="7">
        <f t="shared" si="353"/>
        <v>16629.407999999999</v>
      </c>
      <c r="EVM52" s="7">
        <f t="shared" si="353"/>
        <v>16629.407999999999</v>
      </c>
      <c r="EVN52" s="7">
        <f t="shared" si="353"/>
        <v>16629.407999999999</v>
      </c>
      <c r="EVO52" s="7">
        <f t="shared" si="353"/>
        <v>16629.407999999999</v>
      </c>
      <c r="EVP52" s="7">
        <f t="shared" si="353"/>
        <v>16629.407999999999</v>
      </c>
      <c r="EVQ52" s="7">
        <f t="shared" si="353"/>
        <v>16629.407999999999</v>
      </c>
      <c r="EVR52" s="7">
        <f t="shared" si="353"/>
        <v>16629.407999999999</v>
      </c>
      <c r="EVS52" s="7">
        <f t="shared" si="353"/>
        <v>16629.407999999999</v>
      </c>
      <c r="EVT52" s="7">
        <f t="shared" si="353"/>
        <v>16629.407999999999</v>
      </c>
      <c r="EVU52" s="7">
        <f t="shared" si="353"/>
        <v>16629.407999999999</v>
      </c>
      <c r="EVV52" s="7">
        <f t="shared" si="353"/>
        <v>16629.407999999999</v>
      </c>
      <c r="EVW52" s="7">
        <f t="shared" si="353"/>
        <v>16629.407999999999</v>
      </c>
      <c r="EVX52" s="7">
        <f t="shared" si="353"/>
        <v>16629.407999999999</v>
      </c>
      <c r="EVY52" s="7">
        <f t="shared" si="353"/>
        <v>16629.407999999999</v>
      </c>
      <c r="EVZ52" s="7">
        <f t="shared" ref="EVZ52:EYK52" si="354">EVZ47+EVY52</f>
        <v>16629.407999999999</v>
      </c>
      <c r="EWA52" s="7">
        <f t="shared" si="354"/>
        <v>16629.407999999999</v>
      </c>
      <c r="EWB52" s="7">
        <f t="shared" si="354"/>
        <v>16629.407999999999</v>
      </c>
      <c r="EWC52" s="7">
        <f t="shared" si="354"/>
        <v>16629.407999999999</v>
      </c>
      <c r="EWD52" s="7">
        <f t="shared" si="354"/>
        <v>16629.407999999999</v>
      </c>
      <c r="EWE52" s="7">
        <f t="shared" si="354"/>
        <v>16629.407999999999</v>
      </c>
      <c r="EWF52" s="7">
        <f t="shared" si="354"/>
        <v>16629.407999999999</v>
      </c>
      <c r="EWG52" s="7">
        <f t="shared" si="354"/>
        <v>16629.407999999999</v>
      </c>
      <c r="EWH52" s="7">
        <f t="shared" si="354"/>
        <v>16629.407999999999</v>
      </c>
      <c r="EWI52" s="7">
        <f t="shared" si="354"/>
        <v>16629.407999999999</v>
      </c>
      <c r="EWJ52" s="7">
        <f t="shared" si="354"/>
        <v>16629.407999999999</v>
      </c>
      <c r="EWK52" s="7">
        <f t="shared" si="354"/>
        <v>16629.407999999999</v>
      </c>
      <c r="EWL52" s="7">
        <f t="shared" si="354"/>
        <v>16629.407999999999</v>
      </c>
      <c r="EWM52" s="7">
        <f t="shared" si="354"/>
        <v>16629.407999999999</v>
      </c>
      <c r="EWN52" s="7">
        <f t="shared" si="354"/>
        <v>16629.407999999999</v>
      </c>
      <c r="EWO52" s="7">
        <f t="shared" si="354"/>
        <v>16629.407999999999</v>
      </c>
      <c r="EWP52" s="7">
        <f t="shared" si="354"/>
        <v>16629.407999999999</v>
      </c>
      <c r="EWQ52" s="7">
        <f t="shared" si="354"/>
        <v>16629.407999999999</v>
      </c>
      <c r="EWR52" s="7">
        <f t="shared" si="354"/>
        <v>16629.407999999999</v>
      </c>
      <c r="EWS52" s="7">
        <f t="shared" si="354"/>
        <v>16629.407999999999</v>
      </c>
      <c r="EWT52" s="7">
        <f t="shared" si="354"/>
        <v>16629.407999999999</v>
      </c>
      <c r="EWU52" s="7">
        <f t="shared" si="354"/>
        <v>16629.407999999999</v>
      </c>
      <c r="EWV52" s="7">
        <f t="shared" si="354"/>
        <v>16629.407999999999</v>
      </c>
      <c r="EWW52" s="7">
        <f t="shared" si="354"/>
        <v>16629.407999999999</v>
      </c>
      <c r="EWX52" s="7">
        <f t="shared" si="354"/>
        <v>16629.407999999999</v>
      </c>
      <c r="EWY52" s="7">
        <f t="shared" si="354"/>
        <v>16629.407999999999</v>
      </c>
      <c r="EWZ52" s="7">
        <f t="shared" si="354"/>
        <v>16629.407999999999</v>
      </c>
      <c r="EXA52" s="7">
        <f t="shared" si="354"/>
        <v>16629.407999999999</v>
      </c>
      <c r="EXB52" s="7">
        <f t="shared" si="354"/>
        <v>16629.407999999999</v>
      </c>
      <c r="EXC52" s="7">
        <f t="shared" si="354"/>
        <v>16629.407999999999</v>
      </c>
      <c r="EXD52" s="7">
        <f t="shared" si="354"/>
        <v>16629.407999999999</v>
      </c>
      <c r="EXE52" s="7">
        <f t="shared" si="354"/>
        <v>16629.407999999999</v>
      </c>
      <c r="EXF52" s="7">
        <f t="shared" si="354"/>
        <v>16629.407999999999</v>
      </c>
      <c r="EXG52" s="7">
        <f t="shared" si="354"/>
        <v>16629.407999999999</v>
      </c>
      <c r="EXH52" s="7">
        <f t="shared" si="354"/>
        <v>16629.407999999999</v>
      </c>
      <c r="EXI52" s="7">
        <f t="shared" si="354"/>
        <v>16629.407999999999</v>
      </c>
      <c r="EXJ52" s="7">
        <f t="shared" si="354"/>
        <v>16629.407999999999</v>
      </c>
      <c r="EXK52" s="7">
        <f t="shared" si="354"/>
        <v>16629.407999999999</v>
      </c>
      <c r="EXL52" s="7">
        <f t="shared" si="354"/>
        <v>16629.407999999999</v>
      </c>
      <c r="EXM52" s="7">
        <f t="shared" si="354"/>
        <v>16629.407999999999</v>
      </c>
      <c r="EXN52" s="7">
        <f t="shared" si="354"/>
        <v>16629.407999999999</v>
      </c>
      <c r="EXO52" s="7">
        <f t="shared" si="354"/>
        <v>16629.407999999999</v>
      </c>
      <c r="EXP52" s="7">
        <f t="shared" si="354"/>
        <v>16629.407999999999</v>
      </c>
      <c r="EXQ52" s="7">
        <f t="shared" si="354"/>
        <v>16629.407999999999</v>
      </c>
      <c r="EXR52" s="7">
        <f t="shared" si="354"/>
        <v>16629.407999999999</v>
      </c>
      <c r="EXS52" s="7">
        <f t="shared" si="354"/>
        <v>16629.407999999999</v>
      </c>
      <c r="EXT52" s="7">
        <f t="shared" si="354"/>
        <v>16629.407999999999</v>
      </c>
      <c r="EXU52" s="7">
        <f t="shared" si="354"/>
        <v>16629.407999999999</v>
      </c>
      <c r="EXV52" s="7">
        <f t="shared" si="354"/>
        <v>16629.407999999999</v>
      </c>
      <c r="EXW52" s="7">
        <f t="shared" si="354"/>
        <v>16629.407999999999</v>
      </c>
      <c r="EXX52" s="7">
        <f t="shared" si="354"/>
        <v>16629.407999999999</v>
      </c>
      <c r="EXY52" s="7">
        <f t="shared" si="354"/>
        <v>16629.407999999999</v>
      </c>
      <c r="EXZ52" s="7">
        <f t="shared" si="354"/>
        <v>16629.407999999999</v>
      </c>
      <c r="EYA52" s="7">
        <f t="shared" si="354"/>
        <v>16629.407999999999</v>
      </c>
      <c r="EYB52" s="7">
        <f t="shared" si="354"/>
        <v>16629.407999999999</v>
      </c>
      <c r="EYC52" s="7">
        <f t="shared" si="354"/>
        <v>16629.407999999999</v>
      </c>
      <c r="EYD52" s="7">
        <f t="shared" si="354"/>
        <v>16629.407999999999</v>
      </c>
      <c r="EYE52" s="7">
        <f t="shared" si="354"/>
        <v>16629.407999999999</v>
      </c>
      <c r="EYF52" s="7">
        <f t="shared" si="354"/>
        <v>16629.407999999999</v>
      </c>
      <c r="EYG52" s="7">
        <f t="shared" si="354"/>
        <v>16629.407999999999</v>
      </c>
      <c r="EYH52" s="7">
        <f t="shared" si="354"/>
        <v>16629.407999999999</v>
      </c>
      <c r="EYI52" s="7">
        <f t="shared" si="354"/>
        <v>16629.407999999999</v>
      </c>
      <c r="EYJ52" s="7">
        <f t="shared" si="354"/>
        <v>16629.407999999999</v>
      </c>
      <c r="EYK52" s="7">
        <f t="shared" si="354"/>
        <v>16629.407999999999</v>
      </c>
      <c r="EYL52" s="7">
        <f t="shared" ref="EYL52:FAW52" si="355">EYL47+EYK52</f>
        <v>16629.407999999999</v>
      </c>
      <c r="EYM52" s="7">
        <f t="shared" si="355"/>
        <v>16629.407999999999</v>
      </c>
      <c r="EYN52" s="7">
        <f t="shared" si="355"/>
        <v>16629.407999999999</v>
      </c>
      <c r="EYO52" s="7">
        <f t="shared" si="355"/>
        <v>16629.407999999999</v>
      </c>
      <c r="EYP52" s="7">
        <f t="shared" si="355"/>
        <v>16629.407999999999</v>
      </c>
      <c r="EYQ52" s="7">
        <f t="shared" si="355"/>
        <v>16629.407999999999</v>
      </c>
      <c r="EYR52" s="7">
        <f t="shared" si="355"/>
        <v>16629.407999999999</v>
      </c>
      <c r="EYS52" s="7">
        <f t="shared" si="355"/>
        <v>16629.407999999999</v>
      </c>
      <c r="EYT52" s="7">
        <f t="shared" si="355"/>
        <v>16629.407999999999</v>
      </c>
      <c r="EYU52" s="7">
        <f t="shared" si="355"/>
        <v>16629.407999999999</v>
      </c>
      <c r="EYV52" s="7">
        <f t="shared" si="355"/>
        <v>16629.407999999999</v>
      </c>
      <c r="EYW52" s="7">
        <f t="shared" si="355"/>
        <v>16629.407999999999</v>
      </c>
      <c r="EYX52" s="7">
        <f t="shared" si="355"/>
        <v>16629.407999999999</v>
      </c>
      <c r="EYY52" s="7">
        <f t="shared" si="355"/>
        <v>16629.407999999999</v>
      </c>
      <c r="EYZ52" s="7">
        <f t="shared" si="355"/>
        <v>16629.407999999999</v>
      </c>
      <c r="EZA52" s="7">
        <f t="shared" si="355"/>
        <v>16629.407999999999</v>
      </c>
      <c r="EZB52" s="7">
        <f t="shared" si="355"/>
        <v>16629.407999999999</v>
      </c>
      <c r="EZC52" s="7">
        <f t="shared" si="355"/>
        <v>16629.407999999999</v>
      </c>
      <c r="EZD52" s="7">
        <f t="shared" si="355"/>
        <v>16629.407999999999</v>
      </c>
      <c r="EZE52" s="7">
        <f t="shared" si="355"/>
        <v>16629.407999999999</v>
      </c>
      <c r="EZF52" s="7">
        <f t="shared" si="355"/>
        <v>16629.407999999999</v>
      </c>
      <c r="EZG52" s="7">
        <f t="shared" si="355"/>
        <v>16629.407999999999</v>
      </c>
      <c r="EZH52" s="7">
        <f t="shared" si="355"/>
        <v>16629.407999999999</v>
      </c>
      <c r="EZI52" s="7">
        <f t="shared" si="355"/>
        <v>16629.407999999999</v>
      </c>
      <c r="EZJ52" s="7">
        <f t="shared" si="355"/>
        <v>16629.407999999999</v>
      </c>
      <c r="EZK52" s="7">
        <f t="shared" si="355"/>
        <v>16629.407999999999</v>
      </c>
      <c r="EZL52" s="7">
        <f t="shared" si="355"/>
        <v>16629.407999999999</v>
      </c>
      <c r="EZM52" s="7">
        <f t="shared" si="355"/>
        <v>16629.407999999999</v>
      </c>
      <c r="EZN52" s="7">
        <f t="shared" si="355"/>
        <v>16629.407999999999</v>
      </c>
      <c r="EZO52" s="7">
        <f t="shared" si="355"/>
        <v>16629.407999999999</v>
      </c>
      <c r="EZP52" s="7">
        <f t="shared" si="355"/>
        <v>16629.407999999999</v>
      </c>
      <c r="EZQ52" s="7">
        <f t="shared" si="355"/>
        <v>16629.407999999999</v>
      </c>
      <c r="EZR52" s="7">
        <f t="shared" si="355"/>
        <v>16629.407999999999</v>
      </c>
      <c r="EZS52" s="7">
        <f t="shared" si="355"/>
        <v>16629.407999999999</v>
      </c>
      <c r="EZT52" s="7">
        <f t="shared" si="355"/>
        <v>16629.407999999999</v>
      </c>
      <c r="EZU52" s="7">
        <f t="shared" si="355"/>
        <v>16629.407999999999</v>
      </c>
      <c r="EZV52" s="7">
        <f t="shared" si="355"/>
        <v>16629.407999999999</v>
      </c>
      <c r="EZW52" s="7">
        <f t="shared" si="355"/>
        <v>16629.407999999999</v>
      </c>
      <c r="EZX52" s="7">
        <f t="shared" si="355"/>
        <v>16629.407999999999</v>
      </c>
      <c r="EZY52" s="7">
        <f t="shared" si="355"/>
        <v>16629.407999999999</v>
      </c>
      <c r="EZZ52" s="7">
        <f t="shared" si="355"/>
        <v>16629.407999999999</v>
      </c>
      <c r="FAA52" s="7">
        <f t="shared" si="355"/>
        <v>16629.407999999999</v>
      </c>
      <c r="FAB52" s="7">
        <f t="shared" si="355"/>
        <v>16629.407999999999</v>
      </c>
      <c r="FAC52" s="7">
        <f t="shared" si="355"/>
        <v>16629.407999999999</v>
      </c>
      <c r="FAD52" s="7">
        <f t="shared" si="355"/>
        <v>16629.407999999999</v>
      </c>
      <c r="FAE52" s="7">
        <f t="shared" si="355"/>
        <v>16629.407999999999</v>
      </c>
      <c r="FAF52" s="7">
        <f t="shared" si="355"/>
        <v>16629.407999999999</v>
      </c>
      <c r="FAG52" s="7">
        <f t="shared" si="355"/>
        <v>16629.407999999999</v>
      </c>
      <c r="FAH52" s="7">
        <f t="shared" si="355"/>
        <v>16629.407999999999</v>
      </c>
      <c r="FAI52" s="7">
        <f t="shared" si="355"/>
        <v>16629.407999999999</v>
      </c>
      <c r="FAJ52" s="7">
        <f t="shared" si="355"/>
        <v>16629.407999999999</v>
      </c>
      <c r="FAK52" s="7">
        <f t="shared" si="355"/>
        <v>16629.407999999999</v>
      </c>
      <c r="FAL52" s="7">
        <f t="shared" si="355"/>
        <v>16629.407999999999</v>
      </c>
      <c r="FAM52" s="7">
        <f t="shared" si="355"/>
        <v>16629.407999999999</v>
      </c>
      <c r="FAN52" s="7">
        <f t="shared" si="355"/>
        <v>16629.407999999999</v>
      </c>
      <c r="FAO52" s="7">
        <f t="shared" si="355"/>
        <v>16629.407999999999</v>
      </c>
      <c r="FAP52" s="7">
        <f t="shared" si="355"/>
        <v>16629.407999999999</v>
      </c>
      <c r="FAQ52" s="7">
        <f t="shared" si="355"/>
        <v>16629.407999999999</v>
      </c>
      <c r="FAR52" s="7">
        <f t="shared" si="355"/>
        <v>16629.407999999999</v>
      </c>
      <c r="FAS52" s="7">
        <f t="shared" si="355"/>
        <v>16629.407999999999</v>
      </c>
      <c r="FAT52" s="7">
        <f t="shared" si="355"/>
        <v>16629.407999999999</v>
      </c>
      <c r="FAU52" s="7">
        <f t="shared" si="355"/>
        <v>16629.407999999999</v>
      </c>
      <c r="FAV52" s="7">
        <f t="shared" si="355"/>
        <v>16629.407999999999</v>
      </c>
      <c r="FAW52" s="7">
        <f t="shared" si="355"/>
        <v>16629.407999999999</v>
      </c>
      <c r="FAX52" s="7">
        <f t="shared" ref="FAX52:FDI52" si="356">FAX47+FAW52</f>
        <v>16629.407999999999</v>
      </c>
      <c r="FAY52" s="7">
        <f t="shared" si="356"/>
        <v>16629.407999999999</v>
      </c>
      <c r="FAZ52" s="7">
        <f t="shared" si="356"/>
        <v>16629.407999999999</v>
      </c>
      <c r="FBA52" s="7">
        <f t="shared" si="356"/>
        <v>16629.407999999999</v>
      </c>
      <c r="FBB52" s="7">
        <f t="shared" si="356"/>
        <v>16629.407999999999</v>
      </c>
      <c r="FBC52" s="7">
        <f t="shared" si="356"/>
        <v>16629.407999999999</v>
      </c>
      <c r="FBD52" s="7">
        <f t="shared" si="356"/>
        <v>16629.407999999999</v>
      </c>
      <c r="FBE52" s="7">
        <f t="shared" si="356"/>
        <v>16629.407999999999</v>
      </c>
      <c r="FBF52" s="7">
        <f t="shared" si="356"/>
        <v>16629.407999999999</v>
      </c>
      <c r="FBG52" s="7">
        <f t="shared" si="356"/>
        <v>16629.407999999999</v>
      </c>
      <c r="FBH52" s="7">
        <f t="shared" si="356"/>
        <v>16629.407999999999</v>
      </c>
      <c r="FBI52" s="7">
        <f t="shared" si="356"/>
        <v>16629.407999999999</v>
      </c>
      <c r="FBJ52" s="7">
        <f t="shared" si="356"/>
        <v>16629.407999999999</v>
      </c>
      <c r="FBK52" s="7">
        <f t="shared" si="356"/>
        <v>16629.407999999999</v>
      </c>
      <c r="FBL52" s="7">
        <f t="shared" si="356"/>
        <v>16629.407999999999</v>
      </c>
      <c r="FBM52" s="7">
        <f t="shared" si="356"/>
        <v>16629.407999999999</v>
      </c>
      <c r="FBN52" s="7">
        <f t="shared" si="356"/>
        <v>16629.407999999999</v>
      </c>
      <c r="FBO52" s="7">
        <f t="shared" si="356"/>
        <v>16629.407999999999</v>
      </c>
      <c r="FBP52" s="7">
        <f t="shared" si="356"/>
        <v>16629.407999999999</v>
      </c>
      <c r="FBQ52" s="7">
        <f t="shared" si="356"/>
        <v>16629.407999999999</v>
      </c>
      <c r="FBR52" s="7">
        <f t="shared" si="356"/>
        <v>16629.407999999999</v>
      </c>
      <c r="FBS52" s="7">
        <f t="shared" si="356"/>
        <v>16629.407999999999</v>
      </c>
      <c r="FBT52" s="7">
        <f t="shared" si="356"/>
        <v>16629.407999999999</v>
      </c>
      <c r="FBU52" s="7">
        <f t="shared" si="356"/>
        <v>16629.407999999999</v>
      </c>
      <c r="FBV52" s="7">
        <f t="shared" si="356"/>
        <v>16629.407999999999</v>
      </c>
      <c r="FBW52" s="7">
        <f t="shared" si="356"/>
        <v>16629.407999999999</v>
      </c>
      <c r="FBX52" s="7">
        <f t="shared" si="356"/>
        <v>16629.407999999999</v>
      </c>
      <c r="FBY52" s="7">
        <f t="shared" si="356"/>
        <v>16629.407999999999</v>
      </c>
      <c r="FBZ52" s="7">
        <f t="shared" si="356"/>
        <v>16629.407999999999</v>
      </c>
      <c r="FCA52" s="7">
        <f t="shared" si="356"/>
        <v>16629.407999999999</v>
      </c>
      <c r="FCB52" s="7">
        <f t="shared" si="356"/>
        <v>16629.407999999999</v>
      </c>
      <c r="FCC52" s="7">
        <f t="shared" si="356"/>
        <v>16629.407999999999</v>
      </c>
      <c r="FCD52" s="7">
        <f t="shared" si="356"/>
        <v>16629.407999999999</v>
      </c>
      <c r="FCE52" s="7">
        <f t="shared" si="356"/>
        <v>16629.407999999999</v>
      </c>
      <c r="FCF52" s="7">
        <f t="shared" si="356"/>
        <v>16629.407999999999</v>
      </c>
      <c r="FCG52" s="7">
        <f t="shared" si="356"/>
        <v>16629.407999999999</v>
      </c>
      <c r="FCH52" s="7">
        <f t="shared" si="356"/>
        <v>16629.407999999999</v>
      </c>
      <c r="FCI52" s="7">
        <f t="shared" si="356"/>
        <v>16629.407999999999</v>
      </c>
      <c r="FCJ52" s="7">
        <f t="shared" si="356"/>
        <v>16629.407999999999</v>
      </c>
      <c r="FCK52" s="7">
        <f t="shared" si="356"/>
        <v>16629.407999999999</v>
      </c>
      <c r="FCL52" s="7">
        <f t="shared" si="356"/>
        <v>16629.407999999999</v>
      </c>
      <c r="FCM52" s="7">
        <f t="shared" si="356"/>
        <v>16629.407999999999</v>
      </c>
      <c r="FCN52" s="7">
        <f t="shared" si="356"/>
        <v>16629.407999999999</v>
      </c>
      <c r="FCO52" s="7">
        <f t="shared" si="356"/>
        <v>16629.407999999999</v>
      </c>
      <c r="FCP52" s="7">
        <f t="shared" si="356"/>
        <v>16629.407999999999</v>
      </c>
      <c r="FCQ52" s="7">
        <f t="shared" si="356"/>
        <v>16629.407999999999</v>
      </c>
      <c r="FCR52" s="7">
        <f t="shared" si="356"/>
        <v>16629.407999999999</v>
      </c>
      <c r="FCS52" s="7">
        <f t="shared" si="356"/>
        <v>16629.407999999999</v>
      </c>
      <c r="FCT52" s="7">
        <f t="shared" si="356"/>
        <v>16629.407999999999</v>
      </c>
      <c r="FCU52" s="7">
        <f t="shared" si="356"/>
        <v>16629.407999999999</v>
      </c>
      <c r="FCV52" s="7">
        <f t="shared" si="356"/>
        <v>16629.407999999999</v>
      </c>
      <c r="FCW52" s="7">
        <f t="shared" si="356"/>
        <v>16629.407999999999</v>
      </c>
      <c r="FCX52" s="7">
        <f t="shared" si="356"/>
        <v>16629.407999999999</v>
      </c>
      <c r="FCY52" s="7">
        <f t="shared" si="356"/>
        <v>16629.407999999999</v>
      </c>
      <c r="FCZ52" s="7">
        <f t="shared" si="356"/>
        <v>16629.407999999999</v>
      </c>
      <c r="FDA52" s="7">
        <f t="shared" si="356"/>
        <v>16629.407999999999</v>
      </c>
      <c r="FDB52" s="7">
        <f t="shared" si="356"/>
        <v>16629.407999999999</v>
      </c>
      <c r="FDC52" s="7">
        <f t="shared" si="356"/>
        <v>16629.407999999999</v>
      </c>
      <c r="FDD52" s="7">
        <f t="shared" si="356"/>
        <v>16629.407999999999</v>
      </c>
      <c r="FDE52" s="7">
        <f t="shared" si="356"/>
        <v>16629.407999999999</v>
      </c>
      <c r="FDF52" s="7">
        <f t="shared" si="356"/>
        <v>16629.407999999999</v>
      </c>
      <c r="FDG52" s="7">
        <f t="shared" si="356"/>
        <v>16629.407999999999</v>
      </c>
      <c r="FDH52" s="7">
        <f t="shared" si="356"/>
        <v>16629.407999999999</v>
      </c>
      <c r="FDI52" s="7">
        <f t="shared" si="356"/>
        <v>16629.407999999999</v>
      </c>
      <c r="FDJ52" s="7">
        <f t="shared" ref="FDJ52:FFU52" si="357">FDJ47+FDI52</f>
        <v>16629.407999999999</v>
      </c>
      <c r="FDK52" s="7">
        <f t="shared" si="357"/>
        <v>16629.407999999999</v>
      </c>
      <c r="FDL52" s="7">
        <f t="shared" si="357"/>
        <v>16629.407999999999</v>
      </c>
      <c r="FDM52" s="7">
        <f t="shared" si="357"/>
        <v>16629.407999999999</v>
      </c>
      <c r="FDN52" s="7">
        <f t="shared" si="357"/>
        <v>16629.407999999999</v>
      </c>
      <c r="FDO52" s="7">
        <f t="shared" si="357"/>
        <v>16629.407999999999</v>
      </c>
      <c r="FDP52" s="7">
        <f t="shared" si="357"/>
        <v>16629.407999999999</v>
      </c>
      <c r="FDQ52" s="7">
        <f t="shared" si="357"/>
        <v>16629.407999999999</v>
      </c>
      <c r="FDR52" s="7">
        <f t="shared" si="357"/>
        <v>16629.407999999999</v>
      </c>
      <c r="FDS52" s="7">
        <f t="shared" si="357"/>
        <v>16629.407999999999</v>
      </c>
      <c r="FDT52" s="7">
        <f t="shared" si="357"/>
        <v>16629.407999999999</v>
      </c>
      <c r="FDU52" s="7">
        <f t="shared" si="357"/>
        <v>16629.407999999999</v>
      </c>
      <c r="FDV52" s="7">
        <f t="shared" si="357"/>
        <v>16629.407999999999</v>
      </c>
      <c r="FDW52" s="7">
        <f t="shared" si="357"/>
        <v>16629.407999999999</v>
      </c>
      <c r="FDX52" s="7">
        <f t="shared" si="357"/>
        <v>16629.407999999999</v>
      </c>
      <c r="FDY52" s="7">
        <f t="shared" si="357"/>
        <v>16629.407999999999</v>
      </c>
      <c r="FDZ52" s="7">
        <f t="shared" si="357"/>
        <v>16629.407999999999</v>
      </c>
      <c r="FEA52" s="7">
        <f t="shared" si="357"/>
        <v>16629.407999999999</v>
      </c>
      <c r="FEB52" s="7">
        <f t="shared" si="357"/>
        <v>16629.407999999999</v>
      </c>
      <c r="FEC52" s="7">
        <f t="shared" si="357"/>
        <v>16629.407999999999</v>
      </c>
      <c r="FED52" s="7">
        <f t="shared" si="357"/>
        <v>16629.407999999999</v>
      </c>
      <c r="FEE52" s="7">
        <f t="shared" si="357"/>
        <v>16629.407999999999</v>
      </c>
      <c r="FEF52" s="7">
        <f t="shared" si="357"/>
        <v>16629.407999999999</v>
      </c>
      <c r="FEG52" s="7">
        <f t="shared" si="357"/>
        <v>16629.407999999999</v>
      </c>
      <c r="FEH52" s="7">
        <f t="shared" si="357"/>
        <v>16629.407999999999</v>
      </c>
      <c r="FEI52" s="7">
        <f t="shared" si="357"/>
        <v>16629.407999999999</v>
      </c>
      <c r="FEJ52" s="7">
        <f t="shared" si="357"/>
        <v>16629.407999999999</v>
      </c>
      <c r="FEK52" s="7">
        <f t="shared" si="357"/>
        <v>16629.407999999999</v>
      </c>
      <c r="FEL52" s="7">
        <f t="shared" si="357"/>
        <v>16629.407999999999</v>
      </c>
      <c r="FEM52" s="7">
        <f t="shared" si="357"/>
        <v>16629.407999999999</v>
      </c>
      <c r="FEN52" s="7">
        <f t="shared" si="357"/>
        <v>16629.407999999999</v>
      </c>
      <c r="FEO52" s="7">
        <f t="shared" si="357"/>
        <v>16629.407999999999</v>
      </c>
      <c r="FEP52" s="7">
        <f t="shared" si="357"/>
        <v>16629.407999999999</v>
      </c>
      <c r="FEQ52" s="7">
        <f t="shared" si="357"/>
        <v>16629.407999999999</v>
      </c>
      <c r="FER52" s="7">
        <f t="shared" si="357"/>
        <v>16629.407999999999</v>
      </c>
      <c r="FES52" s="7">
        <f t="shared" si="357"/>
        <v>16629.407999999999</v>
      </c>
      <c r="FET52" s="7">
        <f t="shared" si="357"/>
        <v>16629.407999999999</v>
      </c>
      <c r="FEU52" s="7">
        <f t="shared" si="357"/>
        <v>16629.407999999999</v>
      </c>
      <c r="FEV52" s="7">
        <f t="shared" si="357"/>
        <v>16629.407999999999</v>
      </c>
      <c r="FEW52" s="7">
        <f t="shared" si="357"/>
        <v>16629.407999999999</v>
      </c>
      <c r="FEX52" s="7">
        <f t="shared" si="357"/>
        <v>16629.407999999999</v>
      </c>
      <c r="FEY52" s="7">
        <f t="shared" si="357"/>
        <v>16629.407999999999</v>
      </c>
      <c r="FEZ52" s="7">
        <f t="shared" si="357"/>
        <v>16629.407999999999</v>
      </c>
      <c r="FFA52" s="7">
        <f t="shared" si="357"/>
        <v>16629.407999999999</v>
      </c>
      <c r="FFB52" s="7">
        <f t="shared" si="357"/>
        <v>16629.407999999999</v>
      </c>
      <c r="FFC52" s="7">
        <f t="shared" si="357"/>
        <v>16629.407999999999</v>
      </c>
      <c r="FFD52" s="7">
        <f t="shared" si="357"/>
        <v>16629.407999999999</v>
      </c>
      <c r="FFE52" s="7">
        <f t="shared" si="357"/>
        <v>16629.407999999999</v>
      </c>
      <c r="FFF52" s="7">
        <f t="shared" si="357"/>
        <v>16629.407999999999</v>
      </c>
      <c r="FFG52" s="7">
        <f t="shared" si="357"/>
        <v>16629.407999999999</v>
      </c>
      <c r="FFH52" s="7">
        <f t="shared" si="357"/>
        <v>16629.407999999999</v>
      </c>
      <c r="FFI52" s="7">
        <f t="shared" si="357"/>
        <v>16629.407999999999</v>
      </c>
      <c r="FFJ52" s="7">
        <f t="shared" si="357"/>
        <v>16629.407999999999</v>
      </c>
      <c r="FFK52" s="7">
        <f t="shared" si="357"/>
        <v>16629.407999999999</v>
      </c>
      <c r="FFL52" s="7">
        <f t="shared" si="357"/>
        <v>16629.407999999999</v>
      </c>
      <c r="FFM52" s="7">
        <f t="shared" si="357"/>
        <v>16629.407999999999</v>
      </c>
      <c r="FFN52" s="7">
        <f t="shared" si="357"/>
        <v>16629.407999999999</v>
      </c>
      <c r="FFO52" s="7">
        <f t="shared" si="357"/>
        <v>16629.407999999999</v>
      </c>
      <c r="FFP52" s="7">
        <f t="shared" si="357"/>
        <v>16629.407999999999</v>
      </c>
      <c r="FFQ52" s="7">
        <f t="shared" si="357"/>
        <v>16629.407999999999</v>
      </c>
      <c r="FFR52" s="7">
        <f t="shared" si="357"/>
        <v>16629.407999999999</v>
      </c>
      <c r="FFS52" s="7">
        <f t="shared" si="357"/>
        <v>16629.407999999999</v>
      </c>
      <c r="FFT52" s="7">
        <f t="shared" si="357"/>
        <v>16629.407999999999</v>
      </c>
      <c r="FFU52" s="7">
        <f t="shared" si="357"/>
        <v>16629.407999999999</v>
      </c>
      <c r="FFV52" s="7">
        <f t="shared" ref="FFV52:FIG52" si="358">FFV47+FFU52</f>
        <v>16629.407999999999</v>
      </c>
      <c r="FFW52" s="7">
        <f t="shared" si="358"/>
        <v>16629.407999999999</v>
      </c>
      <c r="FFX52" s="7">
        <f t="shared" si="358"/>
        <v>16629.407999999999</v>
      </c>
      <c r="FFY52" s="7">
        <f t="shared" si="358"/>
        <v>16629.407999999999</v>
      </c>
      <c r="FFZ52" s="7">
        <f t="shared" si="358"/>
        <v>16629.407999999999</v>
      </c>
      <c r="FGA52" s="7">
        <f t="shared" si="358"/>
        <v>16629.407999999999</v>
      </c>
      <c r="FGB52" s="7">
        <f t="shared" si="358"/>
        <v>16629.407999999999</v>
      </c>
      <c r="FGC52" s="7">
        <f t="shared" si="358"/>
        <v>16629.407999999999</v>
      </c>
      <c r="FGD52" s="7">
        <f t="shared" si="358"/>
        <v>16629.407999999999</v>
      </c>
      <c r="FGE52" s="7">
        <f t="shared" si="358"/>
        <v>16629.407999999999</v>
      </c>
      <c r="FGF52" s="7">
        <f t="shared" si="358"/>
        <v>16629.407999999999</v>
      </c>
      <c r="FGG52" s="7">
        <f t="shared" si="358"/>
        <v>16629.407999999999</v>
      </c>
      <c r="FGH52" s="7">
        <f t="shared" si="358"/>
        <v>16629.407999999999</v>
      </c>
      <c r="FGI52" s="7">
        <f t="shared" si="358"/>
        <v>16629.407999999999</v>
      </c>
      <c r="FGJ52" s="7">
        <f t="shared" si="358"/>
        <v>16629.407999999999</v>
      </c>
      <c r="FGK52" s="7">
        <f t="shared" si="358"/>
        <v>16629.407999999999</v>
      </c>
      <c r="FGL52" s="7">
        <f t="shared" si="358"/>
        <v>16629.407999999999</v>
      </c>
      <c r="FGM52" s="7">
        <f t="shared" si="358"/>
        <v>16629.407999999999</v>
      </c>
      <c r="FGN52" s="7">
        <f t="shared" si="358"/>
        <v>16629.407999999999</v>
      </c>
      <c r="FGO52" s="7">
        <f t="shared" si="358"/>
        <v>16629.407999999999</v>
      </c>
      <c r="FGP52" s="7">
        <f t="shared" si="358"/>
        <v>16629.407999999999</v>
      </c>
      <c r="FGQ52" s="7">
        <f t="shared" si="358"/>
        <v>16629.407999999999</v>
      </c>
      <c r="FGR52" s="7">
        <f t="shared" si="358"/>
        <v>16629.407999999999</v>
      </c>
      <c r="FGS52" s="7">
        <f t="shared" si="358"/>
        <v>16629.407999999999</v>
      </c>
      <c r="FGT52" s="7">
        <f t="shared" si="358"/>
        <v>16629.407999999999</v>
      </c>
      <c r="FGU52" s="7">
        <f t="shared" si="358"/>
        <v>16629.407999999999</v>
      </c>
      <c r="FGV52" s="7">
        <f t="shared" si="358"/>
        <v>16629.407999999999</v>
      </c>
      <c r="FGW52" s="7">
        <f t="shared" si="358"/>
        <v>16629.407999999999</v>
      </c>
      <c r="FGX52" s="7">
        <f t="shared" si="358"/>
        <v>16629.407999999999</v>
      </c>
      <c r="FGY52" s="7">
        <f t="shared" si="358"/>
        <v>16629.407999999999</v>
      </c>
      <c r="FGZ52" s="7">
        <f t="shared" si="358"/>
        <v>16629.407999999999</v>
      </c>
      <c r="FHA52" s="7">
        <f t="shared" si="358"/>
        <v>16629.407999999999</v>
      </c>
      <c r="FHB52" s="7">
        <f t="shared" si="358"/>
        <v>16629.407999999999</v>
      </c>
      <c r="FHC52" s="7">
        <f t="shared" si="358"/>
        <v>16629.407999999999</v>
      </c>
      <c r="FHD52" s="7">
        <f t="shared" si="358"/>
        <v>16629.407999999999</v>
      </c>
      <c r="FHE52" s="7">
        <f t="shared" si="358"/>
        <v>16629.407999999999</v>
      </c>
      <c r="FHF52" s="7">
        <f t="shared" si="358"/>
        <v>16629.407999999999</v>
      </c>
      <c r="FHG52" s="7">
        <f t="shared" si="358"/>
        <v>16629.407999999999</v>
      </c>
      <c r="FHH52" s="7">
        <f t="shared" si="358"/>
        <v>16629.407999999999</v>
      </c>
      <c r="FHI52" s="7">
        <f t="shared" si="358"/>
        <v>16629.407999999999</v>
      </c>
      <c r="FHJ52" s="7">
        <f t="shared" si="358"/>
        <v>16629.407999999999</v>
      </c>
      <c r="FHK52" s="7">
        <f t="shared" si="358"/>
        <v>16629.407999999999</v>
      </c>
      <c r="FHL52" s="7">
        <f t="shared" si="358"/>
        <v>16629.407999999999</v>
      </c>
      <c r="FHM52" s="7">
        <f t="shared" si="358"/>
        <v>16629.407999999999</v>
      </c>
      <c r="FHN52" s="7">
        <f t="shared" si="358"/>
        <v>16629.407999999999</v>
      </c>
      <c r="FHO52" s="7">
        <f t="shared" si="358"/>
        <v>16629.407999999999</v>
      </c>
      <c r="FHP52" s="7">
        <f t="shared" si="358"/>
        <v>16629.407999999999</v>
      </c>
      <c r="FHQ52" s="7">
        <f t="shared" si="358"/>
        <v>16629.407999999999</v>
      </c>
      <c r="FHR52" s="7">
        <f t="shared" si="358"/>
        <v>16629.407999999999</v>
      </c>
      <c r="FHS52" s="7">
        <f t="shared" si="358"/>
        <v>16629.407999999999</v>
      </c>
      <c r="FHT52" s="7">
        <f t="shared" si="358"/>
        <v>16629.407999999999</v>
      </c>
      <c r="FHU52" s="7">
        <f t="shared" si="358"/>
        <v>16629.407999999999</v>
      </c>
      <c r="FHV52" s="7">
        <f t="shared" si="358"/>
        <v>16629.407999999999</v>
      </c>
      <c r="FHW52" s="7">
        <f t="shared" si="358"/>
        <v>16629.407999999999</v>
      </c>
      <c r="FHX52" s="7">
        <f t="shared" si="358"/>
        <v>16629.407999999999</v>
      </c>
      <c r="FHY52" s="7">
        <f t="shared" si="358"/>
        <v>16629.407999999999</v>
      </c>
      <c r="FHZ52" s="7">
        <f t="shared" si="358"/>
        <v>16629.407999999999</v>
      </c>
      <c r="FIA52" s="7">
        <f t="shared" si="358"/>
        <v>16629.407999999999</v>
      </c>
      <c r="FIB52" s="7">
        <f t="shared" si="358"/>
        <v>16629.407999999999</v>
      </c>
      <c r="FIC52" s="7">
        <f t="shared" si="358"/>
        <v>16629.407999999999</v>
      </c>
      <c r="FID52" s="7">
        <f t="shared" si="358"/>
        <v>16629.407999999999</v>
      </c>
      <c r="FIE52" s="7">
        <f t="shared" si="358"/>
        <v>16629.407999999999</v>
      </c>
      <c r="FIF52" s="7">
        <f t="shared" si="358"/>
        <v>16629.407999999999</v>
      </c>
      <c r="FIG52" s="7">
        <f t="shared" si="358"/>
        <v>16629.407999999999</v>
      </c>
      <c r="FIH52" s="7">
        <f t="shared" ref="FIH52:FKS52" si="359">FIH47+FIG52</f>
        <v>16629.407999999999</v>
      </c>
      <c r="FII52" s="7">
        <f t="shared" si="359"/>
        <v>16629.407999999999</v>
      </c>
      <c r="FIJ52" s="7">
        <f t="shared" si="359"/>
        <v>16629.407999999999</v>
      </c>
      <c r="FIK52" s="7">
        <f t="shared" si="359"/>
        <v>16629.407999999999</v>
      </c>
      <c r="FIL52" s="7">
        <f t="shared" si="359"/>
        <v>16629.407999999999</v>
      </c>
      <c r="FIM52" s="7">
        <f t="shared" si="359"/>
        <v>16629.407999999999</v>
      </c>
      <c r="FIN52" s="7">
        <f t="shared" si="359"/>
        <v>16629.407999999999</v>
      </c>
      <c r="FIO52" s="7">
        <f t="shared" si="359"/>
        <v>16629.407999999999</v>
      </c>
      <c r="FIP52" s="7">
        <f t="shared" si="359"/>
        <v>16629.407999999999</v>
      </c>
      <c r="FIQ52" s="7">
        <f t="shared" si="359"/>
        <v>16629.407999999999</v>
      </c>
      <c r="FIR52" s="7">
        <f t="shared" si="359"/>
        <v>16629.407999999999</v>
      </c>
      <c r="FIS52" s="7">
        <f t="shared" si="359"/>
        <v>16629.407999999999</v>
      </c>
      <c r="FIT52" s="7">
        <f t="shared" si="359"/>
        <v>16629.407999999999</v>
      </c>
      <c r="FIU52" s="7">
        <f t="shared" si="359"/>
        <v>16629.407999999999</v>
      </c>
      <c r="FIV52" s="7">
        <f t="shared" si="359"/>
        <v>16629.407999999999</v>
      </c>
      <c r="FIW52" s="7">
        <f t="shared" si="359"/>
        <v>16629.407999999999</v>
      </c>
      <c r="FIX52" s="7">
        <f t="shared" si="359"/>
        <v>16629.407999999999</v>
      </c>
      <c r="FIY52" s="7">
        <f t="shared" si="359"/>
        <v>16629.407999999999</v>
      </c>
      <c r="FIZ52" s="7">
        <f t="shared" si="359"/>
        <v>16629.407999999999</v>
      </c>
      <c r="FJA52" s="7">
        <f t="shared" si="359"/>
        <v>16629.407999999999</v>
      </c>
      <c r="FJB52" s="7">
        <f t="shared" si="359"/>
        <v>16629.407999999999</v>
      </c>
      <c r="FJC52" s="7">
        <f t="shared" si="359"/>
        <v>16629.407999999999</v>
      </c>
      <c r="FJD52" s="7">
        <f t="shared" si="359"/>
        <v>16629.407999999999</v>
      </c>
      <c r="FJE52" s="7">
        <f t="shared" si="359"/>
        <v>16629.407999999999</v>
      </c>
      <c r="FJF52" s="7">
        <f t="shared" si="359"/>
        <v>16629.407999999999</v>
      </c>
      <c r="FJG52" s="7">
        <f t="shared" si="359"/>
        <v>16629.407999999999</v>
      </c>
      <c r="FJH52" s="7">
        <f t="shared" si="359"/>
        <v>16629.407999999999</v>
      </c>
      <c r="FJI52" s="7">
        <f t="shared" si="359"/>
        <v>16629.407999999999</v>
      </c>
      <c r="FJJ52" s="7">
        <f t="shared" si="359"/>
        <v>16629.407999999999</v>
      </c>
      <c r="FJK52" s="7">
        <f t="shared" si="359"/>
        <v>16629.407999999999</v>
      </c>
      <c r="FJL52" s="7">
        <f t="shared" si="359"/>
        <v>16629.407999999999</v>
      </c>
      <c r="FJM52" s="7">
        <f t="shared" si="359"/>
        <v>16629.407999999999</v>
      </c>
      <c r="FJN52" s="7">
        <f t="shared" si="359"/>
        <v>16629.407999999999</v>
      </c>
      <c r="FJO52" s="7">
        <f t="shared" si="359"/>
        <v>16629.407999999999</v>
      </c>
      <c r="FJP52" s="7">
        <f t="shared" si="359"/>
        <v>16629.407999999999</v>
      </c>
      <c r="FJQ52" s="7">
        <f t="shared" si="359"/>
        <v>16629.407999999999</v>
      </c>
      <c r="FJR52" s="7">
        <f t="shared" si="359"/>
        <v>16629.407999999999</v>
      </c>
      <c r="FJS52" s="7">
        <f t="shared" si="359"/>
        <v>16629.407999999999</v>
      </c>
      <c r="FJT52" s="7">
        <f t="shared" si="359"/>
        <v>16629.407999999999</v>
      </c>
      <c r="FJU52" s="7">
        <f t="shared" si="359"/>
        <v>16629.407999999999</v>
      </c>
      <c r="FJV52" s="7">
        <f t="shared" si="359"/>
        <v>16629.407999999999</v>
      </c>
      <c r="FJW52" s="7">
        <f t="shared" si="359"/>
        <v>16629.407999999999</v>
      </c>
      <c r="FJX52" s="7">
        <f t="shared" si="359"/>
        <v>16629.407999999999</v>
      </c>
      <c r="FJY52" s="7">
        <f t="shared" si="359"/>
        <v>16629.407999999999</v>
      </c>
      <c r="FJZ52" s="7">
        <f t="shared" si="359"/>
        <v>16629.407999999999</v>
      </c>
      <c r="FKA52" s="7">
        <f t="shared" si="359"/>
        <v>16629.407999999999</v>
      </c>
      <c r="FKB52" s="7">
        <f t="shared" si="359"/>
        <v>16629.407999999999</v>
      </c>
      <c r="FKC52" s="7">
        <f t="shared" si="359"/>
        <v>16629.407999999999</v>
      </c>
      <c r="FKD52" s="7">
        <f t="shared" si="359"/>
        <v>16629.407999999999</v>
      </c>
      <c r="FKE52" s="7">
        <f t="shared" si="359"/>
        <v>16629.407999999999</v>
      </c>
      <c r="FKF52" s="7">
        <f t="shared" si="359"/>
        <v>16629.407999999999</v>
      </c>
      <c r="FKG52" s="7">
        <f t="shared" si="359"/>
        <v>16629.407999999999</v>
      </c>
      <c r="FKH52" s="7">
        <f t="shared" si="359"/>
        <v>16629.407999999999</v>
      </c>
      <c r="FKI52" s="7">
        <f t="shared" si="359"/>
        <v>16629.407999999999</v>
      </c>
      <c r="FKJ52" s="7">
        <f t="shared" si="359"/>
        <v>16629.407999999999</v>
      </c>
      <c r="FKK52" s="7">
        <f t="shared" si="359"/>
        <v>16629.407999999999</v>
      </c>
      <c r="FKL52" s="7">
        <f t="shared" si="359"/>
        <v>16629.407999999999</v>
      </c>
      <c r="FKM52" s="7">
        <f t="shared" si="359"/>
        <v>16629.407999999999</v>
      </c>
      <c r="FKN52" s="7">
        <f t="shared" si="359"/>
        <v>16629.407999999999</v>
      </c>
      <c r="FKO52" s="7">
        <f t="shared" si="359"/>
        <v>16629.407999999999</v>
      </c>
      <c r="FKP52" s="7">
        <f t="shared" si="359"/>
        <v>16629.407999999999</v>
      </c>
      <c r="FKQ52" s="7">
        <f t="shared" si="359"/>
        <v>16629.407999999999</v>
      </c>
      <c r="FKR52" s="7">
        <f t="shared" si="359"/>
        <v>16629.407999999999</v>
      </c>
      <c r="FKS52" s="7">
        <f t="shared" si="359"/>
        <v>16629.407999999999</v>
      </c>
      <c r="FKT52" s="7">
        <f t="shared" ref="FKT52:FNE52" si="360">FKT47+FKS52</f>
        <v>16629.407999999999</v>
      </c>
      <c r="FKU52" s="7">
        <f t="shared" si="360"/>
        <v>16629.407999999999</v>
      </c>
      <c r="FKV52" s="7">
        <f t="shared" si="360"/>
        <v>16629.407999999999</v>
      </c>
      <c r="FKW52" s="7">
        <f t="shared" si="360"/>
        <v>16629.407999999999</v>
      </c>
      <c r="FKX52" s="7">
        <f t="shared" si="360"/>
        <v>16629.407999999999</v>
      </c>
      <c r="FKY52" s="7">
        <f t="shared" si="360"/>
        <v>16629.407999999999</v>
      </c>
      <c r="FKZ52" s="7">
        <f t="shared" si="360"/>
        <v>16629.407999999999</v>
      </c>
      <c r="FLA52" s="7">
        <f t="shared" si="360"/>
        <v>16629.407999999999</v>
      </c>
      <c r="FLB52" s="7">
        <f t="shared" si="360"/>
        <v>16629.407999999999</v>
      </c>
      <c r="FLC52" s="7">
        <f t="shared" si="360"/>
        <v>16629.407999999999</v>
      </c>
      <c r="FLD52" s="7">
        <f t="shared" si="360"/>
        <v>16629.407999999999</v>
      </c>
      <c r="FLE52" s="7">
        <f t="shared" si="360"/>
        <v>16629.407999999999</v>
      </c>
      <c r="FLF52" s="7">
        <f t="shared" si="360"/>
        <v>16629.407999999999</v>
      </c>
      <c r="FLG52" s="7">
        <f t="shared" si="360"/>
        <v>16629.407999999999</v>
      </c>
      <c r="FLH52" s="7">
        <f t="shared" si="360"/>
        <v>16629.407999999999</v>
      </c>
      <c r="FLI52" s="7">
        <f t="shared" si="360"/>
        <v>16629.407999999999</v>
      </c>
      <c r="FLJ52" s="7">
        <f t="shared" si="360"/>
        <v>16629.407999999999</v>
      </c>
      <c r="FLK52" s="7">
        <f t="shared" si="360"/>
        <v>16629.407999999999</v>
      </c>
      <c r="FLL52" s="7">
        <f t="shared" si="360"/>
        <v>16629.407999999999</v>
      </c>
      <c r="FLM52" s="7">
        <f t="shared" si="360"/>
        <v>16629.407999999999</v>
      </c>
      <c r="FLN52" s="7">
        <f t="shared" si="360"/>
        <v>16629.407999999999</v>
      </c>
      <c r="FLO52" s="7">
        <f t="shared" si="360"/>
        <v>16629.407999999999</v>
      </c>
      <c r="FLP52" s="7">
        <f t="shared" si="360"/>
        <v>16629.407999999999</v>
      </c>
      <c r="FLQ52" s="7">
        <f t="shared" si="360"/>
        <v>16629.407999999999</v>
      </c>
      <c r="FLR52" s="7">
        <f t="shared" si="360"/>
        <v>16629.407999999999</v>
      </c>
      <c r="FLS52" s="7">
        <f t="shared" si="360"/>
        <v>16629.407999999999</v>
      </c>
      <c r="FLT52" s="7">
        <f t="shared" si="360"/>
        <v>16629.407999999999</v>
      </c>
      <c r="FLU52" s="7">
        <f t="shared" si="360"/>
        <v>16629.407999999999</v>
      </c>
      <c r="FLV52" s="7">
        <f t="shared" si="360"/>
        <v>16629.407999999999</v>
      </c>
      <c r="FLW52" s="7">
        <f t="shared" si="360"/>
        <v>16629.407999999999</v>
      </c>
      <c r="FLX52" s="7">
        <f t="shared" si="360"/>
        <v>16629.407999999999</v>
      </c>
      <c r="FLY52" s="7">
        <f t="shared" si="360"/>
        <v>16629.407999999999</v>
      </c>
      <c r="FLZ52" s="7">
        <f t="shared" si="360"/>
        <v>16629.407999999999</v>
      </c>
      <c r="FMA52" s="7">
        <f t="shared" si="360"/>
        <v>16629.407999999999</v>
      </c>
      <c r="FMB52" s="7">
        <f t="shared" si="360"/>
        <v>16629.407999999999</v>
      </c>
      <c r="FMC52" s="7">
        <f t="shared" si="360"/>
        <v>16629.407999999999</v>
      </c>
      <c r="FMD52" s="7">
        <f t="shared" si="360"/>
        <v>16629.407999999999</v>
      </c>
      <c r="FME52" s="7">
        <f t="shared" si="360"/>
        <v>16629.407999999999</v>
      </c>
      <c r="FMF52" s="7">
        <f t="shared" si="360"/>
        <v>16629.407999999999</v>
      </c>
      <c r="FMG52" s="7">
        <f t="shared" si="360"/>
        <v>16629.407999999999</v>
      </c>
      <c r="FMH52" s="7">
        <f t="shared" si="360"/>
        <v>16629.407999999999</v>
      </c>
      <c r="FMI52" s="7">
        <f t="shared" si="360"/>
        <v>16629.407999999999</v>
      </c>
      <c r="FMJ52" s="7">
        <f t="shared" si="360"/>
        <v>16629.407999999999</v>
      </c>
      <c r="FMK52" s="7">
        <f t="shared" si="360"/>
        <v>16629.407999999999</v>
      </c>
      <c r="FML52" s="7">
        <f t="shared" si="360"/>
        <v>16629.407999999999</v>
      </c>
      <c r="FMM52" s="7">
        <f t="shared" si="360"/>
        <v>16629.407999999999</v>
      </c>
      <c r="FMN52" s="7">
        <f t="shared" si="360"/>
        <v>16629.407999999999</v>
      </c>
      <c r="FMO52" s="7">
        <f t="shared" si="360"/>
        <v>16629.407999999999</v>
      </c>
      <c r="FMP52" s="7">
        <f t="shared" si="360"/>
        <v>16629.407999999999</v>
      </c>
      <c r="FMQ52" s="7">
        <f t="shared" si="360"/>
        <v>16629.407999999999</v>
      </c>
      <c r="FMR52" s="7">
        <f t="shared" si="360"/>
        <v>16629.407999999999</v>
      </c>
      <c r="FMS52" s="7">
        <f t="shared" si="360"/>
        <v>16629.407999999999</v>
      </c>
      <c r="FMT52" s="7">
        <f t="shared" si="360"/>
        <v>16629.407999999999</v>
      </c>
      <c r="FMU52" s="7">
        <f t="shared" si="360"/>
        <v>16629.407999999999</v>
      </c>
      <c r="FMV52" s="7">
        <f t="shared" si="360"/>
        <v>16629.407999999999</v>
      </c>
      <c r="FMW52" s="7">
        <f t="shared" si="360"/>
        <v>16629.407999999999</v>
      </c>
      <c r="FMX52" s="7">
        <f t="shared" si="360"/>
        <v>16629.407999999999</v>
      </c>
      <c r="FMY52" s="7">
        <f t="shared" si="360"/>
        <v>16629.407999999999</v>
      </c>
      <c r="FMZ52" s="7">
        <f t="shared" si="360"/>
        <v>16629.407999999999</v>
      </c>
      <c r="FNA52" s="7">
        <f t="shared" si="360"/>
        <v>16629.407999999999</v>
      </c>
      <c r="FNB52" s="7">
        <f t="shared" si="360"/>
        <v>16629.407999999999</v>
      </c>
      <c r="FNC52" s="7">
        <f t="shared" si="360"/>
        <v>16629.407999999999</v>
      </c>
      <c r="FND52" s="7">
        <f t="shared" si="360"/>
        <v>16629.407999999999</v>
      </c>
      <c r="FNE52" s="7">
        <f t="shared" si="360"/>
        <v>16629.407999999999</v>
      </c>
      <c r="FNF52" s="7">
        <f t="shared" ref="FNF52:FPQ52" si="361">FNF47+FNE52</f>
        <v>16629.407999999999</v>
      </c>
      <c r="FNG52" s="7">
        <f t="shared" si="361"/>
        <v>16629.407999999999</v>
      </c>
      <c r="FNH52" s="7">
        <f t="shared" si="361"/>
        <v>16629.407999999999</v>
      </c>
      <c r="FNI52" s="7">
        <f t="shared" si="361"/>
        <v>16629.407999999999</v>
      </c>
      <c r="FNJ52" s="7">
        <f t="shared" si="361"/>
        <v>16629.407999999999</v>
      </c>
      <c r="FNK52" s="7">
        <f t="shared" si="361"/>
        <v>16629.407999999999</v>
      </c>
      <c r="FNL52" s="7">
        <f t="shared" si="361"/>
        <v>16629.407999999999</v>
      </c>
      <c r="FNM52" s="7">
        <f t="shared" si="361"/>
        <v>16629.407999999999</v>
      </c>
      <c r="FNN52" s="7">
        <f t="shared" si="361"/>
        <v>16629.407999999999</v>
      </c>
      <c r="FNO52" s="7">
        <f t="shared" si="361"/>
        <v>16629.407999999999</v>
      </c>
      <c r="FNP52" s="7">
        <f t="shared" si="361"/>
        <v>16629.407999999999</v>
      </c>
      <c r="FNQ52" s="7">
        <f t="shared" si="361"/>
        <v>16629.407999999999</v>
      </c>
      <c r="FNR52" s="7">
        <f t="shared" si="361"/>
        <v>16629.407999999999</v>
      </c>
      <c r="FNS52" s="7">
        <f t="shared" si="361"/>
        <v>16629.407999999999</v>
      </c>
      <c r="FNT52" s="7">
        <f t="shared" si="361"/>
        <v>16629.407999999999</v>
      </c>
      <c r="FNU52" s="7">
        <f t="shared" si="361"/>
        <v>16629.407999999999</v>
      </c>
      <c r="FNV52" s="7">
        <f t="shared" si="361"/>
        <v>16629.407999999999</v>
      </c>
      <c r="FNW52" s="7">
        <f t="shared" si="361"/>
        <v>16629.407999999999</v>
      </c>
      <c r="FNX52" s="7">
        <f t="shared" si="361"/>
        <v>16629.407999999999</v>
      </c>
      <c r="FNY52" s="7">
        <f t="shared" si="361"/>
        <v>16629.407999999999</v>
      </c>
      <c r="FNZ52" s="7">
        <f t="shared" si="361"/>
        <v>16629.407999999999</v>
      </c>
      <c r="FOA52" s="7">
        <f t="shared" si="361"/>
        <v>16629.407999999999</v>
      </c>
      <c r="FOB52" s="7">
        <f t="shared" si="361"/>
        <v>16629.407999999999</v>
      </c>
      <c r="FOC52" s="7">
        <f t="shared" si="361"/>
        <v>16629.407999999999</v>
      </c>
      <c r="FOD52" s="7">
        <f t="shared" si="361"/>
        <v>16629.407999999999</v>
      </c>
      <c r="FOE52" s="7">
        <f t="shared" si="361"/>
        <v>16629.407999999999</v>
      </c>
      <c r="FOF52" s="7">
        <f t="shared" si="361"/>
        <v>16629.407999999999</v>
      </c>
      <c r="FOG52" s="7">
        <f t="shared" si="361"/>
        <v>16629.407999999999</v>
      </c>
      <c r="FOH52" s="7">
        <f t="shared" si="361"/>
        <v>16629.407999999999</v>
      </c>
      <c r="FOI52" s="7">
        <f t="shared" si="361"/>
        <v>16629.407999999999</v>
      </c>
      <c r="FOJ52" s="7">
        <f t="shared" si="361"/>
        <v>16629.407999999999</v>
      </c>
      <c r="FOK52" s="7">
        <f t="shared" si="361"/>
        <v>16629.407999999999</v>
      </c>
      <c r="FOL52" s="7">
        <f t="shared" si="361"/>
        <v>16629.407999999999</v>
      </c>
      <c r="FOM52" s="7">
        <f t="shared" si="361"/>
        <v>16629.407999999999</v>
      </c>
      <c r="FON52" s="7">
        <f t="shared" si="361"/>
        <v>16629.407999999999</v>
      </c>
      <c r="FOO52" s="7">
        <f t="shared" si="361"/>
        <v>16629.407999999999</v>
      </c>
      <c r="FOP52" s="7">
        <f t="shared" si="361"/>
        <v>16629.407999999999</v>
      </c>
      <c r="FOQ52" s="7">
        <f t="shared" si="361"/>
        <v>16629.407999999999</v>
      </c>
      <c r="FOR52" s="7">
        <f t="shared" si="361"/>
        <v>16629.407999999999</v>
      </c>
      <c r="FOS52" s="7">
        <f t="shared" si="361"/>
        <v>16629.407999999999</v>
      </c>
      <c r="FOT52" s="7">
        <f t="shared" si="361"/>
        <v>16629.407999999999</v>
      </c>
      <c r="FOU52" s="7">
        <f t="shared" si="361"/>
        <v>16629.407999999999</v>
      </c>
      <c r="FOV52" s="7">
        <f t="shared" si="361"/>
        <v>16629.407999999999</v>
      </c>
      <c r="FOW52" s="7">
        <f t="shared" si="361"/>
        <v>16629.407999999999</v>
      </c>
      <c r="FOX52" s="7">
        <f t="shared" si="361"/>
        <v>16629.407999999999</v>
      </c>
      <c r="FOY52" s="7">
        <f t="shared" si="361"/>
        <v>16629.407999999999</v>
      </c>
      <c r="FOZ52" s="7">
        <f t="shared" si="361"/>
        <v>16629.407999999999</v>
      </c>
      <c r="FPA52" s="7">
        <f t="shared" si="361"/>
        <v>16629.407999999999</v>
      </c>
      <c r="FPB52" s="7">
        <f t="shared" si="361"/>
        <v>16629.407999999999</v>
      </c>
      <c r="FPC52" s="7">
        <f t="shared" si="361"/>
        <v>16629.407999999999</v>
      </c>
      <c r="FPD52" s="7">
        <f t="shared" si="361"/>
        <v>16629.407999999999</v>
      </c>
      <c r="FPE52" s="7">
        <f t="shared" si="361"/>
        <v>16629.407999999999</v>
      </c>
      <c r="FPF52" s="7">
        <f t="shared" si="361"/>
        <v>16629.407999999999</v>
      </c>
      <c r="FPG52" s="7">
        <f t="shared" si="361"/>
        <v>16629.407999999999</v>
      </c>
      <c r="FPH52" s="7">
        <f t="shared" si="361"/>
        <v>16629.407999999999</v>
      </c>
      <c r="FPI52" s="7">
        <f t="shared" si="361"/>
        <v>16629.407999999999</v>
      </c>
      <c r="FPJ52" s="7">
        <f t="shared" si="361"/>
        <v>16629.407999999999</v>
      </c>
      <c r="FPK52" s="7">
        <f t="shared" si="361"/>
        <v>16629.407999999999</v>
      </c>
      <c r="FPL52" s="7">
        <f t="shared" si="361"/>
        <v>16629.407999999999</v>
      </c>
      <c r="FPM52" s="7">
        <f t="shared" si="361"/>
        <v>16629.407999999999</v>
      </c>
      <c r="FPN52" s="7">
        <f t="shared" si="361"/>
        <v>16629.407999999999</v>
      </c>
      <c r="FPO52" s="7">
        <f t="shared" si="361"/>
        <v>16629.407999999999</v>
      </c>
      <c r="FPP52" s="7">
        <f t="shared" si="361"/>
        <v>16629.407999999999</v>
      </c>
      <c r="FPQ52" s="7">
        <f t="shared" si="361"/>
        <v>16629.407999999999</v>
      </c>
      <c r="FPR52" s="7">
        <f t="shared" ref="FPR52:FSC52" si="362">FPR47+FPQ52</f>
        <v>16629.407999999999</v>
      </c>
      <c r="FPS52" s="7">
        <f t="shared" si="362"/>
        <v>16629.407999999999</v>
      </c>
      <c r="FPT52" s="7">
        <f t="shared" si="362"/>
        <v>16629.407999999999</v>
      </c>
      <c r="FPU52" s="7">
        <f t="shared" si="362"/>
        <v>16629.407999999999</v>
      </c>
      <c r="FPV52" s="7">
        <f t="shared" si="362"/>
        <v>16629.407999999999</v>
      </c>
      <c r="FPW52" s="7">
        <f t="shared" si="362"/>
        <v>16629.407999999999</v>
      </c>
      <c r="FPX52" s="7">
        <f t="shared" si="362"/>
        <v>16629.407999999999</v>
      </c>
      <c r="FPY52" s="7">
        <f t="shared" si="362"/>
        <v>16629.407999999999</v>
      </c>
      <c r="FPZ52" s="7">
        <f t="shared" si="362"/>
        <v>16629.407999999999</v>
      </c>
      <c r="FQA52" s="7">
        <f t="shared" si="362"/>
        <v>16629.407999999999</v>
      </c>
      <c r="FQB52" s="7">
        <f t="shared" si="362"/>
        <v>16629.407999999999</v>
      </c>
      <c r="FQC52" s="7">
        <f t="shared" si="362"/>
        <v>16629.407999999999</v>
      </c>
      <c r="FQD52" s="7">
        <f t="shared" si="362"/>
        <v>16629.407999999999</v>
      </c>
      <c r="FQE52" s="7">
        <f t="shared" si="362"/>
        <v>16629.407999999999</v>
      </c>
      <c r="FQF52" s="7">
        <f t="shared" si="362"/>
        <v>16629.407999999999</v>
      </c>
      <c r="FQG52" s="7">
        <f t="shared" si="362"/>
        <v>16629.407999999999</v>
      </c>
      <c r="FQH52" s="7">
        <f t="shared" si="362"/>
        <v>16629.407999999999</v>
      </c>
      <c r="FQI52" s="7">
        <f t="shared" si="362"/>
        <v>16629.407999999999</v>
      </c>
      <c r="FQJ52" s="7">
        <f t="shared" si="362"/>
        <v>16629.407999999999</v>
      </c>
      <c r="FQK52" s="7">
        <f t="shared" si="362"/>
        <v>16629.407999999999</v>
      </c>
      <c r="FQL52" s="7">
        <f t="shared" si="362"/>
        <v>16629.407999999999</v>
      </c>
      <c r="FQM52" s="7">
        <f t="shared" si="362"/>
        <v>16629.407999999999</v>
      </c>
      <c r="FQN52" s="7">
        <f t="shared" si="362"/>
        <v>16629.407999999999</v>
      </c>
      <c r="FQO52" s="7">
        <f t="shared" si="362"/>
        <v>16629.407999999999</v>
      </c>
      <c r="FQP52" s="7">
        <f t="shared" si="362"/>
        <v>16629.407999999999</v>
      </c>
      <c r="FQQ52" s="7">
        <f t="shared" si="362"/>
        <v>16629.407999999999</v>
      </c>
      <c r="FQR52" s="7">
        <f t="shared" si="362"/>
        <v>16629.407999999999</v>
      </c>
      <c r="FQS52" s="7">
        <f t="shared" si="362"/>
        <v>16629.407999999999</v>
      </c>
      <c r="FQT52" s="7">
        <f t="shared" si="362"/>
        <v>16629.407999999999</v>
      </c>
      <c r="FQU52" s="7">
        <f t="shared" si="362"/>
        <v>16629.407999999999</v>
      </c>
      <c r="FQV52" s="7">
        <f t="shared" si="362"/>
        <v>16629.407999999999</v>
      </c>
      <c r="FQW52" s="7">
        <f t="shared" si="362"/>
        <v>16629.407999999999</v>
      </c>
      <c r="FQX52" s="7">
        <f t="shared" si="362"/>
        <v>16629.407999999999</v>
      </c>
      <c r="FQY52" s="7">
        <f t="shared" si="362"/>
        <v>16629.407999999999</v>
      </c>
      <c r="FQZ52" s="7">
        <f t="shared" si="362"/>
        <v>16629.407999999999</v>
      </c>
      <c r="FRA52" s="7">
        <f t="shared" si="362"/>
        <v>16629.407999999999</v>
      </c>
      <c r="FRB52" s="7">
        <f t="shared" si="362"/>
        <v>16629.407999999999</v>
      </c>
      <c r="FRC52" s="7">
        <f t="shared" si="362"/>
        <v>16629.407999999999</v>
      </c>
      <c r="FRD52" s="7">
        <f t="shared" si="362"/>
        <v>16629.407999999999</v>
      </c>
      <c r="FRE52" s="7">
        <f t="shared" si="362"/>
        <v>16629.407999999999</v>
      </c>
      <c r="FRF52" s="7">
        <f t="shared" si="362"/>
        <v>16629.407999999999</v>
      </c>
      <c r="FRG52" s="7">
        <f t="shared" si="362"/>
        <v>16629.407999999999</v>
      </c>
      <c r="FRH52" s="7">
        <f t="shared" si="362"/>
        <v>16629.407999999999</v>
      </c>
      <c r="FRI52" s="7">
        <f t="shared" si="362"/>
        <v>16629.407999999999</v>
      </c>
      <c r="FRJ52" s="7">
        <f t="shared" si="362"/>
        <v>16629.407999999999</v>
      </c>
      <c r="FRK52" s="7">
        <f t="shared" si="362"/>
        <v>16629.407999999999</v>
      </c>
      <c r="FRL52" s="7">
        <f t="shared" si="362"/>
        <v>16629.407999999999</v>
      </c>
      <c r="FRM52" s="7">
        <f t="shared" si="362"/>
        <v>16629.407999999999</v>
      </c>
      <c r="FRN52" s="7">
        <f t="shared" si="362"/>
        <v>16629.407999999999</v>
      </c>
      <c r="FRO52" s="7">
        <f t="shared" si="362"/>
        <v>16629.407999999999</v>
      </c>
      <c r="FRP52" s="7">
        <f t="shared" si="362"/>
        <v>16629.407999999999</v>
      </c>
      <c r="FRQ52" s="7">
        <f t="shared" si="362"/>
        <v>16629.407999999999</v>
      </c>
      <c r="FRR52" s="7">
        <f t="shared" si="362"/>
        <v>16629.407999999999</v>
      </c>
      <c r="FRS52" s="7">
        <f t="shared" si="362"/>
        <v>16629.407999999999</v>
      </c>
      <c r="FRT52" s="7">
        <f t="shared" si="362"/>
        <v>16629.407999999999</v>
      </c>
      <c r="FRU52" s="7">
        <f t="shared" si="362"/>
        <v>16629.407999999999</v>
      </c>
      <c r="FRV52" s="7">
        <f t="shared" si="362"/>
        <v>16629.407999999999</v>
      </c>
      <c r="FRW52" s="7">
        <f t="shared" si="362"/>
        <v>16629.407999999999</v>
      </c>
      <c r="FRX52" s="7">
        <f t="shared" si="362"/>
        <v>16629.407999999999</v>
      </c>
      <c r="FRY52" s="7">
        <f t="shared" si="362"/>
        <v>16629.407999999999</v>
      </c>
      <c r="FRZ52" s="7">
        <f t="shared" si="362"/>
        <v>16629.407999999999</v>
      </c>
      <c r="FSA52" s="7">
        <f t="shared" si="362"/>
        <v>16629.407999999999</v>
      </c>
      <c r="FSB52" s="7">
        <f t="shared" si="362"/>
        <v>16629.407999999999</v>
      </c>
      <c r="FSC52" s="7">
        <f t="shared" si="362"/>
        <v>16629.407999999999</v>
      </c>
      <c r="FSD52" s="7">
        <f t="shared" ref="FSD52:FUO52" si="363">FSD47+FSC52</f>
        <v>16629.407999999999</v>
      </c>
      <c r="FSE52" s="7">
        <f t="shared" si="363"/>
        <v>16629.407999999999</v>
      </c>
      <c r="FSF52" s="7">
        <f t="shared" si="363"/>
        <v>16629.407999999999</v>
      </c>
      <c r="FSG52" s="7">
        <f t="shared" si="363"/>
        <v>16629.407999999999</v>
      </c>
      <c r="FSH52" s="7">
        <f t="shared" si="363"/>
        <v>16629.407999999999</v>
      </c>
      <c r="FSI52" s="7">
        <f t="shared" si="363"/>
        <v>16629.407999999999</v>
      </c>
      <c r="FSJ52" s="7">
        <f t="shared" si="363"/>
        <v>16629.407999999999</v>
      </c>
      <c r="FSK52" s="7">
        <f t="shared" si="363"/>
        <v>16629.407999999999</v>
      </c>
      <c r="FSL52" s="7">
        <f t="shared" si="363"/>
        <v>16629.407999999999</v>
      </c>
      <c r="FSM52" s="7">
        <f t="shared" si="363"/>
        <v>16629.407999999999</v>
      </c>
      <c r="FSN52" s="7">
        <f t="shared" si="363"/>
        <v>16629.407999999999</v>
      </c>
      <c r="FSO52" s="7">
        <f t="shared" si="363"/>
        <v>16629.407999999999</v>
      </c>
      <c r="FSP52" s="7">
        <f t="shared" si="363"/>
        <v>16629.407999999999</v>
      </c>
      <c r="FSQ52" s="7">
        <f t="shared" si="363"/>
        <v>16629.407999999999</v>
      </c>
      <c r="FSR52" s="7">
        <f t="shared" si="363"/>
        <v>16629.407999999999</v>
      </c>
      <c r="FSS52" s="7">
        <f t="shared" si="363"/>
        <v>16629.407999999999</v>
      </c>
      <c r="FST52" s="7">
        <f t="shared" si="363"/>
        <v>16629.407999999999</v>
      </c>
      <c r="FSU52" s="7">
        <f t="shared" si="363"/>
        <v>16629.407999999999</v>
      </c>
      <c r="FSV52" s="7">
        <f t="shared" si="363"/>
        <v>16629.407999999999</v>
      </c>
      <c r="FSW52" s="7">
        <f t="shared" si="363"/>
        <v>16629.407999999999</v>
      </c>
      <c r="FSX52" s="7">
        <f t="shared" si="363"/>
        <v>16629.407999999999</v>
      </c>
      <c r="FSY52" s="7">
        <f t="shared" si="363"/>
        <v>16629.407999999999</v>
      </c>
      <c r="FSZ52" s="7">
        <f t="shared" si="363"/>
        <v>16629.407999999999</v>
      </c>
      <c r="FTA52" s="7">
        <f t="shared" si="363"/>
        <v>16629.407999999999</v>
      </c>
      <c r="FTB52" s="7">
        <f t="shared" si="363"/>
        <v>16629.407999999999</v>
      </c>
      <c r="FTC52" s="7">
        <f t="shared" si="363"/>
        <v>16629.407999999999</v>
      </c>
      <c r="FTD52" s="7">
        <f t="shared" si="363"/>
        <v>16629.407999999999</v>
      </c>
      <c r="FTE52" s="7">
        <f t="shared" si="363"/>
        <v>16629.407999999999</v>
      </c>
      <c r="FTF52" s="7">
        <f t="shared" si="363"/>
        <v>16629.407999999999</v>
      </c>
      <c r="FTG52" s="7">
        <f t="shared" si="363"/>
        <v>16629.407999999999</v>
      </c>
      <c r="FTH52" s="7">
        <f t="shared" si="363"/>
        <v>16629.407999999999</v>
      </c>
      <c r="FTI52" s="7">
        <f t="shared" si="363"/>
        <v>16629.407999999999</v>
      </c>
      <c r="FTJ52" s="7">
        <f t="shared" si="363"/>
        <v>16629.407999999999</v>
      </c>
      <c r="FTK52" s="7">
        <f t="shared" si="363"/>
        <v>16629.407999999999</v>
      </c>
      <c r="FTL52" s="7">
        <f t="shared" si="363"/>
        <v>16629.407999999999</v>
      </c>
      <c r="FTM52" s="7">
        <f t="shared" si="363"/>
        <v>16629.407999999999</v>
      </c>
      <c r="FTN52" s="7">
        <f t="shared" si="363"/>
        <v>16629.407999999999</v>
      </c>
      <c r="FTO52" s="7">
        <f t="shared" si="363"/>
        <v>16629.407999999999</v>
      </c>
      <c r="FTP52" s="7">
        <f t="shared" si="363"/>
        <v>16629.407999999999</v>
      </c>
      <c r="FTQ52" s="7">
        <f t="shared" si="363"/>
        <v>16629.407999999999</v>
      </c>
      <c r="FTR52" s="7">
        <f t="shared" si="363"/>
        <v>16629.407999999999</v>
      </c>
      <c r="FTS52" s="7">
        <f t="shared" si="363"/>
        <v>16629.407999999999</v>
      </c>
      <c r="FTT52" s="7">
        <f t="shared" si="363"/>
        <v>16629.407999999999</v>
      </c>
      <c r="FTU52" s="7">
        <f t="shared" si="363"/>
        <v>16629.407999999999</v>
      </c>
      <c r="FTV52" s="7">
        <f t="shared" si="363"/>
        <v>16629.407999999999</v>
      </c>
      <c r="FTW52" s="7">
        <f t="shared" si="363"/>
        <v>16629.407999999999</v>
      </c>
      <c r="FTX52" s="7">
        <f t="shared" si="363"/>
        <v>16629.407999999999</v>
      </c>
      <c r="FTY52" s="7">
        <f t="shared" si="363"/>
        <v>16629.407999999999</v>
      </c>
      <c r="FTZ52" s="7">
        <f t="shared" si="363"/>
        <v>16629.407999999999</v>
      </c>
      <c r="FUA52" s="7">
        <f t="shared" si="363"/>
        <v>16629.407999999999</v>
      </c>
      <c r="FUB52" s="7">
        <f t="shared" si="363"/>
        <v>16629.407999999999</v>
      </c>
      <c r="FUC52" s="7">
        <f t="shared" si="363"/>
        <v>16629.407999999999</v>
      </c>
      <c r="FUD52" s="7">
        <f t="shared" si="363"/>
        <v>16629.407999999999</v>
      </c>
      <c r="FUE52" s="7">
        <f t="shared" si="363"/>
        <v>16629.407999999999</v>
      </c>
      <c r="FUF52" s="7">
        <f t="shared" si="363"/>
        <v>16629.407999999999</v>
      </c>
      <c r="FUG52" s="7">
        <f t="shared" si="363"/>
        <v>16629.407999999999</v>
      </c>
      <c r="FUH52" s="7">
        <f t="shared" si="363"/>
        <v>16629.407999999999</v>
      </c>
      <c r="FUI52" s="7">
        <f t="shared" si="363"/>
        <v>16629.407999999999</v>
      </c>
      <c r="FUJ52" s="7">
        <f t="shared" si="363"/>
        <v>16629.407999999999</v>
      </c>
      <c r="FUK52" s="7">
        <f t="shared" si="363"/>
        <v>16629.407999999999</v>
      </c>
      <c r="FUL52" s="7">
        <f t="shared" si="363"/>
        <v>16629.407999999999</v>
      </c>
      <c r="FUM52" s="7">
        <f t="shared" si="363"/>
        <v>16629.407999999999</v>
      </c>
      <c r="FUN52" s="7">
        <f t="shared" si="363"/>
        <v>16629.407999999999</v>
      </c>
      <c r="FUO52" s="7">
        <f t="shared" si="363"/>
        <v>16629.407999999999</v>
      </c>
      <c r="FUP52" s="7">
        <f t="shared" ref="FUP52:FXA52" si="364">FUP47+FUO52</f>
        <v>16629.407999999999</v>
      </c>
      <c r="FUQ52" s="7">
        <f t="shared" si="364"/>
        <v>16629.407999999999</v>
      </c>
      <c r="FUR52" s="7">
        <f t="shared" si="364"/>
        <v>16629.407999999999</v>
      </c>
      <c r="FUS52" s="7">
        <f t="shared" si="364"/>
        <v>16629.407999999999</v>
      </c>
      <c r="FUT52" s="7">
        <f t="shared" si="364"/>
        <v>16629.407999999999</v>
      </c>
      <c r="FUU52" s="7">
        <f t="shared" si="364"/>
        <v>16629.407999999999</v>
      </c>
      <c r="FUV52" s="7">
        <f t="shared" si="364"/>
        <v>16629.407999999999</v>
      </c>
      <c r="FUW52" s="7">
        <f t="shared" si="364"/>
        <v>16629.407999999999</v>
      </c>
      <c r="FUX52" s="7">
        <f t="shared" si="364"/>
        <v>16629.407999999999</v>
      </c>
      <c r="FUY52" s="7">
        <f t="shared" si="364"/>
        <v>16629.407999999999</v>
      </c>
      <c r="FUZ52" s="7">
        <f t="shared" si="364"/>
        <v>16629.407999999999</v>
      </c>
      <c r="FVA52" s="7">
        <f t="shared" si="364"/>
        <v>16629.407999999999</v>
      </c>
      <c r="FVB52" s="7">
        <f t="shared" si="364"/>
        <v>16629.407999999999</v>
      </c>
      <c r="FVC52" s="7">
        <f t="shared" si="364"/>
        <v>16629.407999999999</v>
      </c>
      <c r="FVD52" s="7">
        <f t="shared" si="364"/>
        <v>16629.407999999999</v>
      </c>
      <c r="FVE52" s="7">
        <f t="shared" si="364"/>
        <v>16629.407999999999</v>
      </c>
      <c r="FVF52" s="7">
        <f t="shared" si="364"/>
        <v>16629.407999999999</v>
      </c>
      <c r="FVG52" s="7">
        <f t="shared" si="364"/>
        <v>16629.407999999999</v>
      </c>
      <c r="FVH52" s="7">
        <f t="shared" si="364"/>
        <v>16629.407999999999</v>
      </c>
      <c r="FVI52" s="7">
        <f t="shared" si="364"/>
        <v>16629.407999999999</v>
      </c>
      <c r="FVJ52" s="7">
        <f t="shared" si="364"/>
        <v>16629.407999999999</v>
      </c>
      <c r="FVK52" s="7">
        <f t="shared" si="364"/>
        <v>16629.407999999999</v>
      </c>
      <c r="FVL52" s="7">
        <f t="shared" si="364"/>
        <v>16629.407999999999</v>
      </c>
      <c r="FVM52" s="7">
        <f t="shared" si="364"/>
        <v>16629.407999999999</v>
      </c>
      <c r="FVN52" s="7">
        <f t="shared" si="364"/>
        <v>16629.407999999999</v>
      </c>
      <c r="FVO52" s="7">
        <f t="shared" si="364"/>
        <v>16629.407999999999</v>
      </c>
      <c r="FVP52" s="7">
        <f t="shared" si="364"/>
        <v>16629.407999999999</v>
      </c>
      <c r="FVQ52" s="7">
        <f t="shared" si="364"/>
        <v>16629.407999999999</v>
      </c>
      <c r="FVR52" s="7">
        <f t="shared" si="364"/>
        <v>16629.407999999999</v>
      </c>
      <c r="FVS52" s="7">
        <f t="shared" si="364"/>
        <v>16629.407999999999</v>
      </c>
      <c r="FVT52" s="7">
        <f t="shared" si="364"/>
        <v>16629.407999999999</v>
      </c>
      <c r="FVU52" s="7">
        <f t="shared" si="364"/>
        <v>16629.407999999999</v>
      </c>
      <c r="FVV52" s="7">
        <f t="shared" si="364"/>
        <v>16629.407999999999</v>
      </c>
      <c r="FVW52" s="7">
        <f t="shared" si="364"/>
        <v>16629.407999999999</v>
      </c>
      <c r="FVX52" s="7">
        <f t="shared" si="364"/>
        <v>16629.407999999999</v>
      </c>
      <c r="FVY52" s="7">
        <f t="shared" si="364"/>
        <v>16629.407999999999</v>
      </c>
      <c r="FVZ52" s="7">
        <f t="shared" si="364"/>
        <v>16629.407999999999</v>
      </c>
      <c r="FWA52" s="7">
        <f t="shared" si="364"/>
        <v>16629.407999999999</v>
      </c>
      <c r="FWB52" s="7">
        <f t="shared" si="364"/>
        <v>16629.407999999999</v>
      </c>
      <c r="FWC52" s="7">
        <f t="shared" si="364"/>
        <v>16629.407999999999</v>
      </c>
      <c r="FWD52" s="7">
        <f t="shared" si="364"/>
        <v>16629.407999999999</v>
      </c>
      <c r="FWE52" s="7">
        <f t="shared" si="364"/>
        <v>16629.407999999999</v>
      </c>
      <c r="FWF52" s="7">
        <f t="shared" si="364"/>
        <v>16629.407999999999</v>
      </c>
      <c r="FWG52" s="7">
        <f t="shared" si="364"/>
        <v>16629.407999999999</v>
      </c>
      <c r="FWH52" s="7">
        <f t="shared" si="364"/>
        <v>16629.407999999999</v>
      </c>
      <c r="FWI52" s="7">
        <f t="shared" si="364"/>
        <v>16629.407999999999</v>
      </c>
      <c r="FWJ52" s="7">
        <f t="shared" si="364"/>
        <v>16629.407999999999</v>
      </c>
      <c r="FWK52" s="7">
        <f t="shared" si="364"/>
        <v>16629.407999999999</v>
      </c>
      <c r="FWL52" s="7">
        <f t="shared" si="364"/>
        <v>16629.407999999999</v>
      </c>
      <c r="FWM52" s="7">
        <f t="shared" si="364"/>
        <v>16629.407999999999</v>
      </c>
      <c r="FWN52" s="7">
        <f t="shared" si="364"/>
        <v>16629.407999999999</v>
      </c>
      <c r="FWO52" s="7">
        <f t="shared" si="364"/>
        <v>16629.407999999999</v>
      </c>
      <c r="FWP52" s="7">
        <f t="shared" si="364"/>
        <v>16629.407999999999</v>
      </c>
      <c r="FWQ52" s="7">
        <f t="shared" si="364"/>
        <v>16629.407999999999</v>
      </c>
      <c r="FWR52" s="7">
        <f t="shared" si="364"/>
        <v>16629.407999999999</v>
      </c>
      <c r="FWS52" s="7">
        <f t="shared" si="364"/>
        <v>16629.407999999999</v>
      </c>
      <c r="FWT52" s="7">
        <f t="shared" si="364"/>
        <v>16629.407999999999</v>
      </c>
      <c r="FWU52" s="7">
        <f t="shared" si="364"/>
        <v>16629.407999999999</v>
      </c>
      <c r="FWV52" s="7">
        <f t="shared" si="364"/>
        <v>16629.407999999999</v>
      </c>
      <c r="FWW52" s="7">
        <f t="shared" si="364"/>
        <v>16629.407999999999</v>
      </c>
      <c r="FWX52" s="7">
        <f t="shared" si="364"/>
        <v>16629.407999999999</v>
      </c>
      <c r="FWY52" s="7">
        <f t="shared" si="364"/>
        <v>16629.407999999999</v>
      </c>
      <c r="FWZ52" s="7">
        <f t="shared" si="364"/>
        <v>16629.407999999999</v>
      </c>
      <c r="FXA52" s="7">
        <f t="shared" si="364"/>
        <v>16629.407999999999</v>
      </c>
      <c r="FXB52" s="7">
        <f t="shared" ref="FXB52:FZM52" si="365">FXB47+FXA52</f>
        <v>16629.407999999999</v>
      </c>
      <c r="FXC52" s="7">
        <f t="shared" si="365"/>
        <v>16629.407999999999</v>
      </c>
      <c r="FXD52" s="7">
        <f t="shared" si="365"/>
        <v>16629.407999999999</v>
      </c>
      <c r="FXE52" s="7">
        <f t="shared" si="365"/>
        <v>16629.407999999999</v>
      </c>
      <c r="FXF52" s="7">
        <f t="shared" si="365"/>
        <v>16629.407999999999</v>
      </c>
      <c r="FXG52" s="7">
        <f t="shared" si="365"/>
        <v>16629.407999999999</v>
      </c>
      <c r="FXH52" s="7">
        <f t="shared" si="365"/>
        <v>16629.407999999999</v>
      </c>
      <c r="FXI52" s="7">
        <f t="shared" si="365"/>
        <v>16629.407999999999</v>
      </c>
      <c r="FXJ52" s="7">
        <f t="shared" si="365"/>
        <v>16629.407999999999</v>
      </c>
      <c r="FXK52" s="7">
        <f t="shared" si="365"/>
        <v>16629.407999999999</v>
      </c>
      <c r="FXL52" s="7">
        <f t="shared" si="365"/>
        <v>16629.407999999999</v>
      </c>
      <c r="FXM52" s="7">
        <f t="shared" si="365"/>
        <v>16629.407999999999</v>
      </c>
      <c r="FXN52" s="7">
        <f t="shared" si="365"/>
        <v>16629.407999999999</v>
      </c>
      <c r="FXO52" s="7">
        <f t="shared" si="365"/>
        <v>16629.407999999999</v>
      </c>
      <c r="FXP52" s="7">
        <f t="shared" si="365"/>
        <v>16629.407999999999</v>
      </c>
      <c r="FXQ52" s="7">
        <f t="shared" si="365"/>
        <v>16629.407999999999</v>
      </c>
      <c r="FXR52" s="7">
        <f t="shared" si="365"/>
        <v>16629.407999999999</v>
      </c>
      <c r="FXS52" s="7">
        <f t="shared" si="365"/>
        <v>16629.407999999999</v>
      </c>
      <c r="FXT52" s="7">
        <f t="shared" si="365"/>
        <v>16629.407999999999</v>
      </c>
      <c r="FXU52" s="7">
        <f t="shared" si="365"/>
        <v>16629.407999999999</v>
      </c>
      <c r="FXV52" s="7">
        <f t="shared" si="365"/>
        <v>16629.407999999999</v>
      </c>
      <c r="FXW52" s="7">
        <f t="shared" si="365"/>
        <v>16629.407999999999</v>
      </c>
      <c r="FXX52" s="7">
        <f t="shared" si="365"/>
        <v>16629.407999999999</v>
      </c>
      <c r="FXY52" s="7">
        <f t="shared" si="365"/>
        <v>16629.407999999999</v>
      </c>
      <c r="FXZ52" s="7">
        <f t="shared" si="365"/>
        <v>16629.407999999999</v>
      </c>
      <c r="FYA52" s="7">
        <f t="shared" si="365"/>
        <v>16629.407999999999</v>
      </c>
      <c r="FYB52" s="7">
        <f t="shared" si="365"/>
        <v>16629.407999999999</v>
      </c>
      <c r="FYC52" s="7">
        <f t="shared" si="365"/>
        <v>16629.407999999999</v>
      </c>
      <c r="FYD52" s="7">
        <f t="shared" si="365"/>
        <v>16629.407999999999</v>
      </c>
      <c r="FYE52" s="7">
        <f t="shared" si="365"/>
        <v>16629.407999999999</v>
      </c>
      <c r="FYF52" s="7">
        <f t="shared" si="365"/>
        <v>16629.407999999999</v>
      </c>
      <c r="FYG52" s="7">
        <f t="shared" si="365"/>
        <v>16629.407999999999</v>
      </c>
      <c r="FYH52" s="7">
        <f t="shared" si="365"/>
        <v>16629.407999999999</v>
      </c>
      <c r="FYI52" s="7">
        <f t="shared" si="365"/>
        <v>16629.407999999999</v>
      </c>
      <c r="FYJ52" s="7">
        <f t="shared" si="365"/>
        <v>16629.407999999999</v>
      </c>
      <c r="FYK52" s="7">
        <f t="shared" si="365"/>
        <v>16629.407999999999</v>
      </c>
      <c r="FYL52" s="7">
        <f t="shared" si="365"/>
        <v>16629.407999999999</v>
      </c>
      <c r="FYM52" s="7">
        <f t="shared" si="365"/>
        <v>16629.407999999999</v>
      </c>
      <c r="FYN52" s="7">
        <f t="shared" si="365"/>
        <v>16629.407999999999</v>
      </c>
      <c r="FYO52" s="7">
        <f t="shared" si="365"/>
        <v>16629.407999999999</v>
      </c>
      <c r="FYP52" s="7">
        <f t="shared" si="365"/>
        <v>16629.407999999999</v>
      </c>
      <c r="FYQ52" s="7">
        <f t="shared" si="365"/>
        <v>16629.407999999999</v>
      </c>
      <c r="FYR52" s="7">
        <f t="shared" si="365"/>
        <v>16629.407999999999</v>
      </c>
      <c r="FYS52" s="7">
        <f t="shared" si="365"/>
        <v>16629.407999999999</v>
      </c>
      <c r="FYT52" s="7">
        <f t="shared" si="365"/>
        <v>16629.407999999999</v>
      </c>
      <c r="FYU52" s="7">
        <f t="shared" si="365"/>
        <v>16629.407999999999</v>
      </c>
      <c r="FYV52" s="7">
        <f t="shared" si="365"/>
        <v>16629.407999999999</v>
      </c>
      <c r="FYW52" s="7">
        <f t="shared" si="365"/>
        <v>16629.407999999999</v>
      </c>
      <c r="FYX52" s="7">
        <f t="shared" si="365"/>
        <v>16629.407999999999</v>
      </c>
      <c r="FYY52" s="7">
        <f t="shared" si="365"/>
        <v>16629.407999999999</v>
      </c>
      <c r="FYZ52" s="7">
        <f t="shared" si="365"/>
        <v>16629.407999999999</v>
      </c>
      <c r="FZA52" s="7">
        <f t="shared" si="365"/>
        <v>16629.407999999999</v>
      </c>
      <c r="FZB52" s="7">
        <f t="shared" si="365"/>
        <v>16629.407999999999</v>
      </c>
      <c r="FZC52" s="7">
        <f t="shared" si="365"/>
        <v>16629.407999999999</v>
      </c>
      <c r="FZD52" s="7">
        <f t="shared" si="365"/>
        <v>16629.407999999999</v>
      </c>
      <c r="FZE52" s="7">
        <f t="shared" si="365"/>
        <v>16629.407999999999</v>
      </c>
      <c r="FZF52" s="7">
        <f t="shared" si="365"/>
        <v>16629.407999999999</v>
      </c>
      <c r="FZG52" s="7">
        <f t="shared" si="365"/>
        <v>16629.407999999999</v>
      </c>
      <c r="FZH52" s="7">
        <f t="shared" si="365"/>
        <v>16629.407999999999</v>
      </c>
      <c r="FZI52" s="7">
        <f t="shared" si="365"/>
        <v>16629.407999999999</v>
      </c>
      <c r="FZJ52" s="7">
        <f t="shared" si="365"/>
        <v>16629.407999999999</v>
      </c>
      <c r="FZK52" s="7">
        <f t="shared" si="365"/>
        <v>16629.407999999999</v>
      </c>
      <c r="FZL52" s="7">
        <f t="shared" si="365"/>
        <v>16629.407999999999</v>
      </c>
      <c r="FZM52" s="7">
        <f t="shared" si="365"/>
        <v>16629.407999999999</v>
      </c>
      <c r="FZN52" s="7">
        <f t="shared" ref="FZN52:GBY52" si="366">FZN47+FZM52</f>
        <v>16629.407999999999</v>
      </c>
      <c r="FZO52" s="7">
        <f t="shared" si="366"/>
        <v>16629.407999999999</v>
      </c>
      <c r="FZP52" s="7">
        <f t="shared" si="366"/>
        <v>16629.407999999999</v>
      </c>
      <c r="FZQ52" s="7">
        <f t="shared" si="366"/>
        <v>16629.407999999999</v>
      </c>
      <c r="FZR52" s="7">
        <f t="shared" si="366"/>
        <v>16629.407999999999</v>
      </c>
      <c r="FZS52" s="7">
        <f t="shared" si="366"/>
        <v>16629.407999999999</v>
      </c>
      <c r="FZT52" s="7">
        <f t="shared" si="366"/>
        <v>16629.407999999999</v>
      </c>
      <c r="FZU52" s="7">
        <f t="shared" si="366"/>
        <v>16629.407999999999</v>
      </c>
      <c r="FZV52" s="7">
        <f t="shared" si="366"/>
        <v>16629.407999999999</v>
      </c>
      <c r="FZW52" s="7">
        <f t="shared" si="366"/>
        <v>16629.407999999999</v>
      </c>
      <c r="FZX52" s="7">
        <f t="shared" si="366"/>
        <v>16629.407999999999</v>
      </c>
      <c r="FZY52" s="7">
        <f t="shared" si="366"/>
        <v>16629.407999999999</v>
      </c>
      <c r="FZZ52" s="7">
        <f t="shared" si="366"/>
        <v>16629.407999999999</v>
      </c>
      <c r="GAA52" s="7">
        <f t="shared" si="366"/>
        <v>16629.407999999999</v>
      </c>
      <c r="GAB52" s="7">
        <f t="shared" si="366"/>
        <v>16629.407999999999</v>
      </c>
      <c r="GAC52" s="7">
        <f t="shared" si="366"/>
        <v>16629.407999999999</v>
      </c>
      <c r="GAD52" s="7">
        <f t="shared" si="366"/>
        <v>16629.407999999999</v>
      </c>
      <c r="GAE52" s="7">
        <f t="shared" si="366"/>
        <v>16629.407999999999</v>
      </c>
      <c r="GAF52" s="7">
        <f t="shared" si="366"/>
        <v>16629.407999999999</v>
      </c>
      <c r="GAG52" s="7">
        <f t="shared" si="366"/>
        <v>16629.407999999999</v>
      </c>
      <c r="GAH52" s="7">
        <f t="shared" si="366"/>
        <v>16629.407999999999</v>
      </c>
      <c r="GAI52" s="7">
        <f t="shared" si="366"/>
        <v>16629.407999999999</v>
      </c>
      <c r="GAJ52" s="7">
        <f t="shared" si="366"/>
        <v>16629.407999999999</v>
      </c>
      <c r="GAK52" s="7">
        <f t="shared" si="366"/>
        <v>16629.407999999999</v>
      </c>
      <c r="GAL52" s="7">
        <f t="shared" si="366"/>
        <v>16629.407999999999</v>
      </c>
      <c r="GAM52" s="7">
        <f t="shared" si="366"/>
        <v>16629.407999999999</v>
      </c>
      <c r="GAN52" s="7">
        <f t="shared" si="366"/>
        <v>16629.407999999999</v>
      </c>
      <c r="GAO52" s="7">
        <f t="shared" si="366"/>
        <v>16629.407999999999</v>
      </c>
      <c r="GAP52" s="7">
        <f t="shared" si="366"/>
        <v>16629.407999999999</v>
      </c>
      <c r="GAQ52" s="7">
        <f t="shared" si="366"/>
        <v>16629.407999999999</v>
      </c>
      <c r="GAR52" s="7">
        <f t="shared" si="366"/>
        <v>16629.407999999999</v>
      </c>
      <c r="GAS52" s="7">
        <f t="shared" si="366"/>
        <v>16629.407999999999</v>
      </c>
      <c r="GAT52" s="7">
        <f t="shared" si="366"/>
        <v>16629.407999999999</v>
      </c>
      <c r="GAU52" s="7">
        <f t="shared" si="366"/>
        <v>16629.407999999999</v>
      </c>
      <c r="GAV52" s="7">
        <f t="shared" si="366"/>
        <v>16629.407999999999</v>
      </c>
      <c r="GAW52" s="7">
        <f t="shared" si="366"/>
        <v>16629.407999999999</v>
      </c>
      <c r="GAX52" s="7">
        <f t="shared" si="366"/>
        <v>16629.407999999999</v>
      </c>
      <c r="GAY52" s="7">
        <f t="shared" si="366"/>
        <v>16629.407999999999</v>
      </c>
      <c r="GAZ52" s="7">
        <f t="shared" si="366"/>
        <v>16629.407999999999</v>
      </c>
      <c r="GBA52" s="7">
        <f t="shared" si="366"/>
        <v>16629.407999999999</v>
      </c>
      <c r="GBB52" s="7">
        <f t="shared" si="366"/>
        <v>16629.407999999999</v>
      </c>
      <c r="GBC52" s="7">
        <f t="shared" si="366"/>
        <v>16629.407999999999</v>
      </c>
      <c r="GBD52" s="7">
        <f t="shared" si="366"/>
        <v>16629.407999999999</v>
      </c>
      <c r="GBE52" s="7">
        <f t="shared" si="366"/>
        <v>16629.407999999999</v>
      </c>
      <c r="GBF52" s="7">
        <f t="shared" si="366"/>
        <v>16629.407999999999</v>
      </c>
      <c r="GBG52" s="7">
        <f t="shared" si="366"/>
        <v>16629.407999999999</v>
      </c>
      <c r="GBH52" s="7">
        <f t="shared" si="366"/>
        <v>16629.407999999999</v>
      </c>
      <c r="GBI52" s="7">
        <f t="shared" si="366"/>
        <v>16629.407999999999</v>
      </c>
      <c r="GBJ52" s="7">
        <f t="shared" si="366"/>
        <v>16629.407999999999</v>
      </c>
      <c r="GBK52" s="7">
        <f t="shared" si="366"/>
        <v>16629.407999999999</v>
      </c>
      <c r="GBL52" s="7">
        <f t="shared" si="366"/>
        <v>16629.407999999999</v>
      </c>
      <c r="GBM52" s="7">
        <f t="shared" si="366"/>
        <v>16629.407999999999</v>
      </c>
      <c r="GBN52" s="7">
        <f t="shared" si="366"/>
        <v>16629.407999999999</v>
      </c>
      <c r="GBO52" s="7">
        <f t="shared" si="366"/>
        <v>16629.407999999999</v>
      </c>
      <c r="GBP52" s="7">
        <f t="shared" si="366"/>
        <v>16629.407999999999</v>
      </c>
      <c r="GBQ52" s="7">
        <f t="shared" si="366"/>
        <v>16629.407999999999</v>
      </c>
      <c r="GBR52" s="7">
        <f t="shared" si="366"/>
        <v>16629.407999999999</v>
      </c>
      <c r="GBS52" s="7">
        <f t="shared" si="366"/>
        <v>16629.407999999999</v>
      </c>
      <c r="GBT52" s="7">
        <f t="shared" si="366"/>
        <v>16629.407999999999</v>
      </c>
      <c r="GBU52" s="7">
        <f t="shared" si="366"/>
        <v>16629.407999999999</v>
      </c>
      <c r="GBV52" s="7">
        <f t="shared" si="366"/>
        <v>16629.407999999999</v>
      </c>
      <c r="GBW52" s="7">
        <f t="shared" si="366"/>
        <v>16629.407999999999</v>
      </c>
      <c r="GBX52" s="7">
        <f t="shared" si="366"/>
        <v>16629.407999999999</v>
      </c>
      <c r="GBY52" s="7">
        <f t="shared" si="366"/>
        <v>16629.407999999999</v>
      </c>
      <c r="GBZ52" s="7">
        <f t="shared" ref="GBZ52:GEK52" si="367">GBZ47+GBY52</f>
        <v>16629.407999999999</v>
      </c>
      <c r="GCA52" s="7">
        <f t="shared" si="367"/>
        <v>16629.407999999999</v>
      </c>
      <c r="GCB52" s="7">
        <f t="shared" si="367"/>
        <v>16629.407999999999</v>
      </c>
      <c r="GCC52" s="7">
        <f t="shared" si="367"/>
        <v>16629.407999999999</v>
      </c>
      <c r="GCD52" s="7">
        <f t="shared" si="367"/>
        <v>16629.407999999999</v>
      </c>
      <c r="GCE52" s="7">
        <f t="shared" si="367"/>
        <v>16629.407999999999</v>
      </c>
      <c r="GCF52" s="7">
        <f t="shared" si="367"/>
        <v>16629.407999999999</v>
      </c>
      <c r="GCG52" s="7">
        <f t="shared" si="367"/>
        <v>16629.407999999999</v>
      </c>
      <c r="GCH52" s="7">
        <f t="shared" si="367"/>
        <v>16629.407999999999</v>
      </c>
      <c r="GCI52" s="7">
        <f t="shared" si="367"/>
        <v>16629.407999999999</v>
      </c>
      <c r="GCJ52" s="7">
        <f t="shared" si="367"/>
        <v>16629.407999999999</v>
      </c>
      <c r="GCK52" s="7">
        <f t="shared" si="367"/>
        <v>16629.407999999999</v>
      </c>
      <c r="GCL52" s="7">
        <f t="shared" si="367"/>
        <v>16629.407999999999</v>
      </c>
      <c r="GCM52" s="7">
        <f t="shared" si="367"/>
        <v>16629.407999999999</v>
      </c>
      <c r="GCN52" s="7">
        <f t="shared" si="367"/>
        <v>16629.407999999999</v>
      </c>
      <c r="GCO52" s="7">
        <f t="shared" si="367"/>
        <v>16629.407999999999</v>
      </c>
      <c r="GCP52" s="7">
        <f t="shared" si="367"/>
        <v>16629.407999999999</v>
      </c>
      <c r="GCQ52" s="7">
        <f t="shared" si="367"/>
        <v>16629.407999999999</v>
      </c>
      <c r="GCR52" s="7">
        <f t="shared" si="367"/>
        <v>16629.407999999999</v>
      </c>
      <c r="GCS52" s="7">
        <f t="shared" si="367"/>
        <v>16629.407999999999</v>
      </c>
      <c r="GCT52" s="7">
        <f t="shared" si="367"/>
        <v>16629.407999999999</v>
      </c>
      <c r="GCU52" s="7">
        <f t="shared" si="367"/>
        <v>16629.407999999999</v>
      </c>
      <c r="GCV52" s="7">
        <f t="shared" si="367"/>
        <v>16629.407999999999</v>
      </c>
      <c r="GCW52" s="7">
        <f t="shared" si="367"/>
        <v>16629.407999999999</v>
      </c>
      <c r="GCX52" s="7">
        <f t="shared" si="367"/>
        <v>16629.407999999999</v>
      </c>
      <c r="GCY52" s="7">
        <f t="shared" si="367"/>
        <v>16629.407999999999</v>
      </c>
      <c r="GCZ52" s="7">
        <f t="shared" si="367"/>
        <v>16629.407999999999</v>
      </c>
      <c r="GDA52" s="7">
        <f t="shared" si="367"/>
        <v>16629.407999999999</v>
      </c>
      <c r="GDB52" s="7">
        <f t="shared" si="367"/>
        <v>16629.407999999999</v>
      </c>
      <c r="GDC52" s="7">
        <f t="shared" si="367"/>
        <v>16629.407999999999</v>
      </c>
      <c r="GDD52" s="7">
        <f t="shared" si="367"/>
        <v>16629.407999999999</v>
      </c>
      <c r="GDE52" s="7">
        <f t="shared" si="367"/>
        <v>16629.407999999999</v>
      </c>
      <c r="GDF52" s="7">
        <f t="shared" si="367"/>
        <v>16629.407999999999</v>
      </c>
      <c r="GDG52" s="7">
        <f t="shared" si="367"/>
        <v>16629.407999999999</v>
      </c>
      <c r="GDH52" s="7">
        <f t="shared" si="367"/>
        <v>16629.407999999999</v>
      </c>
      <c r="GDI52" s="7">
        <f t="shared" si="367"/>
        <v>16629.407999999999</v>
      </c>
      <c r="GDJ52" s="7">
        <f t="shared" si="367"/>
        <v>16629.407999999999</v>
      </c>
      <c r="GDK52" s="7">
        <f t="shared" si="367"/>
        <v>16629.407999999999</v>
      </c>
      <c r="GDL52" s="7">
        <f t="shared" si="367"/>
        <v>16629.407999999999</v>
      </c>
      <c r="GDM52" s="7">
        <f t="shared" si="367"/>
        <v>16629.407999999999</v>
      </c>
      <c r="GDN52" s="7">
        <f t="shared" si="367"/>
        <v>16629.407999999999</v>
      </c>
      <c r="GDO52" s="7">
        <f t="shared" si="367"/>
        <v>16629.407999999999</v>
      </c>
      <c r="GDP52" s="7">
        <f t="shared" si="367"/>
        <v>16629.407999999999</v>
      </c>
      <c r="GDQ52" s="7">
        <f t="shared" si="367"/>
        <v>16629.407999999999</v>
      </c>
      <c r="GDR52" s="7">
        <f t="shared" si="367"/>
        <v>16629.407999999999</v>
      </c>
      <c r="GDS52" s="7">
        <f t="shared" si="367"/>
        <v>16629.407999999999</v>
      </c>
      <c r="GDT52" s="7">
        <f t="shared" si="367"/>
        <v>16629.407999999999</v>
      </c>
      <c r="GDU52" s="7">
        <f t="shared" si="367"/>
        <v>16629.407999999999</v>
      </c>
      <c r="GDV52" s="7">
        <f t="shared" si="367"/>
        <v>16629.407999999999</v>
      </c>
      <c r="GDW52" s="7">
        <f t="shared" si="367"/>
        <v>16629.407999999999</v>
      </c>
      <c r="GDX52" s="7">
        <f t="shared" si="367"/>
        <v>16629.407999999999</v>
      </c>
      <c r="GDY52" s="7">
        <f t="shared" si="367"/>
        <v>16629.407999999999</v>
      </c>
      <c r="GDZ52" s="7">
        <f t="shared" si="367"/>
        <v>16629.407999999999</v>
      </c>
      <c r="GEA52" s="7">
        <f t="shared" si="367"/>
        <v>16629.407999999999</v>
      </c>
      <c r="GEB52" s="7">
        <f t="shared" si="367"/>
        <v>16629.407999999999</v>
      </c>
      <c r="GEC52" s="7">
        <f t="shared" si="367"/>
        <v>16629.407999999999</v>
      </c>
      <c r="GED52" s="7">
        <f t="shared" si="367"/>
        <v>16629.407999999999</v>
      </c>
      <c r="GEE52" s="7">
        <f t="shared" si="367"/>
        <v>16629.407999999999</v>
      </c>
      <c r="GEF52" s="7">
        <f t="shared" si="367"/>
        <v>16629.407999999999</v>
      </c>
      <c r="GEG52" s="7">
        <f t="shared" si="367"/>
        <v>16629.407999999999</v>
      </c>
      <c r="GEH52" s="7">
        <f t="shared" si="367"/>
        <v>16629.407999999999</v>
      </c>
      <c r="GEI52" s="7">
        <f t="shared" si="367"/>
        <v>16629.407999999999</v>
      </c>
      <c r="GEJ52" s="7">
        <f t="shared" si="367"/>
        <v>16629.407999999999</v>
      </c>
      <c r="GEK52" s="7">
        <f t="shared" si="367"/>
        <v>16629.407999999999</v>
      </c>
      <c r="GEL52" s="7">
        <f t="shared" ref="GEL52:GGW52" si="368">GEL47+GEK52</f>
        <v>16629.407999999999</v>
      </c>
      <c r="GEM52" s="7">
        <f t="shared" si="368"/>
        <v>16629.407999999999</v>
      </c>
      <c r="GEN52" s="7">
        <f t="shared" si="368"/>
        <v>16629.407999999999</v>
      </c>
      <c r="GEO52" s="7">
        <f t="shared" si="368"/>
        <v>16629.407999999999</v>
      </c>
      <c r="GEP52" s="7">
        <f t="shared" si="368"/>
        <v>16629.407999999999</v>
      </c>
      <c r="GEQ52" s="7">
        <f t="shared" si="368"/>
        <v>16629.407999999999</v>
      </c>
      <c r="GER52" s="7">
        <f t="shared" si="368"/>
        <v>16629.407999999999</v>
      </c>
      <c r="GES52" s="7">
        <f t="shared" si="368"/>
        <v>16629.407999999999</v>
      </c>
      <c r="GET52" s="7">
        <f t="shared" si="368"/>
        <v>16629.407999999999</v>
      </c>
      <c r="GEU52" s="7">
        <f t="shared" si="368"/>
        <v>16629.407999999999</v>
      </c>
      <c r="GEV52" s="7">
        <f t="shared" si="368"/>
        <v>16629.407999999999</v>
      </c>
      <c r="GEW52" s="7">
        <f t="shared" si="368"/>
        <v>16629.407999999999</v>
      </c>
      <c r="GEX52" s="7">
        <f t="shared" si="368"/>
        <v>16629.407999999999</v>
      </c>
      <c r="GEY52" s="7">
        <f t="shared" si="368"/>
        <v>16629.407999999999</v>
      </c>
      <c r="GEZ52" s="7">
        <f t="shared" si="368"/>
        <v>16629.407999999999</v>
      </c>
      <c r="GFA52" s="7">
        <f t="shared" si="368"/>
        <v>16629.407999999999</v>
      </c>
      <c r="GFB52" s="7">
        <f t="shared" si="368"/>
        <v>16629.407999999999</v>
      </c>
      <c r="GFC52" s="7">
        <f t="shared" si="368"/>
        <v>16629.407999999999</v>
      </c>
      <c r="GFD52" s="7">
        <f t="shared" si="368"/>
        <v>16629.407999999999</v>
      </c>
      <c r="GFE52" s="7">
        <f t="shared" si="368"/>
        <v>16629.407999999999</v>
      </c>
      <c r="GFF52" s="7">
        <f t="shared" si="368"/>
        <v>16629.407999999999</v>
      </c>
      <c r="GFG52" s="7">
        <f t="shared" si="368"/>
        <v>16629.407999999999</v>
      </c>
      <c r="GFH52" s="7">
        <f t="shared" si="368"/>
        <v>16629.407999999999</v>
      </c>
      <c r="GFI52" s="7">
        <f t="shared" si="368"/>
        <v>16629.407999999999</v>
      </c>
      <c r="GFJ52" s="7">
        <f t="shared" si="368"/>
        <v>16629.407999999999</v>
      </c>
      <c r="GFK52" s="7">
        <f t="shared" si="368"/>
        <v>16629.407999999999</v>
      </c>
      <c r="GFL52" s="7">
        <f t="shared" si="368"/>
        <v>16629.407999999999</v>
      </c>
      <c r="GFM52" s="7">
        <f t="shared" si="368"/>
        <v>16629.407999999999</v>
      </c>
      <c r="GFN52" s="7">
        <f t="shared" si="368"/>
        <v>16629.407999999999</v>
      </c>
      <c r="GFO52" s="7">
        <f t="shared" si="368"/>
        <v>16629.407999999999</v>
      </c>
      <c r="GFP52" s="7">
        <f t="shared" si="368"/>
        <v>16629.407999999999</v>
      </c>
      <c r="GFQ52" s="7">
        <f t="shared" si="368"/>
        <v>16629.407999999999</v>
      </c>
      <c r="GFR52" s="7">
        <f t="shared" si="368"/>
        <v>16629.407999999999</v>
      </c>
      <c r="GFS52" s="7">
        <f t="shared" si="368"/>
        <v>16629.407999999999</v>
      </c>
      <c r="GFT52" s="7">
        <f t="shared" si="368"/>
        <v>16629.407999999999</v>
      </c>
      <c r="GFU52" s="7">
        <f t="shared" si="368"/>
        <v>16629.407999999999</v>
      </c>
      <c r="GFV52" s="7">
        <f t="shared" si="368"/>
        <v>16629.407999999999</v>
      </c>
      <c r="GFW52" s="7">
        <f t="shared" si="368"/>
        <v>16629.407999999999</v>
      </c>
      <c r="GFX52" s="7">
        <f t="shared" si="368"/>
        <v>16629.407999999999</v>
      </c>
      <c r="GFY52" s="7">
        <f t="shared" si="368"/>
        <v>16629.407999999999</v>
      </c>
      <c r="GFZ52" s="7">
        <f t="shared" si="368"/>
        <v>16629.407999999999</v>
      </c>
      <c r="GGA52" s="7">
        <f t="shared" si="368"/>
        <v>16629.407999999999</v>
      </c>
      <c r="GGB52" s="7">
        <f t="shared" si="368"/>
        <v>16629.407999999999</v>
      </c>
      <c r="GGC52" s="7">
        <f t="shared" si="368"/>
        <v>16629.407999999999</v>
      </c>
      <c r="GGD52" s="7">
        <f t="shared" si="368"/>
        <v>16629.407999999999</v>
      </c>
      <c r="GGE52" s="7">
        <f t="shared" si="368"/>
        <v>16629.407999999999</v>
      </c>
      <c r="GGF52" s="7">
        <f t="shared" si="368"/>
        <v>16629.407999999999</v>
      </c>
      <c r="GGG52" s="7">
        <f t="shared" si="368"/>
        <v>16629.407999999999</v>
      </c>
      <c r="GGH52" s="7">
        <f t="shared" si="368"/>
        <v>16629.407999999999</v>
      </c>
      <c r="GGI52" s="7">
        <f t="shared" si="368"/>
        <v>16629.407999999999</v>
      </c>
      <c r="GGJ52" s="7">
        <f t="shared" si="368"/>
        <v>16629.407999999999</v>
      </c>
      <c r="GGK52" s="7">
        <f t="shared" si="368"/>
        <v>16629.407999999999</v>
      </c>
      <c r="GGL52" s="7">
        <f t="shared" si="368"/>
        <v>16629.407999999999</v>
      </c>
      <c r="GGM52" s="7">
        <f t="shared" si="368"/>
        <v>16629.407999999999</v>
      </c>
      <c r="GGN52" s="7">
        <f t="shared" si="368"/>
        <v>16629.407999999999</v>
      </c>
      <c r="GGO52" s="7">
        <f t="shared" si="368"/>
        <v>16629.407999999999</v>
      </c>
      <c r="GGP52" s="7">
        <f t="shared" si="368"/>
        <v>16629.407999999999</v>
      </c>
      <c r="GGQ52" s="7">
        <f t="shared" si="368"/>
        <v>16629.407999999999</v>
      </c>
      <c r="GGR52" s="7">
        <f t="shared" si="368"/>
        <v>16629.407999999999</v>
      </c>
      <c r="GGS52" s="7">
        <f t="shared" si="368"/>
        <v>16629.407999999999</v>
      </c>
      <c r="GGT52" s="7">
        <f t="shared" si="368"/>
        <v>16629.407999999999</v>
      </c>
      <c r="GGU52" s="7">
        <f t="shared" si="368"/>
        <v>16629.407999999999</v>
      </c>
      <c r="GGV52" s="7">
        <f t="shared" si="368"/>
        <v>16629.407999999999</v>
      </c>
      <c r="GGW52" s="7">
        <f t="shared" si="368"/>
        <v>16629.407999999999</v>
      </c>
      <c r="GGX52" s="7">
        <f t="shared" ref="GGX52:GJI52" si="369">GGX47+GGW52</f>
        <v>16629.407999999999</v>
      </c>
      <c r="GGY52" s="7">
        <f t="shared" si="369"/>
        <v>16629.407999999999</v>
      </c>
      <c r="GGZ52" s="7">
        <f t="shared" si="369"/>
        <v>16629.407999999999</v>
      </c>
      <c r="GHA52" s="7">
        <f t="shared" si="369"/>
        <v>16629.407999999999</v>
      </c>
      <c r="GHB52" s="7">
        <f t="shared" si="369"/>
        <v>16629.407999999999</v>
      </c>
      <c r="GHC52" s="7">
        <f t="shared" si="369"/>
        <v>16629.407999999999</v>
      </c>
      <c r="GHD52" s="7">
        <f t="shared" si="369"/>
        <v>16629.407999999999</v>
      </c>
      <c r="GHE52" s="7">
        <f t="shared" si="369"/>
        <v>16629.407999999999</v>
      </c>
      <c r="GHF52" s="7">
        <f t="shared" si="369"/>
        <v>16629.407999999999</v>
      </c>
      <c r="GHG52" s="7">
        <f t="shared" si="369"/>
        <v>16629.407999999999</v>
      </c>
      <c r="GHH52" s="7">
        <f t="shared" si="369"/>
        <v>16629.407999999999</v>
      </c>
      <c r="GHI52" s="7">
        <f t="shared" si="369"/>
        <v>16629.407999999999</v>
      </c>
      <c r="GHJ52" s="7">
        <f t="shared" si="369"/>
        <v>16629.407999999999</v>
      </c>
      <c r="GHK52" s="7">
        <f t="shared" si="369"/>
        <v>16629.407999999999</v>
      </c>
      <c r="GHL52" s="7">
        <f t="shared" si="369"/>
        <v>16629.407999999999</v>
      </c>
      <c r="GHM52" s="7">
        <f t="shared" si="369"/>
        <v>16629.407999999999</v>
      </c>
      <c r="GHN52" s="7">
        <f t="shared" si="369"/>
        <v>16629.407999999999</v>
      </c>
      <c r="GHO52" s="7">
        <f t="shared" si="369"/>
        <v>16629.407999999999</v>
      </c>
      <c r="GHP52" s="7">
        <f t="shared" si="369"/>
        <v>16629.407999999999</v>
      </c>
      <c r="GHQ52" s="7">
        <f t="shared" si="369"/>
        <v>16629.407999999999</v>
      </c>
      <c r="GHR52" s="7">
        <f t="shared" si="369"/>
        <v>16629.407999999999</v>
      </c>
      <c r="GHS52" s="7">
        <f t="shared" si="369"/>
        <v>16629.407999999999</v>
      </c>
      <c r="GHT52" s="7">
        <f t="shared" si="369"/>
        <v>16629.407999999999</v>
      </c>
      <c r="GHU52" s="7">
        <f t="shared" si="369"/>
        <v>16629.407999999999</v>
      </c>
      <c r="GHV52" s="7">
        <f t="shared" si="369"/>
        <v>16629.407999999999</v>
      </c>
      <c r="GHW52" s="7">
        <f t="shared" si="369"/>
        <v>16629.407999999999</v>
      </c>
      <c r="GHX52" s="7">
        <f t="shared" si="369"/>
        <v>16629.407999999999</v>
      </c>
      <c r="GHY52" s="7">
        <f t="shared" si="369"/>
        <v>16629.407999999999</v>
      </c>
      <c r="GHZ52" s="7">
        <f t="shared" si="369"/>
        <v>16629.407999999999</v>
      </c>
      <c r="GIA52" s="7">
        <f t="shared" si="369"/>
        <v>16629.407999999999</v>
      </c>
      <c r="GIB52" s="7">
        <f t="shared" si="369"/>
        <v>16629.407999999999</v>
      </c>
      <c r="GIC52" s="7">
        <f t="shared" si="369"/>
        <v>16629.407999999999</v>
      </c>
      <c r="GID52" s="7">
        <f t="shared" si="369"/>
        <v>16629.407999999999</v>
      </c>
      <c r="GIE52" s="7">
        <f t="shared" si="369"/>
        <v>16629.407999999999</v>
      </c>
      <c r="GIF52" s="7">
        <f t="shared" si="369"/>
        <v>16629.407999999999</v>
      </c>
      <c r="GIG52" s="7">
        <f t="shared" si="369"/>
        <v>16629.407999999999</v>
      </c>
      <c r="GIH52" s="7">
        <f t="shared" si="369"/>
        <v>16629.407999999999</v>
      </c>
      <c r="GII52" s="7">
        <f t="shared" si="369"/>
        <v>16629.407999999999</v>
      </c>
      <c r="GIJ52" s="7">
        <f t="shared" si="369"/>
        <v>16629.407999999999</v>
      </c>
      <c r="GIK52" s="7">
        <f t="shared" si="369"/>
        <v>16629.407999999999</v>
      </c>
      <c r="GIL52" s="7">
        <f t="shared" si="369"/>
        <v>16629.407999999999</v>
      </c>
      <c r="GIM52" s="7">
        <f t="shared" si="369"/>
        <v>16629.407999999999</v>
      </c>
      <c r="GIN52" s="7">
        <f t="shared" si="369"/>
        <v>16629.407999999999</v>
      </c>
      <c r="GIO52" s="7">
        <f t="shared" si="369"/>
        <v>16629.407999999999</v>
      </c>
      <c r="GIP52" s="7">
        <f t="shared" si="369"/>
        <v>16629.407999999999</v>
      </c>
      <c r="GIQ52" s="7">
        <f t="shared" si="369"/>
        <v>16629.407999999999</v>
      </c>
      <c r="GIR52" s="7">
        <f t="shared" si="369"/>
        <v>16629.407999999999</v>
      </c>
      <c r="GIS52" s="7">
        <f t="shared" si="369"/>
        <v>16629.407999999999</v>
      </c>
      <c r="GIT52" s="7">
        <f t="shared" si="369"/>
        <v>16629.407999999999</v>
      </c>
      <c r="GIU52" s="7">
        <f t="shared" si="369"/>
        <v>16629.407999999999</v>
      </c>
      <c r="GIV52" s="7">
        <f t="shared" si="369"/>
        <v>16629.407999999999</v>
      </c>
      <c r="GIW52" s="7">
        <f t="shared" si="369"/>
        <v>16629.407999999999</v>
      </c>
      <c r="GIX52" s="7">
        <f t="shared" si="369"/>
        <v>16629.407999999999</v>
      </c>
      <c r="GIY52" s="7">
        <f t="shared" si="369"/>
        <v>16629.407999999999</v>
      </c>
      <c r="GIZ52" s="7">
        <f t="shared" si="369"/>
        <v>16629.407999999999</v>
      </c>
      <c r="GJA52" s="7">
        <f t="shared" si="369"/>
        <v>16629.407999999999</v>
      </c>
      <c r="GJB52" s="7">
        <f t="shared" si="369"/>
        <v>16629.407999999999</v>
      </c>
      <c r="GJC52" s="7">
        <f t="shared" si="369"/>
        <v>16629.407999999999</v>
      </c>
      <c r="GJD52" s="7">
        <f t="shared" si="369"/>
        <v>16629.407999999999</v>
      </c>
      <c r="GJE52" s="7">
        <f t="shared" si="369"/>
        <v>16629.407999999999</v>
      </c>
      <c r="GJF52" s="7">
        <f t="shared" si="369"/>
        <v>16629.407999999999</v>
      </c>
      <c r="GJG52" s="7">
        <f t="shared" si="369"/>
        <v>16629.407999999999</v>
      </c>
      <c r="GJH52" s="7">
        <f t="shared" si="369"/>
        <v>16629.407999999999</v>
      </c>
      <c r="GJI52" s="7">
        <f t="shared" si="369"/>
        <v>16629.407999999999</v>
      </c>
      <c r="GJJ52" s="7">
        <f t="shared" ref="GJJ52:GLU52" si="370">GJJ47+GJI52</f>
        <v>16629.407999999999</v>
      </c>
      <c r="GJK52" s="7">
        <f t="shared" si="370"/>
        <v>16629.407999999999</v>
      </c>
      <c r="GJL52" s="7">
        <f t="shared" si="370"/>
        <v>16629.407999999999</v>
      </c>
      <c r="GJM52" s="7">
        <f t="shared" si="370"/>
        <v>16629.407999999999</v>
      </c>
      <c r="GJN52" s="7">
        <f t="shared" si="370"/>
        <v>16629.407999999999</v>
      </c>
      <c r="GJO52" s="7">
        <f t="shared" si="370"/>
        <v>16629.407999999999</v>
      </c>
      <c r="GJP52" s="7">
        <f t="shared" si="370"/>
        <v>16629.407999999999</v>
      </c>
      <c r="GJQ52" s="7">
        <f t="shared" si="370"/>
        <v>16629.407999999999</v>
      </c>
      <c r="GJR52" s="7">
        <f t="shared" si="370"/>
        <v>16629.407999999999</v>
      </c>
      <c r="GJS52" s="7">
        <f t="shared" si="370"/>
        <v>16629.407999999999</v>
      </c>
      <c r="GJT52" s="7">
        <f t="shared" si="370"/>
        <v>16629.407999999999</v>
      </c>
      <c r="GJU52" s="7">
        <f t="shared" si="370"/>
        <v>16629.407999999999</v>
      </c>
      <c r="GJV52" s="7">
        <f t="shared" si="370"/>
        <v>16629.407999999999</v>
      </c>
      <c r="GJW52" s="7">
        <f t="shared" si="370"/>
        <v>16629.407999999999</v>
      </c>
      <c r="GJX52" s="7">
        <f t="shared" si="370"/>
        <v>16629.407999999999</v>
      </c>
      <c r="GJY52" s="7">
        <f t="shared" si="370"/>
        <v>16629.407999999999</v>
      </c>
      <c r="GJZ52" s="7">
        <f t="shared" si="370"/>
        <v>16629.407999999999</v>
      </c>
      <c r="GKA52" s="7">
        <f t="shared" si="370"/>
        <v>16629.407999999999</v>
      </c>
      <c r="GKB52" s="7">
        <f t="shared" si="370"/>
        <v>16629.407999999999</v>
      </c>
      <c r="GKC52" s="7">
        <f t="shared" si="370"/>
        <v>16629.407999999999</v>
      </c>
      <c r="GKD52" s="7">
        <f t="shared" si="370"/>
        <v>16629.407999999999</v>
      </c>
      <c r="GKE52" s="7">
        <f t="shared" si="370"/>
        <v>16629.407999999999</v>
      </c>
      <c r="GKF52" s="7">
        <f t="shared" si="370"/>
        <v>16629.407999999999</v>
      </c>
      <c r="GKG52" s="7">
        <f t="shared" si="370"/>
        <v>16629.407999999999</v>
      </c>
      <c r="GKH52" s="7">
        <f t="shared" si="370"/>
        <v>16629.407999999999</v>
      </c>
      <c r="GKI52" s="7">
        <f t="shared" si="370"/>
        <v>16629.407999999999</v>
      </c>
      <c r="GKJ52" s="7">
        <f t="shared" si="370"/>
        <v>16629.407999999999</v>
      </c>
      <c r="GKK52" s="7">
        <f t="shared" si="370"/>
        <v>16629.407999999999</v>
      </c>
      <c r="GKL52" s="7">
        <f t="shared" si="370"/>
        <v>16629.407999999999</v>
      </c>
      <c r="GKM52" s="7">
        <f t="shared" si="370"/>
        <v>16629.407999999999</v>
      </c>
      <c r="GKN52" s="7">
        <f t="shared" si="370"/>
        <v>16629.407999999999</v>
      </c>
      <c r="GKO52" s="7">
        <f t="shared" si="370"/>
        <v>16629.407999999999</v>
      </c>
      <c r="GKP52" s="7">
        <f t="shared" si="370"/>
        <v>16629.407999999999</v>
      </c>
      <c r="GKQ52" s="7">
        <f t="shared" si="370"/>
        <v>16629.407999999999</v>
      </c>
      <c r="GKR52" s="7">
        <f t="shared" si="370"/>
        <v>16629.407999999999</v>
      </c>
      <c r="GKS52" s="7">
        <f t="shared" si="370"/>
        <v>16629.407999999999</v>
      </c>
      <c r="GKT52" s="7">
        <f t="shared" si="370"/>
        <v>16629.407999999999</v>
      </c>
      <c r="GKU52" s="7">
        <f t="shared" si="370"/>
        <v>16629.407999999999</v>
      </c>
      <c r="GKV52" s="7">
        <f t="shared" si="370"/>
        <v>16629.407999999999</v>
      </c>
      <c r="GKW52" s="7">
        <f t="shared" si="370"/>
        <v>16629.407999999999</v>
      </c>
      <c r="GKX52" s="7">
        <f t="shared" si="370"/>
        <v>16629.407999999999</v>
      </c>
      <c r="GKY52" s="7">
        <f t="shared" si="370"/>
        <v>16629.407999999999</v>
      </c>
      <c r="GKZ52" s="7">
        <f t="shared" si="370"/>
        <v>16629.407999999999</v>
      </c>
      <c r="GLA52" s="7">
        <f t="shared" si="370"/>
        <v>16629.407999999999</v>
      </c>
      <c r="GLB52" s="7">
        <f t="shared" si="370"/>
        <v>16629.407999999999</v>
      </c>
      <c r="GLC52" s="7">
        <f t="shared" si="370"/>
        <v>16629.407999999999</v>
      </c>
      <c r="GLD52" s="7">
        <f t="shared" si="370"/>
        <v>16629.407999999999</v>
      </c>
      <c r="GLE52" s="7">
        <f t="shared" si="370"/>
        <v>16629.407999999999</v>
      </c>
      <c r="GLF52" s="7">
        <f t="shared" si="370"/>
        <v>16629.407999999999</v>
      </c>
      <c r="GLG52" s="7">
        <f t="shared" si="370"/>
        <v>16629.407999999999</v>
      </c>
      <c r="GLH52" s="7">
        <f t="shared" si="370"/>
        <v>16629.407999999999</v>
      </c>
      <c r="GLI52" s="7">
        <f t="shared" si="370"/>
        <v>16629.407999999999</v>
      </c>
      <c r="GLJ52" s="7">
        <f t="shared" si="370"/>
        <v>16629.407999999999</v>
      </c>
      <c r="GLK52" s="7">
        <f t="shared" si="370"/>
        <v>16629.407999999999</v>
      </c>
      <c r="GLL52" s="7">
        <f t="shared" si="370"/>
        <v>16629.407999999999</v>
      </c>
      <c r="GLM52" s="7">
        <f t="shared" si="370"/>
        <v>16629.407999999999</v>
      </c>
      <c r="GLN52" s="7">
        <f t="shared" si="370"/>
        <v>16629.407999999999</v>
      </c>
      <c r="GLO52" s="7">
        <f t="shared" si="370"/>
        <v>16629.407999999999</v>
      </c>
      <c r="GLP52" s="7">
        <f t="shared" si="370"/>
        <v>16629.407999999999</v>
      </c>
      <c r="GLQ52" s="7">
        <f t="shared" si="370"/>
        <v>16629.407999999999</v>
      </c>
      <c r="GLR52" s="7">
        <f t="shared" si="370"/>
        <v>16629.407999999999</v>
      </c>
      <c r="GLS52" s="7">
        <f t="shared" si="370"/>
        <v>16629.407999999999</v>
      </c>
      <c r="GLT52" s="7">
        <f t="shared" si="370"/>
        <v>16629.407999999999</v>
      </c>
      <c r="GLU52" s="7">
        <f t="shared" si="370"/>
        <v>16629.407999999999</v>
      </c>
      <c r="GLV52" s="7">
        <f t="shared" ref="GLV52:GOG52" si="371">GLV47+GLU52</f>
        <v>16629.407999999999</v>
      </c>
      <c r="GLW52" s="7">
        <f t="shared" si="371"/>
        <v>16629.407999999999</v>
      </c>
      <c r="GLX52" s="7">
        <f t="shared" si="371"/>
        <v>16629.407999999999</v>
      </c>
      <c r="GLY52" s="7">
        <f t="shared" si="371"/>
        <v>16629.407999999999</v>
      </c>
      <c r="GLZ52" s="7">
        <f t="shared" si="371"/>
        <v>16629.407999999999</v>
      </c>
      <c r="GMA52" s="7">
        <f t="shared" si="371"/>
        <v>16629.407999999999</v>
      </c>
      <c r="GMB52" s="7">
        <f t="shared" si="371"/>
        <v>16629.407999999999</v>
      </c>
      <c r="GMC52" s="7">
        <f t="shared" si="371"/>
        <v>16629.407999999999</v>
      </c>
      <c r="GMD52" s="7">
        <f t="shared" si="371"/>
        <v>16629.407999999999</v>
      </c>
      <c r="GME52" s="7">
        <f t="shared" si="371"/>
        <v>16629.407999999999</v>
      </c>
      <c r="GMF52" s="7">
        <f t="shared" si="371"/>
        <v>16629.407999999999</v>
      </c>
      <c r="GMG52" s="7">
        <f t="shared" si="371"/>
        <v>16629.407999999999</v>
      </c>
      <c r="GMH52" s="7">
        <f t="shared" si="371"/>
        <v>16629.407999999999</v>
      </c>
      <c r="GMI52" s="7">
        <f t="shared" si="371"/>
        <v>16629.407999999999</v>
      </c>
      <c r="GMJ52" s="7">
        <f t="shared" si="371"/>
        <v>16629.407999999999</v>
      </c>
      <c r="GMK52" s="7">
        <f t="shared" si="371"/>
        <v>16629.407999999999</v>
      </c>
      <c r="GML52" s="7">
        <f t="shared" si="371"/>
        <v>16629.407999999999</v>
      </c>
      <c r="GMM52" s="7">
        <f t="shared" si="371"/>
        <v>16629.407999999999</v>
      </c>
      <c r="GMN52" s="7">
        <f t="shared" si="371"/>
        <v>16629.407999999999</v>
      </c>
      <c r="GMO52" s="7">
        <f t="shared" si="371"/>
        <v>16629.407999999999</v>
      </c>
      <c r="GMP52" s="7">
        <f t="shared" si="371"/>
        <v>16629.407999999999</v>
      </c>
      <c r="GMQ52" s="7">
        <f t="shared" si="371"/>
        <v>16629.407999999999</v>
      </c>
      <c r="GMR52" s="7">
        <f t="shared" si="371"/>
        <v>16629.407999999999</v>
      </c>
      <c r="GMS52" s="7">
        <f t="shared" si="371"/>
        <v>16629.407999999999</v>
      </c>
      <c r="GMT52" s="7">
        <f t="shared" si="371"/>
        <v>16629.407999999999</v>
      </c>
      <c r="GMU52" s="7">
        <f t="shared" si="371"/>
        <v>16629.407999999999</v>
      </c>
      <c r="GMV52" s="7">
        <f t="shared" si="371"/>
        <v>16629.407999999999</v>
      </c>
      <c r="GMW52" s="7">
        <f t="shared" si="371"/>
        <v>16629.407999999999</v>
      </c>
      <c r="GMX52" s="7">
        <f t="shared" si="371"/>
        <v>16629.407999999999</v>
      </c>
      <c r="GMY52" s="7">
        <f t="shared" si="371"/>
        <v>16629.407999999999</v>
      </c>
      <c r="GMZ52" s="7">
        <f t="shared" si="371"/>
        <v>16629.407999999999</v>
      </c>
      <c r="GNA52" s="7">
        <f t="shared" si="371"/>
        <v>16629.407999999999</v>
      </c>
      <c r="GNB52" s="7">
        <f t="shared" si="371"/>
        <v>16629.407999999999</v>
      </c>
      <c r="GNC52" s="7">
        <f t="shared" si="371"/>
        <v>16629.407999999999</v>
      </c>
      <c r="GND52" s="7">
        <f t="shared" si="371"/>
        <v>16629.407999999999</v>
      </c>
      <c r="GNE52" s="7">
        <f t="shared" si="371"/>
        <v>16629.407999999999</v>
      </c>
      <c r="GNF52" s="7">
        <f t="shared" si="371"/>
        <v>16629.407999999999</v>
      </c>
      <c r="GNG52" s="7">
        <f t="shared" si="371"/>
        <v>16629.407999999999</v>
      </c>
      <c r="GNH52" s="7">
        <f t="shared" si="371"/>
        <v>16629.407999999999</v>
      </c>
      <c r="GNI52" s="7">
        <f t="shared" si="371"/>
        <v>16629.407999999999</v>
      </c>
      <c r="GNJ52" s="7">
        <f t="shared" si="371"/>
        <v>16629.407999999999</v>
      </c>
      <c r="GNK52" s="7">
        <f t="shared" si="371"/>
        <v>16629.407999999999</v>
      </c>
      <c r="GNL52" s="7">
        <f t="shared" si="371"/>
        <v>16629.407999999999</v>
      </c>
      <c r="GNM52" s="7">
        <f t="shared" si="371"/>
        <v>16629.407999999999</v>
      </c>
      <c r="GNN52" s="7">
        <f t="shared" si="371"/>
        <v>16629.407999999999</v>
      </c>
      <c r="GNO52" s="7">
        <f t="shared" si="371"/>
        <v>16629.407999999999</v>
      </c>
      <c r="GNP52" s="7">
        <f t="shared" si="371"/>
        <v>16629.407999999999</v>
      </c>
      <c r="GNQ52" s="7">
        <f t="shared" si="371"/>
        <v>16629.407999999999</v>
      </c>
      <c r="GNR52" s="7">
        <f t="shared" si="371"/>
        <v>16629.407999999999</v>
      </c>
      <c r="GNS52" s="7">
        <f t="shared" si="371"/>
        <v>16629.407999999999</v>
      </c>
      <c r="GNT52" s="7">
        <f t="shared" si="371"/>
        <v>16629.407999999999</v>
      </c>
      <c r="GNU52" s="7">
        <f t="shared" si="371"/>
        <v>16629.407999999999</v>
      </c>
      <c r="GNV52" s="7">
        <f t="shared" si="371"/>
        <v>16629.407999999999</v>
      </c>
      <c r="GNW52" s="7">
        <f t="shared" si="371"/>
        <v>16629.407999999999</v>
      </c>
      <c r="GNX52" s="7">
        <f t="shared" si="371"/>
        <v>16629.407999999999</v>
      </c>
      <c r="GNY52" s="7">
        <f t="shared" si="371"/>
        <v>16629.407999999999</v>
      </c>
      <c r="GNZ52" s="7">
        <f t="shared" si="371"/>
        <v>16629.407999999999</v>
      </c>
      <c r="GOA52" s="7">
        <f t="shared" si="371"/>
        <v>16629.407999999999</v>
      </c>
      <c r="GOB52" s="7">
        <f t="shared" si="371"/>
        <v>16629.407999999999</v>
      </c>
      <c r="GOC52" s="7">
        <f t="shared" si="371"/>
        <v>16629.407999999999</v>
      </c>
      <c r="GOD52" s="7">
        <f t="shared" si="371"/>
        <v>16629.407999999999</v>
      </c>
      <c r="GOE52" s="7">
        <f t="shared" si="371"/>
        <v>16629.407999999999</v>
      </c>
      <c r="GOF52" s="7">
        <f t="shared" si="371"/>
        <v>16629.407999999999</v>
      </c>
      <c r="GOG52" s="7">
        <f t="shared" si="371"/>
        <v>16629.407999999999</v>
      </c>
      <c r="GOH52" s="7">
        <f t="shared" ref="GOH52:GQS52" si="372">GOH47+GOG52</f>
        <v>16629.407999999999</v>
      </c>
      <c r="GOI52" s="7">
        <f t="shared" si="372"/>
        <v>16629.407999999999</v>
      </c>
      <c r="GOJ52" s="7">
        <f t="shared" si="372"/>
        <v>16629.407999999999</v>
      </c>
      <c r="GOK52" s="7">
        <f t="shared" si="372"/>
        <v>16629.407999999999</v>
      </c>
      <c r="GOL52" s="7">
        <f t="shared" si="372"/>
        <v>16629.407999999999</v>
      </c>
      <c r="GOM52" s="7">
        <f t="shared" si="372"/>
        <v>16629.407999999999</v>
      </c>
      <c r="GON52" s="7">
        <f t="shared" si="372"/>
        <v>16629.407999999999</v>
      </c>
      <c r="GOO52" s="7">
        <f t="shared" si="372"/>
        <v>16629.407999999999</v>
      </c>
      <c r="GOP52" s="7">
        <f t="shared" si="372"/>
        <v>16629.407999999999</v>
      </c>
      <c r="GOQ52" s="7">
        <f t="shared" si="372"/>
        <v>16629.407999999999</v>
      </c>
      <c r="GOR52" s="7">
        <f t="shared" si="372"/>
        <v>16629.407999999999</v>
      </c>
      <c r="GOS52" s="7">
        <f t="shared" si="372"/>
        <v>16629.407999999999</v>
      </c>
      <c r="GOT52" s="7">
        <f t="shared" si="372"/>
        <v>16629.407999999999</v>
      </c>
      <c r="GOU52" s="7">
        <f t="shared" si="372"/>
        <v>16629.407999999999</v>
      </c>
      <c r="GOV52" s="7">
        <f t="shared" si="372"/>
        <v>16629.407999999999</v>
      </c>
      <c r="GOW52" s="7">
        <f t="shared" si="372"/>
        <v>16629.407999999999</v>
      </c>
      <c r="GOX52" s="7">
        <f t="shared" si="372"/>
        <v>16629.407999999999</v>
      </c>
      <c r="GOY52" s="7">
        <f t="shared" si="372"/>
        <v>16629.407999999999</v>
      </c>
      <c r="GOZ52" s="7">
        <f t="shared" si="372"/>
        <v>16629.407999999999</v>
      </c>
      <c r="GPA52" s="7">
        <f t="shared" si="372"/>
        <v>16629.407999999999</v>
      </c>
      <c r="GPB52" s="7">
        <f t="shared" si="372"/>
        <v>16629.407999999999</v>
      </c>
      <c r="GPC52" s="7">
        <f t="shared" si="372"/>
        <v>16629.407999999999</v>
      </c>
      <c r="GPD52" s="7">
        <f t="shared" si="372"/>
        <v>16629.407999999999</v>
      </c>
      <c r="GPE52" s="7">
        <f t="shared" si="372"/>
        <v>16629.407999999999</v>
      </c>
      <c r="GPF52" s="7">
        <f t="shared" si="372"/>
        <v>16629.407999999999</v>
      </c>
      <c r="GPG52" s="7">
        <f t="shared" si="372"/>
        <v>16629.407999999999</v>
      </c>
      <c r="GPH52" s="7">
        <f t="shared" si="372"/>
        <v>16629.407999999999</v>
      </c>
      <c r="GPI52" s="7">
        <f t="shared" si="372"/>
        <v>16629.407999999999</v>
      </c>
      <c r="GPJ52" s="7">
        <f t="shared" si="372"/>
        <v>16629.407999999999</v>
      </c>
      <c r="GPK52" s="7">
        <f t="shared" si="372"/>
        <v>16629.407999999999</v>
      </c>
      <c r="GPL52" s="7">
        <f t="shared" si="372"/>
        <v>16629.407999999999</v>
      </c>
      <c r="GPM52" s="7">
        <f t="shared" si="372"/>
        <v>16629.407999999999</v>
      </c>
      <c r="GPN52" s="7">
        <f t="shared" si="372"/>
        <v>16629.407999999999</v>
      </c>
      <c r="GPO52" s="7">
        <f t="shared" si="372"/>
        <v>16629.407999999999</v>
      </c>
      <c r="GPP52" s="7">
        <f t="shared" si="372"/>
        <v>16629.407999999999</v>
      </c>
      <c r="GPQ52" s="7">
        <f t="shared" si="372"/>
        <v>16629.407999999999</v>
      </c>
      <c r="GPR52" s="7">
        <f t="shared" si="372"/>
        <v>16629.407999999999</v>
      </c>
      <c r="GPS52" s="7">
        <f t="shared" si="372"/>
        <v>16629.407999999999</v>
      </c>
      <c r="GPT52" s="7">
        <f t="shared" si="372"/>
        <v>16629.407999999999</v>
      </c>
      <c r="GPU52" s="7">
        <f t="shared" si="372"/>
        <v>16629.407999999999</v>
      </c>
      <c r="GPV52" s="7">
        <f t="shared" si="372"/>
        <v>16629.407999999999</v>
      </c>
      <c r="GPW52" s="7">
        <f t="shared" si="372"/>
        <v>16629.407999999999</v>
      </c>
      <c r="GPX52" s="7">
        <f t="shared" si="372"/>
        <v>16629.407999999999</v>
      </c>
      <c r="GPY52" s="7">
        <f t="shared" si="372"/>
        <v>16629.407999999999</v>
      </c>
      <c r="GPZ52" s="7">
        <f t="shared" si="372"/>
        <v>16629.407999999999</v>
      </c>
      <c r="GQA52" s="7">
        <f t="shared" si="372"/>
        <v>16629.407999999999</v>
      </c>
      <c r="GQB52" s="7">
        <f t="shared" si="372"/>
        <v>16629.407999999999</v>
      </c>
      <c r="GQC52" s="7">
        <f t="shared" si="372"/>
        <v>16629.407999999999</v>
      </c>
      <c r="GQD52" s="7">
        <f t="shared" si="372"/>
        <v>16629.407999999999</v>
      </c>
      <c r="GQE52" s="7">
        <f t="shared" si="372"/>
        <v>16629.407999999999</v>
      </c>
      <c r="GQF52" s="7">
        <f t="shared" si="372"/>
        <v>16629.407999999999</v>
      </c>
      <c r="GQG52" s="7">
        <f t="shared" si="372"/>
        <v>16629.407999999999</v>
      </c>
      <c r="GQH52" s="7">
        <f t="shared" si="372"/>
        <v>16629.407999999999</v>
      </c>
      <c r="GQI52" s="7">
        <f t="shared" si="372"/>
        <v>16629.407999999999</v>
      </c>
      <c r="GQJ52" s="7">
        <f t="shared" si="372"/>
        <v>16629.407999999999</v>
      </c>
      <c r="GQK52" s="7">
        <f t="shared" si="372"/>
        <v>16629.407999999999</v>
      </c>
      <c r="GQL52" s="7">
        <f t="shared" si="372"/>
        <v>16629.407999999999</v>
      </c>
      <c r="GQM52" s="7">
        <f t="shared" si="372"/>
        <v>16629.407999999999</v>
      </c>
      <c r="GQN52" s="7">
        <f t="shared" si="372"/>
        <v>16629.407999999999</v>
      </c>
      <c r="GQO52" s="7">
        <f t="shared" si="372"/>
        <v>16629.407999999999</v>
      </c>
      <c r="GQP52" s="7">
        <f t="shared" si="372"/>
        <v>16629.407999999999</v>
      </c>
      <c r="GQQ52" s="7">
        <f t="shared" si="372"/>
        <v>16629.407999999999</v>
      </c>
      <c r="GQR52" s="7">
        <f t="shared" si="372"/>
        <v>16629.407999999999</v>
      </c>
      <c r="GQS52" s="7">
        <f t="shared" si="372"/>
        <v>16629.407999999999</v>
      </c>
      <c r="GQT52" s="7">
        <f t="shared" ref="GQT52:GTE52" si="373">GQT47+GQS52</f>
        <v>16629.407999999999</v>
      </c>
      <c r="GQU52" s="7">
        <f t="shared" si="373"/>
        <v>16629.407999999999</v>
      </c>
      <c r="GQV52" s="7">
        <f t="shared" si="373"/>
        <v>16629.407999999999</v>
      </c>
      <c r="GQW52" s="7">
        <f t="shared" si="373"/>
        <v>16629.407999999999</v>
      </c>
      <c r="GQX52" s="7">
        <f t="shared" si="373"/>
        <v>16629.407999999999</v>
      </c>
      <c r="GQY52" s="7">
        <f t="shared" si="373"/>
        <v>16629.407999999999</v>
      </c>
      <c r="GQZ52" s="7">
        <f t="shared" si="373"/>
        <v>16629.407999999999</v>
      </c>
      <c r="GRA52" s="7">
        <f t="shared" si="373"/>
        <v>16629.407999999999</v>
      </c>
      <c r="GRB52" s="7">
        <f t="shared" si="373"/>
        <v>16629.407999999999</v>
      </c>
      <c r="GRC52" s="7">
        <f t="shared" si="373"/>
        <v>16629.407999999999</v>
      </c>
      <c r="GRD52" s="7">
        <f t="shared" si="373"/>
        <v>16629.407999999999</v>
      </c>
      <c r="GRE52" s="7">
        <f t="shared" si="373"/>
        <v>16629.407999999999</v>
      </c>
      <c r="GRF52" s="7">
        <f t="shared" si="373"/>
        <v>16629.407999999999</v>
      </c>
      <c r="GRG52" s="7">
        <f t="shared" si="373"/>
        <v>16629.407999999999</v>
      </c>
      <c r="GRH52" s="7">
        <f t="shared" si="373"/>
        <v>16629.407999999999</v>
      </c>
      <c r="GRI52" s="7">
        <f t="shared" si="373"/>
        <v>16629.407999999999</v>
      </c>
      <c r="GRJ52" s="7">
        <f t="shared" si="373"/>
        <v>16629.407999999999</v>
      </c>
      <c r="GRK52" s="7">
        <f t="shared" si="373"/>
        <v>16629.407999999999</v>
      </c>
      <c r="GRL52" s="7">
        <f t="shared" si="373"/>
        <v>16629.407999999999</v>
      </c>
      <c r="GRM52" s="7">
        <f t="shared" si="373"/>
        <v>16629.407999999999</v>
      </c>
      <c r="GRN52" s="7">
        <f t="shared" si="373"/>
        <v>16629.407999999999</v>
      </c>
      <c r="GRO52" s="7">
        <f t="shared" si="373"/>
        <v>16629.407999999999</v>
      </c>
      <c r="GRP52" s="7">
        <f t="shared" si="373"/>
        <v>16629.407999999999</v>
      </c>
      <c r="GRQ52" s="7">
        <f t="shared" si="373"/>
        <v>16629.407999999999</v>
      </c>
      <c r="GRR52" s="7">
        <f t="shared" si="373"/>
        <v>16629.407999999999</v>
      </c>
      <c r="GRS52" s="7">
        <f t="shared" si="373"/>
        <v>16629.407999999999</v>
      </c>
      <c r="GRT52" s="7">
        <f t="shared" si="373"/>
        <v>16629.407999999999</v>
      </c>
      <c r="GRU52" s="7">
        <f t="shared" si="373"/>
        <v>16629.407999999999</v>
      </c>
      <c r="GRV52" s="7">
        <f t="shared" si="373"/>
        <v>16629.407999999999</v>
      </c>
      <c r="GRW52" s="7">
        <f t="shared" si="373"/>
        <v>16629.407999999999</v>
      </c>
      <c r="GRX52" s="7">
        <f t="shared" si="373"/>
        <v>16629.407999999999</v>
      </c>
      <c r="GRY52" s="7">
        <f t="shared" si="373"/>
        <v>16629.407999999999</v>
      </c>
      <c r="GRZ52" s="7">
        <f t="shared" si="373"/>
        <v>16629.407999999999</v>
      </c>
      <c r="GSA52" s="7">
        <f t="shared" si="373"/>
        <v>16629.407999999999</v>
      </c>
      <c r="GSB52" s="7">
        <f t="shared" si="373"/>
        <v>16629.407999999999</v>
      </c>
      <c r="GSC52" s="7">
        <f t="shared" si="373"/>
        <v>16629.407999999999</v>
      </c>
      <c r="GSD52" s="7">
        <f t="shared" si="373"/>
        <v>16629.407999999999</v>
      </c>
      <c r="GSE52" s="7">
        <f t="shared" si="373"/>
        <v>16629.407999999999</v>
      </c>
      <c r="GSF52" s="7">
        <f t="shared" si="373"/>
        <v>16629.407999999999</v>
      </c>
      <c r="GSG52" s="7">
        <f t="shared" si="373"/>
        <v>16629.407999999999</v>
      </c>
      <c r="GSH52" s="7">
        <f t="shared" si="373"/>
        <v>16629.407999999999</v>
      </c>
      <c r="GSI52" s="7">
        <f t="shared" si="373"/>
        <v>16629.407999999999</v>
      </c>
      <c r="GSJ52" s="7">
        <f t="shared" si="373"/>
        <v>16629.407999999999</v>
      </c>
      <c r="GSK52" s="7">
        <f t="shared" si="373"/>
        <v>16629.407999999999</v>
      </c>
      <c r="GSL52" s="7">
        <f t="shared" si="373"/>
        <v>16629.407999999999</v>
      </c>
      <c r="GSM52" s="7">
        <f t="shared" si="373"/>
        <v>16629.407999999999</v>
      </c>
      <c r="GSN52" s="7">
        <f t="shared" si="373"/>
        <v>16629.407999999999</v>
      </c>
      <c r="GSO52" s="7">
        <f t="shared" si="373"/>
        <v>16629.407999999999</v>
      </c>
      <c r="GSP52" s="7">
        <f t="shared" si="373"/>
        <v>16629.407999999999</v>
      </c>
      <c r="GSQ52" s="7">
        <f t="shared" si="373"/>
        <v>16629.407999999999</v>
      </c>
      <c r="GSR52" s="7">
        <f t="shared" si="373"/>
        <v>16629.407999999999</v>
      </c>
      <c r="GSS52" s="7">
        <f t="shared" si="373"/>
        <v>16629.407999999999</v>
      </c>
      <c r="GST52" s="7">
        <f t="shared" si="373"/>
        <v>16629.407999999999</v>
      </c>
      <c r="GSU52" s="7">
        <f t="shared" si="373"/>
        <v>16629.407999999999</v>
      </c>
      <c r="GSV52" s="7">
        <f t="shared" si="373"/>
        <v>16629.407999999999</v>
      </c>
      <c r="GSW52" s="7">
        <f t="shared" si="373"/>
        <v>16629.407999999999</v>
      </c>
      <c r="GSX52" s="7">
        <f t="shared" si="373"/>
        <v>16629.407999999999</v>
      </c>
      <c r="GSY52" s="7">
        <f t="shared" si="373"/>
        <v>16629.407999999999</v>
      </c>
      <c r="GSZ52" s="7">
        <f t="shared" si="373"/>
        <v>16629.407999999999</v>
      </c>
      <c r="GTA52" s="7">
        <f t="shared" si="373"/>
        <v>16629.407999999999</v>
      </c>
      <c r="GTB52" s="7">
        <f t="shared" si="373"/>
        <v>16629.407999999999</v>
      </c>
      <c r="GTC52" s="7">
        <f t="shared" si="373"/>
        <v>16629.407999999999</v>
      </c>
      <c r="GTD52" s="7">
        <f t="shared" si="373"/>
        <v>16629.407999999999</v>
      </c>
      <c r="GTE52" s="7">
        <f t="shared" si="373"/>
        <v>16629.407999999999</v>
      </c>
      <c r="GTF52" s="7">
        <f t="shared" ref="GTF52:GVQ52" si="374">GTF47+GTE52</f>
        <v>16629.407999999999</v>
      </c>
      <c r="GTG52" s="7">
        <f t="shared" si="374"/>
        <v>16629.407999999999</v>
      </c>
      <c r="GTH52" s="7">
        <f t="shared" si="374"/>
        <v>16629.407999999999</v>
      </c>
      <c r="GTI52" s="7">
        <f t="shared" si="374"/>
        <v>16629.407999999999</v>
      </c>
      <c r="GTJ52" s="7">
        <f t="shared" si="374"/>
        <v>16629.407999999999</v>
      </c>
      <c r="GTK52" s="7">
        <f t="shared" si="374"/>
        <v>16629.407999999999</v>
      </c>
      <c r="GTL52" s="7">
        <f t="shared" si="374"/>
        <v>16629.407999999999</v>
      </c>
      <c r="GTM52" s="7">
        <f t="shared" si="374"/>
        <v>16629.407999999999</v>
      </c>
      <c r="GTN52" s="7">
        <f t="shared" si="374"/>
        <v>16629.407999999999</v>
      </c>
      <c r="GTO52" s="7">
        <f t="shared" si="374"/>
        <v>16629.407999999999</v>
      </c>
      <c r="GTP52" s="7">
        <f t="shared" si="374"/>
        <v>16629.407999999999</v>
      </c>
      <c r="GTQ52" s="7">
        <f t="shared" si="374"/>
        <v>16629.407999999999</v>
      </c>
      <c r="GTR52" s="7">
        <f t="shared" si="374"/>
        <v>16629.407999999999</v>
      </c>
      <c r="GTS52" s="7">
        <f t="shared" si="374"/>
        <v>16629.407999999999</v>
      </c>
      <c r="GTT52" s="7">
        <f t="shared" si="374"/>
        <v>16629.407999999999</v>
      </c>
      <c r="GTU52" s="7">
        <f t="shared" si="374"/>
        <v>16629.407999999999</v>
      </c>
      <c r="GTV52" s="7">
        <f t="shared" si="374"/>
        <v>16629.407999999999</v>
      </c>
      <c r="GTW52" s="7">
        <f t="shared" si="374"/>
        <v>16629.407999999999</v>
      </c>
      <c r="GTX52" s="7">
        <f t="shared" si="374"/>
        <v>16629.407999999999</v>
      </c>
      <c r="GTY52" s="7">
        <f t="shared" si="374"/>
        <v>16629.407999999999</v>
      </c>
      <c r="GTZ52" s="7">
        <f t="shared" si="374"/>
        <v>16629.407999999999</v>
      </c>
      <c r="GUA52" s="7">
        <f t="shared" si="374"/>
        <v>16629.407999999999</v>
      </c>
      <c r="GUB52" s="7">
        <f t="shared" si="374"/>
        <v>16629.407999999999</v>
      </c>
      <c r="GUC52" s="7">
        <f t="shared" si="374"/>
        <v>16629.407999999999</v>
      </c>
      <c r="GUD52" s="7">
        <f t="shared" si="374"/>
        <v>16629.407999999999</v>
      </c>
      <c r="GUE52" s="7">
        <f t="shared" si="374"/>
        <v>16629.407999999999</v>
      </c>
      <c r="GUF52" s="7">
        <f t="shared" si="374"/>
        <v>16629.407999999999</v>
      </c>
      <c r="GUG52" s="7">
        <f t="shared" si="374"/>
        <v>16629.407999999999</v>
      </c>
      <c r="GUH52" s="7">
        <f t="shared" si="374"/>
        <v>16629.407999999999</v>
      </c>
      <c r="GUI52" s="7">
        <f t="shared" si="374"/>
        <v>16629.407999999999</v>
      </c>
      <c r="GUJ52" s="7">
        <f t="shared" si="374"/>
        <v>16629.407999999999</v>
      </c>
      <c r="GUK52" s="7">
        <f t="shared" si="374"/>
        <v>16629.407999999999</v>
      </c>
      <c r="GUL52" s="7">
        <f t="shared" si="374"/>
        <v>16629.407999999999</v>
      </c>
      <c r="GUM52" s="7">
        <f t="shared" si="374"/>
        <v>16629.407999999999</v>
      </c>
      <c r="GUN52" s="7">
        <f t="shared" si="374"/>
        <v>16629.407999999999</v>
      </c>
      <c r="GUO52" s="7">
        <f t="shared" si="374"/>
        <v>16629.407999999999</v>
      </c>
      <c r="GUP52" s="7">
        <f t="shared" si="374"/>
        <v>16629.407999999999</v>
      </c>
      <c r="GUQ52" s="7">
        <f t="shared" si="374"/>
        <v>16629.407999999999</v>
      </c>
      <c r="GUR52" s="7">
        <f t="shared" si="374"/>
        <v>16629.407999999999</v>
      </c>
      <c r="GUS52" s="7">
        <f t="shared" si="374"/>
        <v>16629.407999999999</v>
      </c>
      <c r="GUT52" s="7">
        <f t="shared" si="374"/>
        <v>16629.407999999999</v>
      </c>
      <c r="GUU52" s="7">
        <f t="shared" si="374"/>
        <v>16629.407999999999</v>
      </c>
      <c r="GUV52" s="7">
        <f t="shared" si="374"/>
        <v>16629.407999999999</v>
      </c>
      <c r="GUW52" s="7">
        <f t="shared" si="374"/>
        <v>16629.407999999999</v>
      </c>
      <c r="GUX52" s="7">
        <f t="shared" si="374"/>
        <v>16629.407999999999</v>
      </c>
      <c r="GUY52" s="7">
        <f t="shared" si="374"/>
        <v>16629.407999999999</v>
      </c>
      <c r="GUZ52" s="7">
        <f t="shared" si="374"/>
        <v>16629.407999999999</v>
      </c>
      <c r="GVA52" s="7">
        <f t="shared" si="374"/>
        <v>16629.407999999999</v>
      </c>
      <c r="GVB52" s="7">
        <f t="shared" si="374"/>
        <v>16629.407999999999</v>
      </c>
      <c r="GVC52" s="7">
        <f t="shared" si="374"/>
        <v>16629.407999999999</v>
      </c>
      <c r="GVD52" s="7">
        <f t="shared" si="374"/>
        <v>16629.407999999999</v>
      </c>
      <c r="GVE52" s="7">
        <f t="shared" si="374"/>
        <v>16629.407999999999</v>
      </c>
      <c r="GVF52" s="7">
        <f t="shared" si="374"/>
        <v>16629.407999999999</v>
      </c>
      <c r="GVG52" s="7">
        <f t="shared" si="374"/>
        <v>16629.407999999999</v>
      </c>
      <c r="GVH52" s="7">
        <f t="shared" si="374"/>
        <v>16629.407999999999</v>
      </c>
      <c r="GVI52" s="7">
        <f t="shared" si="374"/>
        <v>16629.407999999999</v>
      </c>
      <c r="GVJ52" s="7">
        <f t="shared" si="374"/>
        <v>16629.407999999999</v>
      </c>
      <c r="GVK52" s="7">
        <f t="shared" si="374"/>
        <v>16629.407999999999</v>
      </c>
      <c r="GVL52" s="7">
        <f t="shared" si="374"/>
        <v>16629.407999999999</v>
      </c>
      <c r="GVM52" s="7">
        <f t="shared" si="374"/>
        <v>16629.407999999999</v>
      </c>
      <c r="GVN52" s="7">
        <f t="shared" si="374"/>
        <v>16629.407999999999</v>
      </c>
      <c r="GVO52" s="7">
        <f t="shared" si="374"/>
        <v>16629.407999999999</v>
      </c>
      <c r="GVP52" s="7">
        <f t="shared" si="374"/>
        <v>16629.407999999999</v>
      </c>
      <c r="GVQ52" s="7">
        <f t="shared" si="374"/>
        <v>16629.407999999999</v>
      </c>
      <c r="GVR52" s="7">
        <f t="shared" ref="GVR52:GYC52" si="375">GVR47+GVQ52</f>
        <v>16629.407999999999</v>
      </c>
      <c r="GVS52" s="7">
        <f t="shared" si="375"/>
        <v>16629.407999999999</v>
      </c>
      <c r="GVT52" s="7">
        <f t="shared" si="375"/>
        <v>16629.407999999999</v>
      </c>
      <c r="GVU52" s="7">
        <f t="shared" si="375"/>
        <v>16629.407999999999</v>
      </c>
      <c r="GVV52" s="7">
        <f t="shared" si="375"/>
        <v>16629.407999999999</v>
      </c>
      <c r="GVW52" s="7">
        <f t="shared" si="375"/>
        <v>16629.407999999999</v>
      </c>
      <c r="GVX52" s="7">
        <f t="shared" si="375"/>
        <v>16629.407999999999</v>
      </c>
      <c r="GVY52" s="7">
        <f t="shared" si="375"/>
        <v>16629.407999999999</v>
      </c>
      <c r="GVZ52" s="7">
        <f t="shared" si="375"/>
        <v>16629.407999999999</v>
      </c>
      <c r="GWA52" s="7">
        <f t="shared" si="375"/>
        <v>16629.407999999999</v>
      </c>
      <c r="GWB52" s="7">
        <f t="shared" si="375"/>
        <v>16629.407999999999</v>
      </c>
      <c r="GWC52" s="7">
        <f t="shared" si="375"/>
        <v>16629.407999999999</v>
      </c>
      <c r="GWD52" s="7">
        <f t="shared" si="375"/>
        <v>16629.407999999999</v>
      </c>
      <c r="GWE52" s="7">
        <f t="shared" si="375"/>
        <v>16629.407999999999</v>
      </c>
      <c r="GWF52" s="7">
        <f t="shared" si="375"/>
        <v>16629.407999999999</v>
      </c>
      <c r="GWG52" s="7">
        <f t="shared" si="375"/>
        <v>16629.407999999999</v>
      </c>
      <c r="GWH52" s="7">
        <f t="shared" si="375"/>
        <v>16629.407999999999</v>
      </c>
      <c r="GWI52" s="7">
        <f t="shared" si="375"/>
        <v>16629.407999999999</v>
      </c>
      <c r="GWJ52" s="7">
        <f t="shared" si="375"/>
        <v>16629.407999999999</v>
      </c>
      <c r="GWK52" s="7">
        <f t="shared" si="375"/>
        <v>16629.407999999999</v>
      </c>
      <c r="GWL52" s="7">
        <f t="shared" si="375"/>
        <v>16629.407999999999</v>
      </c>
      <c r="GWM52" s="7">
        <f t="shared" si="375"/>
        <v>16629.407999999999</v>
      </c>
      <c r="GWN52" s="7">
        <f t="shared" si="375"/>
        <v>16629.407999999999</v>
      </c>
      <c r="GWO52" s="7">
        <f t="shared" si="375"/>
        <v>16629.407999999999</v>
      </c>
      <c r="GWP52" s="7">
        <f t="shared" si="375"/>
        <v>16629.407999999999</v>
      </c>
      <c r="GWQ52" s="7">
        <f t="shared" si="375"/>
        <v>16629.407999999999</v>
      </c>
      <c r="GWR52" s="7">
        <f t="shared" si="375"/>
        <v>16629.407999999999</v>
      </c>
      <c r="GWS52" s="7">
        <f t="shared" si="375"/>
        <v>16629.407999999999</v>
      </c>
      <c r="GWT52" s="7">
        <f t="shared" si="375"/>
        <v>16629.407999999999</v>
      </c>
      <c r="GWU52" s="7">
        <f t="shared" si="375"/>
        <v>16629.407999999999</v>
      </c>
      <c r="GWV52" s="7">
        <f t="shared" si="375"/>
        <v>16629.407999999999</v>
      </c>
      <c r="GWW52" s="7">
        <f t="shared" si="375"/>
        <v>16629.407999999999</v>
      </c>
      <c r="GWX52" s="7">
        <f t="shared" si="375"/>
        <v>16629.407999999999</v>
      </c>
      <c r="GWY52" s="7">
        <f t="shared" si="375"/>
        <v>16629.407999999999</v>
      </c>
      <c r="GWZ52" s="7">
        <f t="shared" si="375"/>
        <v>16629.407999999999</v>
      </c>
      <c r="GXA52" s="7">
        <f t="shared" si="375"/>
        <v>16629.407999999999</v>
      </c>
      <c r="GXB52" s="7">
        <f t="shared" si="375"/>
        <v>16629.407999999999</v>
      </c>
      <c r="GXC52" s="7">
        <f t="shared" si="375"/>
        <v>16629.407999999999</v>
      </c>
      <c r="GXD52" s="7">
        <f t="shared" si="375"/>
        <v>16629.407999999999</v>
      </c>
      <c r="GXE52" s="7">
        <f t="shared" si="375"/>
        <v>16629.407999999999</v>
      </c>
      <c r="GXF52" s="7">
        <f t="shared" si="375"/>
        <v>16629.407999999999</v>
      </c>
      <c r="GXG52" s="7">
        <f t="shared" si="375"/>
        <v>16629.407999999999</v>
      </c>
      <c r="GXH52" s="7">
        <f t="shared" si="375"/>
        <v>16629.407999999999</v>
      </c>
      <c r="GXI52" s="7">
        <f t="shared" si="375"/>
        <v>16629.407999999999</v>
      </c>
      <c r="GXJ52" s="7">
        <f t="shared" si="375"/>
        <v>16629.407999999999</v>
      </c>
      <c r="GXK52" s="7">
        <f t="shared" si="375"/>
        <v>16629.407999999999</v>
      </c>
      <c r="GXL52" s="7">
        <f t="shared" si="375"/>
        <v>16629.407999999999</v>
      </c>
      <c r="GXM52" s="7">
        <f t="shared" si="375"/>
        <v>16629.407999999999</v>
      </c>
      <c r="GXN52" s="7">
        <f t="shared" si="375"/>
        <v>16629.407999999999</v>
      </c>
      <c r="GXO52" s="7">
        <f t="shared" si="375"/>
        <v>16629.407999999999</v>
      </c>
      <c r="GXP52" s="7">
        <f t="shared" si="375"/>
        <v>16629.407999999999</v>
      </c>
      <c r="GXQ52" s="7">
        <f t="shared" si="375"/>
        <v>16629.407999999999</v>
      </c>
      <c r="GXR52" s="7">
        <f t="shared" si="375"/>
        <v>16629.407999999999</v>
      </c>
      <c r="GXS52" s="7">
        <f t="shared" si="375"/>
        <v>16629.407999999999</v>
      </c>
      <c r="GXT52" s="7">
        <f t="shared" si="375"/>
        <v>16629.407999999999</v>
      </c>
      <c r="GXU52" s="7">
        <f t="shared" si="375"/>
        <v>16629.407999999999</v>
      </c>
      <c r="GXV52" s="7">
        <f t="shared" si="375"/>
        <v>16629.407999999999</v>
      </c>
      <c r="GXW52" s="7">
        <f t="shared" si="375"/>
        <v>16629.407999999999</v>
      </c>
      <c r="GXX52" s="7">
        <f t="shared" si="375"/>
        <v>16629.407999999999</v>
      </c>
      <c r="GXY52" s="7">
        <f t="shared" si="375"/>
        <v>16629.407999999999</v>
      </c>
      <c r="GXZ52" s="7">
        <f t="shared" si="375"/>
        <v>16629.407999999999</v>
      </c>
      <c r="GYA52" s="7">
        <f t="shared" si="375"/>
        <v>16629.407999999999</v>
      </c>
      <c r="GYB52" s="7">
        <f t="shared" si="375"/>
        <v>16629.407999999999</v>
      </c>
      <c r="GYC52" s="7">
        <f t="shared" si="375"/>
        <v>16629.407999999999</v>
      </c>
      <c r="GYD52" s="7">
        <f t="shared" ref="GYD52:HAO52" si="376">GYD47+GYC52</f>
        <v>16629.407999999999</v>
      </c>
      <c r="GYE52" s="7">
        <f t="shared" si="376"/>
        <v>16629.407999999999</v>
      </c>
      <c r="GYF52" s="7">
        <f t="shared" si="376"/>
        <v>16629.407999999999</v>
      </c>
      <c r="GYG52" s="7">
        <f t="shared" si="376"/>
        <v>16629.407999999999</v>
      </c>
      <c r="GYH52" s="7">
        <f t="shared" si="376"/>
        <v>16629.407999999999</v>
      </c>
      <c r="GYI52" s="7">
        <f t="shared" si="376"/>
        <v>16629.407999999999</v>
      </c>
      <c r="GYJ52" s="7">
        <f t="shared" si="376"/>
        <v>16629.407999999999</v>
      </c>
      <c r="GYK52" s="7">
        <f t="shared" si="376"/>
        <v>16629.407999999999</v>
      </c>
      <c r="GYL52" s="7">
        <f t="shared" si="376"/>
        <v>16629.407999999999</v>
      </c>
      <c r="GYM52" s="7">
        <f t="shared" si="376"/>
        <v>16629.407999999999</v>
      </c>
      <c r="GYN52" s="7">
        <f t="shared" si="376"/>
        <v>16629.407999999999</v>
      </c>
      <c r="GYO52" s="7">
        <f t="shared" si="376"/>
        <v>16629.407999999999</v>
      </c>
      <c r="GYP52" s="7">
        <f t="shared" si="376"/>
        <v>16629.407999999999</v>
      </c>
      <c r="GYQ52" s="7">
        <f t="shared" si="376"/>
        <v>16629.407999999999</v>
      </c>
      <c r="GYR52" s="7">
        <f t="shared" si="376"/>
        <v>16629.407999999999</v>
      </c>
      <c r="GYS52" s="7">
        <f t="shared" si="376"/>
        <v>16629.407999999999</v>
      </c>
      <c r="GYT52" s="7">
        <f t="shared" si="376"/>
        <v>16629.407999999999</v>
      </c>
      <c r="GYU52" s="7">
        <f t="shared" si="376"/>
        <v>16629.407999999999</v>
      </c>
      <c r="GYV52" s="7">
        <f t="shared" si="376"/>
        <v>16629.407999999999</v>
      </c>
      <c r="GYW52" s="7">
        <f t="shared" si="376"/>
        <v>16629.407999999999</v>
      </c>
      <c r="GYX52" s="7">
        <f t="shared" si="376"/>
        <v>16629.407999999999</v>
      </c>
      <c r="GYY52" s="7">
        <f t="shared" si="376"/>
        <v>16629.407999999999</v>
      </c>
      <c r="GYZ52" s="7">
        <f t="shared" si="376"/>
        <v>16629.407999999999</v>
      </c>
      <c r="GZA52" s="7">
        <f t="shared" si="376"/>
        <v>16629.407999999999</v>
      </c>
      <c r="GZB52" s="7">
        <f t="shared" si="376"/>
        <v>16629.407999999999</v>
      </c>
      <c r="GZC52" s="7">
        <f t="shared" si="376"/>
        <v>16629.407999999999</v>
      </c>
      <c r="GZD52" s="7">
        <f t="shared" si="376"/>
        <v>16629.407999999999</v>
      </c>
      <c r="GZE52" s="7">
        <f t="shared" si="376"/>
        <v>16629.407999999999</v>
      </c>
      <c r="GZF52" s="7">
        <f t="shared" si="376"/>
        <v>16629.407999999999</v>
      </c>
      <c r="GZG52" s="7">
        <f t="shared" si="376"/>
        <v>16629.407999999999</v>
      </c>
      <c r="GZH52" s="7">
        <f t="shared" si="376"/>
        <v>16629.407999999999</v>
      </c>
      <c r="GZI52" s="7">
        <f t="shared" si="376"/>
        <v>16629.407999999999</v>
      </c>
      <c r="GZJ52" s="7">
        <f t="shared" si="376"/>
        <v>16629.407999999999</v>
      </c>
      <c r="GZK52" s="7">
        <f t="shared" si="376"/>
        <v>16629.407999999999</v>
      </c>
      <c r="GZL52" s="7">
        <f t="shared" si="376"/>
        <v>16629.407999999999</v>
      </c>
      <c r="GZM52" s="7">
        <f t="shared" si="376"/>
        <v>16629.407999999999</v>
      </c>
      <c r="GZN52" s="7">
        <f t="shared" si="376"/>
        <v>16629.407999999999</v>
      </c>
      <c r="GZO52" s="7">
        <f t="shared" si="376"/>
        <v>16629.407999999999</v>
      </c>
      <c r="GZP52" s="7">
        <f t="shared" si="376"/>
        <v>16629.407999999999</v>
      </c>
      <c r="GZQ52" s="7">
        <f t="shared" si="376"/>
        <v>16629.407999999999</v>
      </c>
      <c r="GZR52" s="7">
        <f t="shared" si="376"/>
        <v>16629.407999999999</v>
      </c>
      <c r="GZS52" s="7">
        <f t="shared" si="376"/>
        <v>16629.407999999999</v>
      </c>
      <c r="GZT52" s="7">
        <f t="shared" si="376"/>
        <v>16629.407999999999</v>
      </c>
      <c r="GZU52" s="7">
        <f t="shared" si="376"/>
        <v>16629.407999999999</v>
      </c>
      <c r="GZV52" s="7">
        <f t="shared" si="376"/>
        <v>16629.407999999999</v>
      </c>
      <c r="GZW52" s="7">
        <f t="shared" si="376"/>
        <v>16629.407999999999</v>
      </c>
      <c r="GZX52" s="7">
        <f t="shared" si="376"/>
        <v>16629.407999999999</v>
      </c>
      <c r="GZY52" s="7">
        <f t="shared" si="376"/>
        <v>16629.407999999999</v>
      </c>
      <c r="GZZ52" s="7">
        <f t="shared" si="376"/>
        <v>16629.407999999999</v>
      </c>
      <c r="HAA52" s="7">
        <f t="shared" si="376"/>
        <v>16629.407999999999</v>
      </c>
      <c r="HAB52" s="7">
        <f t="shared" si="376"/>
        <v>16629.407999999999</v>
      </c>
      <c r="HAC52" s="7">
        <f t="shared" si="376"/>
        <v>16629.407999999999</v>
      </c>
      <c r="HAD52" s="7">
        <f t="shared" si="376"/>
        <v>16629.407999999999</v>
      </c>
      <c r="HAE52" s="7">
        <f t="shared" si="376"/>
        <v>16629.407999999999</v>
      </c>
      <c r="HAF52" s="7">
        <f t="shared" si="376"/>
        <v>16629.407999999999</v>
      </c>
      <c r="HAG52" s="7">
        <f t="shared" si="376"/>
        <v>16629.407999999999</v>
      </c>
      <c r="HAH52" s="7">
        <f t="shared" si="376"/>
        <v>16629.407999999999</v>
      </c>
      <c r="HAI52" s="7">
        <f t="shared" si="376"/>
        <v>16629.407999999999</v>
      </c>
      <c r="HAJ52" s="7">
        <f t="shared" si="376"/>
        <v>16629.407999999999</v>
      </c>
      <c r="HAK52" s="7">
        <f t="shared" si="376"/>
        <v>16629.407999999999</v>
      </c>
      <c r="HAL52" s="7">
        <f t="shared" si="376"/>
        <v>16629.407999999999</v>
      </c>
      <c r="HAM52" s="7">
        <f t="shared" si="376"/>
        <v>16629.407999999999</v>
      </c>
      <c r="HAN52" s="7">
        <f t="shared" si="376"/>
        <v>16629.407999999999</v>
      </c>
      <c r="HAO52" s="7">
        <f t="shared" si="376"/>
        <v>16629.407999999999</v>
      </c>
      <c r="HAP52" s="7">
        <f t="shared" ref="HAP52:HDA52" si="377">HAP47+HAO52</f>
        <v>16629.407999999999</v>
      </c>
      <c r="HAQ52" s="7">
        <f t="shared" si="377"/>
        <v>16629.407999999999</v>
      </c>
      <c r="HAR52" s="7">
        <f t="shared" si="377"/>
        <v>16629.407999999999</v>
      </c>
      <c r="HAS52" s="7">
        <f t="shared" si="377"/>
        <v>16629.407999999999</v>
      </c>
      <c r="HAT52" s="7">
        <f t="shared" si="377"/>
        <v>16629.407999999999</v>
      </c>
      <c r="HAU52" s="7">
        <f t="shared" si="377"/>
        <v>16629.407999999999</v>
      </c>
      <c r="HAV52" s="7">
        <f t="shared" si="377"/>
        <v>16629.407999999999</v>
      </c>
      <c r="HAW52" s="7">
        <f t="shared" si="377"/>
        <v>16629.407999999999</v>
      </c>
      <c r="HAX52" s="7">
        <f t="shared" si="377"/>
        <v>16629.407999999999</v>
      </c>
      <c r="HAY52" s="7">
        <f t="shared" si="377"/>
        <v>16629.407999999999</v>
      </c>
      <c r="HAZ52" s="7">
        <f t="shared" si="377"/>
        <v>16629.407999999999</v>
      </c>
      <c r="HBA52" s="7">
        <f t="shared" si="377"/>
        <v>16629.407999999999</v>
      </c>
      <c r="HBB52" s="7">
        <f t="shared" si="377"/>
        <v>16629.407999999999</v>
      </c>
      <c r="HBC52" s="7">
        <f t="shared" si="377"/>
        <v>16629.407999999999</v>
      </c>
      <c r="HBD52" s="7">
        <f t="shared" si="377"/>
        <v>16629.407999999999</v>
      </c>
      <c r="HBE52" s="7">
        <f t="shared" si="377"/>
        <v>16629.407999999999</v>
      </c>
      <c r="HBF52" s="7">
        <f t="shared" si="377"/>
        <v>16629.407999999999</v>
      </c>
      <c r="HBG52" s="7">
        <f t="shared" si="377"/>
        <v>16629.407999999999</v>
      </c>
      <c r="HBH52" s="7">
        <f t="shared" si="377"/>
        <v>16629.407999999999</v>
      </c>
      <c r="HBI52" s="7">
        <f t="shared" si="377"/>
        <v>16629.407999999999</v>
      </c>
      <c r="HBJ52" s="7">
        <f t="shared" si="377"/>
        <v>16629.407999999999</v>
      </c>
      <c r="HBK52" s="7">
        <f t="shared" si="377"/>
        <v>16629.407999999999</v>
      </c>
      <c r="HBL52" s="7">
        <f t="shared" si="377"/>
        <v>16629.407999999999</v>
      </c>
      <c r="HBM52" s="7">
        <f t="shared" si="377"/>
        <v>16629.407999999999</v>
      </c>
      <c r="HBN52" s="7">
        <f t="shared" si="377"/>
        <v>16629.407999999999</v>
      </c>
      <c r="HBO52" s="7">
        <f t="shared" si="377"/>
        <v>16629.407999999999</v>
      </c>
      <c r="HBP52" s="7">
        <f t="shared" si="377"/>
        <v>16629.407999999999</v>
      </c>
      <c r="HBQ52" s="7">
        <f t="shared" si="377"/>
        <v>16629.407999999999</v>
      </c>
      <c r="HBR52" s="7">
        <f t="shared" si="377"/>
        <v>16629.407999999999</v>
      </c>
      <c r="HBS52" s="7">
        <f t="shared" si="377"/>
        <v>16629.407999999999</v>
      </c>
      <c r="HBT52" s="7">
        <f t="shared" si="377"/>
        <v>16629.407999999999</v>
      </c>
      <c r="HBU52" s="7">
        <f t="shared" si="377"/>
        <v>16629.407999999999</v>
      </c>
      <c r="HBV52" s="7">
        <f t="shared" si="377"/>
        <v>16629.407999999999</v>
      </c>
      <c r="HBW52" s="7">
        <f t="shared" si="377"/>
        <v>16629.407999999999</v>
      </c>
      <c r="HBX52" s="7">
        <f t="shared" si="377"/>
        <v>16629.407999999999</v>
      </c>
      <c r="HBY52" s="7">
        <f t="shared" si="377"/>
        <v>16629.407999999999</v>
      </c>
      <c r="HBZ52" s="7">
        <f t="shared" si="377"/>
        <v>16629.407999999999</v>
      </c>
      <c r="HCA52" s="7">
        <f t="shared" si="377"/>
        <v>16629.407999999999</v>
      </c>
      <c r="HCB52" s="7">
        <f t="shared" si="377"/>
        <v>16629.407999999999</v>
      </c>
      <c r="HCC52" s="7">
        <f t="shared" si="377"/>
        <v>16629.407999999999</v>
      </c>
      <c r="HCD52" s="7">
        <f t="shared" si="377"/>
        <v>16629.407999999999</v>
      </c>
      <c r="HCE52" s="7">
        <f t="shared" si="377"/>
        <v>16629.407999999999</v>
      </c>
      <c r="HCF52" s="7">
        <f t="shared" si="377"/>
        <v>16629.407999999999</v>
      </c>
      <c r="HCG52" s="7">
        <f t="shared" si="377"/>
        <v>16629.407999999999</v>
      </c>
      <c r="HCH52" s="7">
        <f t="shared" si="377"/>
        <v>16629.407999999999</v>
      </c>
      <c r="HCI52" s="7">
        <f t="shared" si="377"/>
        <v>16629.407999999999</v>
      </c>
      <c r="HCJ52" s="7">
        <f t="shared" si="377"/>
        <v>16629.407999999999</v>
      </c>
      <c r="HCK52" s="7">
        <f t="shared" si="377"/>
        <v>16629.407999999999</v>
      </c>
      <c r="HCL52" s="7">
        <f t="shared" si="377"/>
        <v>16629.407999999999</v>
      </c>
      <c r="HCM52" s="7">
        <f t="shared" si="377"/>
        <v>16629.407999999999</v>
      </c>
      <c r="HCN52" s="7">
        <f t="shared" si="377"/>
        <v>16629.407999999999</v>
      </c>
      <c r="HCO52" s="7">
        <f t="shared" si="377"/>
        <v>16629.407999999999</v>
      </c>
      <c r="HCP52" s="7">
        <f t="shared" si="377"/>
        <v>16629.407999999999</v>
      </c>
      <c r="HCQ52" s="7">
        <f t="shared" si="377"/>
        <v>16629.407999999999</v>
      </c>
      <c r="HCR52" s="7">
        <f t="shared" si="377"/>
        <v>16629.407999999999</v>
      </c>
      <c r="HCS52" s="7">
        <f t="shared" si="377"/>
        <v>16629.407999999999</v>
      </c>
      <c r="HCT52" s="7">
        <f t="shared" si="377"/>
        <v>16629.407999999999</v>
      </c>
      <c r="HCU52" s="7">
        <f t="shared" si="377"/>
        <v>16629.407999999999</v>
      </c>
      <c r="HCV52" s="7">
        <f t="shared" si="377"/>
        <v>16629.407999999999</v>
      </c>
      <c r="HCW52" s="7">
        <f t="shared" si="377"/>
        <v>16629.407999999999</v>
      </c>
      <c r="HCX52" s="7">
        <f t="shared" si="377"/>
        <v>16629.407999999999</v>
      </c>
      <c r="HCY52" s="7">
        <f t="shared" si="377"/>
        <v>16629.407999999999</v>
      </c>
      <c r="HCZ52" s="7">
        <f t="shared" si="377"/>
        <v>16629.407999999999</v>
      </c>
      <c r="HDA52" s="7">
        <f t="shared" si="377"/>
        <v>16629.407999999999</v>
      </c>
      <c r="HDB52" s="7">
        <f t="shared" ref="HDB52:HFM52" si="378">HDB47+HDA52</f>
        <v>16629.407999999999</v>
      </c>
      <c r="HDC52" s="7">
        <f t="shared" si="378"/>
        <v>16629.407999999999</v>
      </c>
      <c r="HDD52" s="7">
        <f t="shared" si="378"/>
        <v>16629.407999999999</v>
      </c>
      <c r="HDE52" s="7">
        <f t="shared" si="378"/>
        <v>16629.407999999999</v>
      </c>
      <c r="HDF52" s="7">
        <f t="shared" si="378"/>
        <v>16629.407999999999</v>
      </c>
      <c r="HDG52" s="7">
        <f t="shared" si="378"/>
        <v>16629.407999999999</v>
      </c>
      <c r="HDH52" s="7">
        <f t="shared" si="378"/>
        <v>16629.407999999999</v>
      </c>
      <c r="HDI52" s="7">
        <f t="shared" si="378"/>
        <v>16629.407999999999</v>
      </c>
      <c r="HDJ52" s="7">
        <f t="shared" si="378"/>
        <v>16629.407999999999</v>
      </c>
      <c r="HDK52" s="7">
        <f t="shared" si="378"/>
        <v>16629.407999999999</v>
      </c>
      <c r="HDL52" s="7">
        <f t="shared" si="378"/>
        <v>16629.407999999999</v>
      </c>
      <c r="HDM52" s="7">
        <f t="shared" si="378"/>
        <v>16629.407999999999</v>
      </c>
      <c r="HDN52" s="7">
        <f t="shared" si="378"/>
        <v>16629.407999999999</v>
      </c>
      <c r="HDO52" s="7">
        <f t="shared" si="378"/>
        <v>16629.407999999999</v>
      </c>
      <c r="HDP52" s="7">
        <f t="shared" si="378"/>
        <v>16629.407999999999</v>
      </c>
      <c r="HDQ52" s="7">
        <f t="shared" si="378"/>
        <v>16629.407999999999</v>
      </c>
      <c r="HDR52" s="7">
        <f t="shared" si="378"/>
        <v>16629.407999999999</v>
      </c>
      <c r="HDS52" s="7">
        <f t="shared" si="378"/>
        <v>16629.407999999999</v>
      </c>
      <c r="HDT52" s="7">
        <f t="shared" si="378"/>
        <v>16629.407999999999</v>
      </c>
      <c r="HDU52" s="7">
        <f t="shared" si="378"/>
        <v>16629.407999999999</v>
      </c>
      <c r="HDV52" s="7">
        <f t="shared" si="378"/>
        <v>16629.407999999999</v>
      </c>
      <c r="HDW52" s="7">
        <f t="shared" si="378"/>
        <v>16629.407999999999</v>
      </c>
      <c r="HDX52" s="7">
        <f t="shared" si="378"/>
        <v>16629.407999999999</v>
      </c>
      <c r="HDY52" s="7">
        <f t="shared" si="378"/>
        <v>16629.407999999999</v>
      </c>
      <c r="HDZ52" s="7">
        <f t="shared" si="378"/>
        <v>16629.407999999999</v>
      </c>
      <c r="HEA52" s="7">
        <f t="shared" si="378"/>
        <v>16629.407999999999</v>
      </c>
      <c r="HEB52" s="7">
        <f t="shared" si="378"/>
        <v>16629.407999999999</v>
      </c>
      <c r="HEC52" s="7">
        <f t="shared" si="378"/>
        <v>16629.407999999999</v>
      </c>
      <c r="HED52" s="7">
        <f t="shared" si="378"/>
        <v>16629.407999999999</v>
      </c>
      <c r="HEE52" s="7">
        <f t="shared" si="378"/>
        <v>16629.407999999999</v>
      </c>
      <c r="HEF52" s="7">
        <f t="shared" si="378"/>
        <v>16629.407999999999</v>
      </c>
      <c r="HEG52" s="7">
        <f t="shared" si="378"/>
        <v>16629.407999999999</v>
      </c>
      <c r="HEH52" s="7">
        <f t="shared" si="378"/>
        <v>16629.407999999999</v>
      </c>
      <c r="HEI52" s="7">
        <f t="shared" si="378"/>
        <v>16629.407999999999</v>
      </c>
      <c r="HEJ52" s="7">
        <f t="shared" si="378"/>
        <v>16629.407999999999</v>
      </c>
      <c r="HEK52" s="7">
        <f t="shared" si="378"/>
        <v>16629.407999999999</v>
      </c>
      <c r="HEL52" s="7">
        <f t="shared" si="378"/>
        <v>16629.407999999999</v>
      </c>
      <c r="HEM52" s="7">
        <f t="shared" si="378"/>
        <v>16629.407999999999</v>
      </c>
      <c r="HEN52" s="7">
        <f t="shared" si="378"/>
        <v>16629.407999999999</v>
      </c>
      <c r="HEO52" s="7">
        <f t="shared" si="378"/>
        <v>16629.407999999999</v>
      </c>
      <c r="HEP52" s="7">
        <f t="shared" si="378"/>
        <v>16629.407999999999</v>
      </c>
      <c r="HEQ52" s="7">
        <f t="shared" si="378"/>
        <v>16629.407999999999</v>
      </c>
      <c r="HER52" s="7">
        <f t="shared" si="378"/>
        <v>16629.407999999999</v>
      </c>
      <c r="HES52" s="7">
        <f t="shared" si="378"/>
        <v>16629.407999999999</v>
      </c>
      <c r="HET52" s="7">
        <f t="shared" si="378"/>
        <v>16629.407999999999</v>
      </c>
      <c r="HEU52" s="7">
        <f t="shared" si="378"/>
        <v>16629.407999999999</v>
      </c>
      <c r="HEV52" s="7">
        <f t="shared" si="378"/>
        <v>16629.407999999999</v>
      </c>
      <c r="HEW52" s="7">
        <f t="shared" si="378"/>
        <v>16629.407999999999</v>
      </c>
      <c r="HEX52" s="7">
        <f t="shared" si="378"/>
        <v>16629.407999999999</v>
      </c>
      <c r="HEY52" s="7">
        <f t="shared" si="378"/>
        <v>16629.407999999999</v>
      </c>
      <c r="HEZ52" s="7">
        <f t="shared" si="378"/>
        <v>16629.407999999999</v>
      </c>
      <c r="HFA52" s="7">
        <f t="shared" si="378"/>
        <v>16629.407999999999</v>
      </c>
      <c r="HFB52" s="7">
        <f t="shared" si="378"/>
        <v>16629.407999999999</v>
      </c>
      <c r="HFC52" s="7">
        <f t="shared" si="378"/>
        <v>16629.407999999999</v>
      </c>
      <c r="HFD52" s="7">
        <f t="shared" si="378"/>
        <v>16629.407999999999</v>
      </c>
      <c r="HFE52" s="7">
        <f t="shared" si="378"/>
        <v>16629.407999999999</v>
      </c>
      <c r="HFF52" s="7">
        <f t="shared" si="378"/>
        <v>16629.407999999999</v>
      </c>
      <c r="HFG52" s="7">
        <f t="shared" si="378"/>
        <v>16629.407999999999</v>
      </c>
      <c r="HFH52" s="7">
        <f t="shared" si="378"/>
        <v>16629.407999999999</v>
      </c>
      <c r="HFI52" s="7">
        <f t="shared" si="378"/>
        <v>16629.407999999999</v>
      </c>
      <c r="HFJ52" s="7">
        <f t="shared" si="378"/>
        <v>16629.407999999999</v>
      </c>
      <c r="HFK52" s="7">
        <f t="shared" si="378"/>
        <v>16629.407999999999</v>
      </c>
      <c r="HFL52" s="7">
        <f t="shared" si="378"/>
        <v>16629.407999999999</v>
      </c>
      <c r="HFM52" s="7">
        <f t="shared" si="378"/>
        <v>16629.407999999999</v>
      </c>
      <c r="HFN52" s="7">
        <f t="shared" ref="HFN52:HHY52" si="379">HFN47+HFM52</f>
        <v>16629.407999999999</v>
      </c>
      <c r="HFO52" s="7">
        <f t="shared" si="379"/>
        <v>16629.407999999999</v>
      </c>
      <c r="HFP52" s="7">
        <f t="shared" si="379"/>
        <v>16629.407999999999</v>
      </c>
      <c r="HFQ52" s="7">
        <f t="shared" si="379"/>
        <v>16629.407999999999</v>
      </c>
      <c r="HFR52" s="7">
        <f t="shared" si="379"/>
        <v>16629.407999999999</v>
      </c>
      <c r="HFS52" s="7">
        <f t="shared" si="379"/>
        <v>16629.407999999999</v>
      </c>
      <c r="HFT52" s="7">
        <f t="shared" si="379"/>
        <v>16629.407999999999</v>
      </c>
      <c r="HFU52" s="7">
        <f t="shared" si="379"/>
        <v>16629.407999999999</v>
      </c>
      <c r="HFV52" s="7">
        <f t="shared" si="379"/>
        <v>16629.407999999999</v>
      </c>
      <c r="HFW52" s="7">
        <f t="shared" si="379"/>
        <v>16629.407999999999</v>
      </c>
      <c r="HFX52" s="7">
        <f t="shared" si="379"/>
        <v>16629.407999999999</v>
      </c>
      <c r="HFY52" s="7">
        <f t="shared" si="379"/>
        <v>16629.407999999999</v>
      </c>
      <c r="HFZ52" s="7">
        <f t="shared" si="379"/>
        <v>16629.407999999999</v>
      </c>
      <c r="HGA52" s="7">
        <f t="shared" si="379"/>
        <v>16629.407999999999</v>
      </c>
      <c r="HGB52" s="7">
        <f t="shared" si="379"/>
        <v>16629.407999999999</v>
      </c>
      <c r="HGC52" s="7">
        <f t="shared" si="379"/>
        <v>16629.407999999999</v>
      </c>
      <c r="HGD52" s="7">
        <f t="shared" si="379"/>
        <v>16629.407999999999</v>
      </c>
      <c r="HGE52" s="7">
        <f t="shared" si="379"/>
        <v>16629.407999999999</v>
      </c>
      <c r="HGF52" s="7">
        <f t="shared" si="379"/>
        <v>16629.407999999999</v>
      </c>
      <c r="HGG52" s="7">
        <f t="shared" si="379"/>
        <v>16629.407999999999</v>
      </c>
      <c r="HGH52" s="7">
        <f t="shared" si="379"/>
        <v>16629.407999999999</v>
      </c>
      <c r="HGI52" s="7">
        <f t="shared" si="379"/>
        <v>16629.407999999999</v>
      </c>
      <c r="HGJ52" s="7">
        <f t="shared" si="379"/>
        <v>16629.407999999999</v>
      </c>
      <c r="HGK52" s="7">
        <f t="shared" si="379"/>
        <v>16629.407999999999</v>
      </c>
      <c r="HGL52" s="7">
        <f t="shared" si="379"/>
        <v>16629.407999999999</v>
      </c>
      <c r="HGM52" s="7">
        <f t="shared" si="379"/>
        <v>16629.407999999999</v>
      </c>
      <c r="HGN52" s="7">
        <f t="shared" si="379"/>
        <v>16629.407999999999</v>
      </c>
      <c r="HGO52" s="7">
        <f t="shared" si="379"/>
        <v>16629.407999999999</v>
      </c>
      <c r="HGP52" s="7">
        <f t="shared" si="379"/>
        <v>16629.407999999999</v>
      </c>
      <c r="HGQ52" s="7">
        <f t="shared" si="379"/>
        <v>16629.407999999999</v>
      </c>
      <c r="HGR52" s="7">
        <f t="shared" si="379"/>
        <v>16629.407999999999</v>
      </c>
      <c r="HGS52" s="7">
        <f t="shared" si="379"/>
        <v>16629.407999999999</v>
      </c>
      <c r="HGT52" s="7">
        <f t="shared" si="379"/>
        <v>16629.407999999999</v>
      </c>
      <c r="HGU52" s="7">
        <f t="shared" si="379"/>
        <v>16629.407999999999</v>
      </c>
      <c r="HGV52" s="7">
        <f t="shared" si="379"/>
        <v>16629.407999999999</v>
      </c>
      <c r="HGW52" s="7">
        <f t="shared" si="379"/>
        <v>16629.407999999999</v>
      </c>
      <c r="HGX52" s="7">
        <f t="shared" si="379"/>
        <v>16629.407999999999</v>
      </c>
      <c r="HGY52" s="7">
        <f t="shared" si="379"/>
        <v>16629.407999999999</v>
      </c>
      <c r="HGZ52" s="7">
        <f t="shared" si="379"/>
        <v>16629.407999999999</v>
      </c>
      <c r="HHA52" s="7">
        <f t="shared" si="379"/>
        <v>16629.407999999999</v>
      </c>
      <c r="HHB52" s="7">
        <f t="shared" si="379"/>
        <v>16629.407999999999</v>
      </c>
      <c r="HHC52" s="7">
        <f t="shared" si="379"/>
        <v>16629.407999999999</v>
      </c>
      <c r="HHD52" s="7">
        <f t="shared" si="379"/>
        <v>16629.407999999999</v>
      </c>
      <c r="HHE52" s="7">
        <f t="shared" si="379"/>
        <v>16629.407999999999</v>
      </c>
      <c r="HHF52" s="7">
        <f t="shared" si="379"/>
        <v>16629.407999999999</v>
      </c>
      <c r="HHG52" s="7">
        <f t="shared" si="379"/>
        <v>16629.407999999999</v>
      </c>
      <c r="HHH52" s="7">
        <f t="shared" si="379"/>
        <v>16629.407999999999</v>
      </c>
      <c r="HHI52" s="7">
        <f t="shared" si="379"/>
        <v>16629.407999999999</v>
      </c>
      <c r="HHJ52" s="7">
        <f t="shared" si="379"/>
        <v>16629.407999999999</v>
      </c>
      <c r="HHK52" s="7">
        <f t="shared" si="379"/>
        <v>16629.407999999999</v>
      </c>
      <c r="HHL52" s="7">
        <f t="shared" si="379"/>
        <v>16629.407999999999</v>
      </c>
      <c r="HHM52" s="7">
        <f t="shared" si="379"/>
        <v>16629.407999999999</v>
      </c>
      <c r="HHN52" s="7">
        <f t="shared" si="379"/>
        <v>16629.407999999999</v>
      </c>
      <c r="HHO52" s="7">
        <f t="shared" si="379"/>
        <v>16629.407999999999</v>
      </c>
      <c r="HHP52" s="7">
        <f t="shared" si="379"/>
        <v>16629.407999999999</v>
      </c>
      <c r="HHQ52" s="7">
        <f t="shared" si="379"/>
        <v>16629.407999999999</v>
      </c>
      <c r="HHR52" s="7">
        <f t="shared" si="379"/>
        <v>16629.407999999999</v>
      </c>
      <c r="HHS52" s="7">
        <f t="shared" si="379"/>
        <v>16629.407999999999</v>
      </c>
      <c r="HHT52" s="7">
        <f t="shared" si="379"/>
        <v>16629.407999999999</v>
      </c>
      <c r="HHU52" s="7">
        <f t="shared" si="379"/>
        <v>16629.407999999999</v>
      </c>
      <c r="HHV52" s="7">
        <f t="shared" si="379"/>
        <v>16629.407999999999</v>
      </c>
      <c r="HHW52" s="7">
        <f t="shared" si="379"/>
        <v>16629.407999999999</v>
      </c>
      <c r="HHX52" s="7">
        <f t="shared" si="379"/>
        <v>16629.407999999999</v>
      </c>
      <c r="HHY52" s="7">
        <f t="shared" si="379"/>
        <v>16629.407999999999</v>
      </c>
      <c r="HHZ52" s="7">
        <f t="shared" ref="HHZ52:HKK52" si="380">HHZ47+HHY52</f>
        <v>16629.407999999999</v>
      </c>
      <c r="HIA52" s="7">
        <f t="shared" si="380"/>
        <v>16629.407999999999</v>
      </c>
      <c r="HIB52" s="7">
        <f t="shared" si="380"/>
        <v>16629.407999999999</v>
      </c>
      <c r="HIC52" s="7">
        <f t="shared" si="380"/>
        <v>16629.407999999999</v>
      </c>
      <c r="HID52" s="7">
        <f t="shared" si="380"/>
        <v>16629.407999999999</v>
      </c>
      <c r="HIE52" s="7">
        <f t="shared" si="380"/>
        <v>16629.407999999999</v>
      </c>
      <c r="HIF52" s="7">
        <f t="shared" si="380"/>
        <v>16629.407999999999</v>
      </c>
      <c r="HIG52" s="7">
        <f t="shared" si="380"/>
        <v>16629.407999999999</v>
      </c>
      <c r="HIH52" s="7">
        <f t="shared" si="380"/>
        <v>16629.407999999999</v>
      </c>
      <c r="HII52" s="7">
        <f t="shared" si="380"/>
        <v>16629.407999999999</v>
      </c>
      <c r="HIJ52" s="7">
        <f t="shared" si="380"/>
        <v>16629.407999999999</v>
      </c>
      <c r="HIK52" s="7">
        <f t="shared" si="380"/>
        <v>16629.407999999999</v>
      </c>
      <c r="HIL52" s="7">
        <f t="shared" si="380"/>
        <v>16629.407999999999</v>
      </c>
      <c r="HIM52" s="7">
        <f t="shared" si="380"/>
        <v>16629.407999999999</v>
      </c>
      <c r="HIN52" s="7">
        <f t="shared" si="380"/>
        <v>16629.407999999999</v>
      </c>
      <c r="HIO52" s="7">
        <f t="shared" si="380"/>
        <v>16629.407999999999</v>
      </c>
      <c r="HIP52" s="7">
        <f t="shared" si="380"/>
        <v>16629.407999999999</v>
      </c>
      <c r="HIQ52" s="7">
        <f t="shared" si="380"/>
        <v>16629.407999999999</v>
      </c>
      <c r="HIR52" s="7">
        <f t="shared" si="380"/>
        <v>16629.407999999999</v>
      </c>
      <c r="HIS52" s="7">
        <f t="shared" si="380"/>
        <v>16629.407999999999</v>
      </c>
      <c r="HIT52" s="7">
        <f t="shared" si="380"/>
        <v>16629.407999999999</v>
      </c>
      <c r="HIU52" s="7">
        <f t="shared" si="380"/>
        <v>16629.407999999999</v>
      </c>
      <c r="HIV52" s="7">
        <f t="shared" si="380"/>
        <v>16629.407999999999</v>
      </c>
      <c r="HIW52" s="7">
        <f t="shared" si="380"/>
        <v>16629.407999999999</v>
      </c>
      <c r="HIX52" s="7">
        <f t="shared" si="380"/>
        <v>16629.407999999999</v>
      </c>
      <c r="HIY52" s="7">
        <f t="shared" si="380"/>
        <v>16629.407999999999</v>
      </c>
      <c r="HIZ52" s="7">
        <f t="shared" si="380"/>
        <v>16629.407999999999</v>
      </c>
      <c r="HJA52" s="7">
        <f t="shared" si="380"/>
        <v>16629.407999999999</v>
      </c>
      <c r="HJB52" s="7">
        <f t="shared" si="380"/>
        <v>16629.407999999999</v>
      </c>
      <c r="HJC52" s="7">
        <f t="shared" si="380"/>
        <v>16629.407999999999</v>
      </c>
      <c r="HJD52" s="7">
        <f t="shared" si="380"/>
        <v>16629.407999999999</v>
      </c>
      <c r="HJE52" s="7">
        <f t="shared" si="380"/>
        <v>16629.407999999999</v>
      </c>
      <c r="HJF52" s="7">
        <f t="shared" si="380"/>
        <v>16629.407999999999</v>
      </c>
      <c r="HJG52" s="7">
        <f t="shared" si="380"/>
        <v>16629.407999999999</v>
      </c>
      <c r="HJH52" s="7">
        <f t="shared" si="380"/>
        <v>16629.407999999999</v>
      </c>
      <c r="HJI52" s="7">
        <f t="shared" si="380"/>
        <v>16629.407999999999</v>
      </c>
      <c r="HJJ52" s="7">
        <f t="shared" si="380"/>
        <v>16629.407999999999</v>
      </c>
      <c r="HJK52" s="7">
        <f t="shared" si="380"/>
        <v>16629.407999999999</v>
      </c>
      <c r="HJL52" s="7">
        <f t="shared" si="380"/>
        <v>16629.407999999999</v>
      </c>
      <c r="HJM52" s="7">
        <f t="shared" si="380"/>
        <v>16629.407999999999</v>
      </c>
      <c r="HJN52" s="7">
        <f t="shared" si="380"/>
        <v>16629.407999999999</v>
      </c>
      <c r="HJO52" s="7">
        <f t="shared" si="380"/>
        <v>16629.407999999999</v>
      </c>
      <c r="HJP52" s="7">
        <f t="shared" si="380"/>
        <v>16629.407999999999</v>
      </c>
      <c r="HJQ52" s="7">
        <f t="shared" si="380"/>
        <v>16629.407999999999</v>
      </c>
      <c r="HJR52" s="7">
        <f t="shared" si="380"/>
        <v>16629.407999999999</v>
      </c>
      <c r="HJS52" s="7">
        <f t="shared" si="380"/>
        <v>16629.407999999999</v>
      </c>
      <c r="HJT52" s="7">
        <f t="shared" si="380"/>
        <v>16629.407999999999</v>
      </c>
      <c r="HJU52" s="7">
        <f t="shared" si="380"/>
        <v>16629.407999999999</v>
      </c>
      <c r="HJV52" s="7">
        <f t="shared" si="380"/>
        <v>16629.407999999999</v>
      </c>
      <c r="HJW52" s="7">
        <f t="shared" si="380"/>
        <v>16629.407999999999</v>
      </c>
      <c r="HJX52" s="7">
        <f t="shared" si="380"/>
        <v>16629.407999999999</v>
      </c>
      <c r="HJY52" s="7">
        <f t="shared" si="380"/>
        <v>16629.407999999999</v>
      </c>
      <c r="HJZ52" s="7">
        <f t="shared" si="380"/>
        <v>16629.407999999999</v>
      </c>
      <c r="HKA52" s="7">
        <f t="shared" si="380"/>
        <v>16629.407999999999</v>
      </c>
      <c r="HKB52" s="7">
        <f t="shared" si="380"/>
        <v>16629.407999999999</v>
      </c>
      <c r="HKC52" s="7">
        <f t="shared" si="380"/>
        <v>16629.407999999999</v>
      </c>
      <c r="HKD52" s="7">
        <f t="shared" si="380"/>
        <v>16629.407999999999</v>
      </c>
      <c r="HKE52" s="7">
        <f t="shared" si="380"/>
        <v>16629.407999999999</v>
      </c>
      <c r="HKF52" s="7">
        <f t="shared" si="380"/>
        <v>16629.407999999999</v>
      </c>
      <c r="HKG52" s="7">
        <f t="shared" si="380"/>
        <v>16629.407999999999</v>
      </c>
      <c r="HKH52" s="7">
        <f t="shared" si="380"/>
        <v>16629.407999999999</v>
      </c>
      <c r="HKI52" s="7">
        <f t="shared" si="380"/>
        <v>16629.407999999999</v>
      </c>
      <c r="HKJ52" s="7">
        <f t="shared" si="380"/>
        <v>16629.407999999999</v>
      </c>
      <c r="HKK52" s="7">
        <f t="shared" si="380"/>
        <v>16629.407999999999</v>
      </c>
      <c r="HKL52" s="7">
        <f t="shared" ref="HKL52:HMW52" si="381">HKL47+HKK52</f>
        <v>16629.407999999999</v>
      </c>
      <c r="HKM52" s="7">
        <f t="shared" si="381"/>
        <v>16629.407999999999</v>
      </c>
      <c r="HKN52" s="7">
        <f t="shared" si="381"/>
        <v>16629.407999999999</v>
      </c>
      <c r="HKO52" s="7">
        <f t="shared" si="381"/>
        <v>16629.407999999999</v>
      </c>
      <c r="HKP52" s="7">
        <f t="shared" si="381"/>
        <v>16629.407999999999</v>
      </c>
      <c r="HKQ52" s="7">
        <f t="shared" si="381"/>
        <v>16629.407999999999</v>
      </c>
      <c r="HKR52" s="7">
        <f t="shared" si="381"/>
        <v>16629.407999999999</v>
      </c>
      <c r="HKS52" s="7">
        <f t="shared" si="381"/>
        <v>16629.407999999999</v>
      </c>
      <c r="HKT52" s="7">
        <f t="shared" si="381"/>
        <v>16629.407999999999</v>
      </c>
      <c r="HKU52" s="7">
        <f t="shared" si="381"/>
        <v>16629.407999999999</v>
      </c>
      <c r="HKV52" s="7">
        <f t="shared" si="381"/>
        <v>16629.407999999999</v>
      </c>
      <c r="HKW52" s="7">
        <f t="shared" si="381"/>
        <v>16629.407999999999</v>
      </c>
      <c r="HKX52" s="7">
        <f t="shared" si="381"/>
        <v>16629.407999999999</v>
      </c>
      <c r="HKY52" s="7">
        <f t="shared" si="381"/>
        <v>16629.407999999999</v>
      </c>
      <c r="HKZ52" s="7">
        <f t="shared" si="381"/>
        <v>16629.407999999999</v>
      </c>
      <c r="HLA52" s="7">
        <f t="shared" si="381"/>
        <v>16629.407999999999</v>
      </c>
      <c r="HLB52" s="7">
        <f t="shared" si="381"/>
        <v>16629.407999999999</v>
      </c>
      <c r="HLC52" s="7">
        <f t="shared" si="381"/>
        <v>16629.407999999999</v>
      </c>
      <c r="HLD52" s="7">
        <f t="shared" si="381"/>
        <v>16629.407999999999</v>
      </c>
      <c r="HLE52" s="7">
        <f t="shared" si="381"/>
        <v>16629.407999999999</v>
      </c>
      <c r="HLF52" s="7">
        <f t="shared" si="381"/>
        <v>16629.407999999999</v>
      </c>
      <c r="HLG52" s="7">
        <f t="shared" si="381"/>
        <v>16629.407999999999</v>
      </c>
      <c r="HLH52" s="7">
        <f t="shared" si="381"/>
        <v>16629.407999999999</v>
      </c>
      <c r="HLI52" s="7">
        <f t="shared" si="381"/>
        <v>16629.407999999999</v>
      </c>
      <c r="HLJ52" s="7">
        <f t="shared" si="381"/>
        <v>16629.407999999999</v>
      </c>
      <c r="HLK52" s="7">
        <f t="shared" si="381"/>
        <v>16629.407999999999</v>
      </c>
      <c r="HLL52" s="7">
        <f t="shared" si="381"/>
        <v>16629.407999999999</v>
      </c>
      <c r="HLM52" s="7">
        <f t="shared" si="381"/>
        <v>16629.407999999999</v>
      </c>
      <c r="HLN52" s="7">
        <f t="shared" si="381"/>
        <v>16629.407999999999</v>
      </c>
      <c r="HLO52" s="7">
        <f t="shared" si="381"/>
        <v>16629.407999999999</v>
      </c>
      <c r="HLP52" s="7">
        <f t="shared" si="381"/>
        <v>16629.407999999999</v>
      </c>
      <c r="HLQ52" s="7">
        <f t="shared" si="381"/>
        <v>16629.407999999999</v>
      </c>
      <c r="HLR52" s="7">
        <f t="shared" si="381"/>
        <v>16629.407999999999</v>
      </c>
      <c r="HLS52" s="7">
        <f t="shared" si="381"/>
        <v>16629.407999999999</v>
      </c>
      <c r="HLT52" s="7">
        <f t="shared" si="381"/>
        <v>16629.407999999999</v>
      </c>
      <c r="HLU52" s="7">
        <f t="shared" si="381"/>
        <v>16629.407999999999</v>
      </c>
      <c r="HLV52" s="7">
        <f t="shared" si="381"/>
        <v>16629.407999999999</v>
      </c>
      <c r="HLW52" s="7">
        <f t="shared" si="381"/>
        <v>16629.407999999999</v>
      </c>
      <c r="HLX52" s="7">
        <f t="shared" si="381"/>
        <v>16629.407999999999</v>
      </c>
      <c r="HLY52" s="7">
        <f t="shared" si="381"/>
        <v>16629.407999999999</v>
      </c>
      <c r="HLZ52" s="7">
        <f t="shared" si="381"/>
        <v>16629.407999999999</v>
      </c>
      <c r="HMA52" s="7">
        <f t="shared" si="381"/>
        <v>16629.407999999999</v>
      </c>
      <c r="HMB52" s="7">
        <f t="shared" si="381"/>
        <v>16629.407999999999</v>
      </c>
      <c r="HMC52" s="7">
        <f t="shared" si="381"/>
        <v>16629.407999999999</v>
      </c>
      <c r="HMD52" s="7">
        <f t="shared" si="381"/>
        <v>16629.407999999999</v>
      </c>
      <c r="HME52" s="7">
        <f t="shared" si="381"/>
        <v>16629.407999999999</v>
      </c>
      <c r="HMF52" s="7">
        <f t="shared" si="381"/>
        <v>16629.407999999999</v>
      </c>
      <c r="HMG52" s="7">
        <f t="shared" si="381"/>
        <v>16629.407999999999</v>
      </c>
      <c r="HMH52" s="7">
        <f t="shared" si="381"/>
        <v>16629.407999999999</v>
      </c>
      <c r="HMI52" s="7">
        <f t="shared" si="381"/>
        <v>16629.407999999999</v>
      </c>
      <c r="HMJ52" s="7">
        <f t="shared" si="381"/>
        <v>16629.407999999999</v>
      </c>
      <c r="HMK52" s="7">
        <f t="shared" si="381"/>
        <v>16629.407999999999</v>
      </c>
      <c r="HML52" s="7">
        <f t="shared" si="381"/>
        <v>16629.407999999999</v>
      </c>
      <c r="HMM52" s="7">
        <f t="shared" si="381"/>
        <v>16629.407999999999</v>
      </c>
      <c r="HMN52" s="7">
        <f t="shared" si="381"/>
        <v>16629.407999999999</v>
      </c>
      <c r="HMO52" s="7">
        <f t="shared" si="381"/>
        <v>16629.407999999999</v>
      </c>
      <c r="HMP52" s="7">
        <f t="shared" si="381"/>
        <v>16629.407999999999</v>
      </c>
      <c r="HMQ52" s="7">
        <f t="shared" si="381"/>
        <v>16629.407999999999</v>
      </c>
      <c r="HMR52" s="7">
        <f t="shared" si="381"/>
        <v>16629.407999999999</v>
      </c>
      <c r="HMS52" s="7">
        <f t="shared" si="381"/>
        <v>16629.407999999999</v>
      </c>
      <c r="HMT52" s="7">
        <f t="shared" si="381"/>
        <v>16629.407999999999</v>
      </c>
      <c r="HMU52" s="7">
        <f t="shared" si="381"/>
        <v>16629.407999999999</v>
      </c>
      <c r="HMV52" s="7">
        <f t="shared" si="381"/>
        <v>16629.407999999999</v>
      </c>
      <c r="HMW52" s="7">
        <f t="shared" si="381"/>
        <v>16629.407999999999</v>
      </c>
      <c r="HMX52" s="7">
        <f t="shared" ref="HMX52:HPI52" si="382">HMX47+HMW52</f>
        <v>16629.407999999999</v>
      </c>
      <c r="HMY52" s="7">
        <f t="shared" si="382"/>
        <v>16629.407999999999</v>
      </c>
      <c r="HMZ52" s="7">
        <f t="shared" si="382"/>
        <v>16629.407999999999</v>
      </c>
      <c r="HNA52" s="7">
        <f t="shared" si="382"/>
        <v>16629.407999999999</v>
      </c>
      <c r="HNB52" s="7">
        <f t="shared" si="382"/>
        <v>16629.407999999999</v>
      </c>
      <c r="HNC52" s="7">
        <f t="shared" si="382"/>
        <v>16629.407999999999</v>
      </c>
      <c r="HND52" s="7">
        <f t="shared" si="382"/>
        <v>16629.407999999999</v>
      </c>
      <c r="HNE52" s="7">
        <f t="shared" si="382"/>
        <v>16629.407999999999</v>
      </c>
      <c r="HNF52" s="7">
        <f t="shared" si="382"/>
        <v>16629.407999999999</v>
      </c>
      <c r="HNG52" s="7">
        <f t="shared" si="382"/>
        <v>16629.407999999999</v>
      </c>
      <c r="HNH52" s="7">
        <f t="shared" si="382"/>
        <v>16629.407999999999</v>
      </c>
      <c r="HNI52" s="7">
        <f t="shared" si="382"/>
        <v>16629.407999999999</v>
      </c>
      <c r="HNJ52" s="7">
        <f t="shared" si="382"/>
        <v>16629.407999999999</v>
      </c>
      <c r="HNK52" s="7">
        <f t="shared" si="382"/>
        <v>16629.407999999999</v>
      </c>
      <c r="HNL52" s="7">
        <f t="shared" si="382"/>
        <v>16629.407999999999</v>
      </c>
      <c r="HNM52" s="7">
        <f t="shared" si="382"/>
        <v>16629.407999999999</v>
      </c>
      <c r="HNN52" s="7">
        <f t="shared" si="382"/>
        <v>16629.407999999999</v>
      </c>
      <c r="HNO52" s="7">
        <f t="shared" si="382"/>
        <v>16629.407999999999</v>
      </c>
      <c r="HNP52" s="7">
        <f t="shared" si="382"/>
        <v>16629.407999999999</v>
      </c>
      <c r="HNQ52" s="7">
        <f t="shared" si="382"/>
        <v>16629.407999999999</v>
      </c>
      <c r="HNR52" s="7">
        <f t="shared" si="382"/>
        <v>16629.407999999999</v>
      </c>
      <c r="HNS52" s="7">
        <f t="shared" si="382"/>
        <v>16629.407999999999</v>
      </c>
      <c r="HNT52" s="7">
        <f t="shared" si="382"/>
        <v>16629.407999999999</v>
      </c>
      <c r="HNU52" s="7">
        <f t="shared" si="382"/>
        <v>16629.407999999999</v>
      </c>
      <c r="HNV52" s="7">
        <f t="shared" si="382"/>
        <v>16629.407999999999</v>
      </c>
      <c r="HNW52" s="7">
        <f t="shared" si="382"/>
        <v>16629.407999999999</v>
      </c>
      <c r="HNX52" s="7">
        <f t="shared" si="382"/>
        <v>16629.407999999999</v>
      </c>
      <c r="HNY52" s="7">
        <f t="shared" si="382"/>
        <v>16629.407999999999</v>
      </c>
      <c r="HNZ52" s="7">
        <f t="shared" si="382"/>
        <v>16629.407999999999</v>
      </c>
      <c r="HOA52" s="7">
        <f t="shared" si="382"/>
        <v>16629.407999999999</v>
      </c>
      <c r="HOB52" s="7">
        <f t="shared" si="382"/>
        <v>16629.407999999999</v>
      </c>
      <c r="HOC52" s="7">
        <f t="shared" si="382"/>
        <v>16629.407999999999</v>
      </c>
      <c r="HOD52" s="7">
        <f t="shared" si="382"/>
        <v>16629.407999999999</v>
      </c>
      <c r="HOE52" s="7">
        <f t="shared" si="382"/>
        <v>16629.407999999999</v>
      </c>
      <c r="HOF52" s="7">
        <f t="shared" si="382"/>
        <v>16629.407999999999</v>
      </c>
      <c r="HOG52" s="7">
        <f t="shared" si="382"/>
        <v>16629.407999999999</v>
      </c>
      <c r="HOH52" s="7">
        <f t="shared" si="382"/>
        <v>16629.407999999999</v>
      </c>
      <c r="HOI52" s="7">
        <f t="shared" si="382"/>
        <v>16629.407999999999</v>
      </c>
      <c r="HOJ52" s="7">
        <f t="shared" si="382"/>
        <v>16629.407999999999</v>
      </c>
      <c r="HOK52" s="7">
        <f t="shared" si="382"/>
        <v>16629.407999999999</v>
      </c>
      <c r="HOL52" s="7">
        <f t="shared" si="382"/>
        <v>16629.407999999999</v>
      </c>
      <c r="HOM52" s="7">
        <f t="shared" si="382"/>
        <v>16629.407999999999</v>
      </c>
      <c r="HON52" s="7">
        <f t="shared" si="382"/>
        <v>16629.407999999999</v>
      </c>
      <c r="HOO52" s="7">
        <f t="shared" si="382"/>
        <v>16629.407999999999</v>
      </c>
      <c r="HOP52" s="7">
        <f t="shared" si="382"/>
        <v>16629.407999999999</v>
      </c>
      <c r="HOQ52" s="7">
        <f t="shared" si="382"/>
        <v>16629.407999999999</v>
      </c>
      <c r="HOR52" s="7">
        <f t="shared" si="382"/>
        <v>16629.407999999999</v>
      </c>
      <c r="HOS52" s="7">
        <f t="shared" si="382"/>
        <v>16629.407999999999</v>
      </c>
      <c r="HOT52" s="7">
        <f t="shared" si="382"/>
        <v>16629.407999999999</v>
      </c>
      <c r="HOU52" s="7">
        <f t="shared" si="382"/>
        <v>16629.407999999999</v>
      </c>
      <c r="HOV52" s="7">
        <f t="shared" si="382"/>
        <v>16629.407999999999</v>
      </c>
      <c r="HOW52" s="7">
        <f t="shared" si="382"/>
        <v>16629.407999999999</v>
      </c>
      <c r="HOX52" s="7">
        <f t="shared" si="382"/>
        <v>16629.407999999999</v>
      </c>
      <c r="HOY52" s="7">
        <f t="shared" si="382"/>
        <v>16629.407999999999</v>
      </c>
      <c r="HOZ52" s="7">
        <f t="shared" si="382"/>
        <v>16629.407999999999</v>
      </c>
      <c r="HPA52" s="7">
        <f t="shared" si="382"/>
        <v>16629.407999999999</v>
      </c>
      <c r="HPB52" s="7">
        <f t="shared" si="382"/>
        <v>16629.407999999999</v>
      </c>
      <c r="HPC52" s="7">
        <f t="shared" si="382"/>
        <v>16629.407999999999</v>
      </c>
      <c r="HPD52" s="7">
        <f t="shared" si="382"/>
        <v>16629.407999999999</v>
      </c>
      <c r="HPE52" s="7">
        <f t="shared" si="382"/>
        <v>16629.407999999999</v>
      </c>
      <c r="HPF52" s="7">
        <f t="shared" si="382"/>
        <v>16629.407999999999</v>
      </c>
      <c r="HPG52" s="7">
        <f t="shared" si="382"/>
        <v>16629.407999999999</v>
      </c>
      <c r="HPH52" s="7">
        <f t="shared" si="382"/>
        <v>16629.407999999999</v>
      </c>
      <c r="HPI52" s="7">
        <f t="shared" si="382"/>
        <v>16629.407999999999</v>
      </c>
      <c r="HPJ52" s="7">
        <f t="shared" ref="HPJ52:HRU52" si="383">HPJ47+HPI52</f>
        <v>16629.407999999999</v>
      </c>
      <c r="HPK52" s="7">
        <f t="shared" si="383"/>
        <v>16629.407999999999</v>
      </c>
      <c r="HPL52" s="7">
        <f t="shared" si="383"/>
        <v>16629.407999999999</v>
      </c>
      <c r="HPM52" s="7">
        <f t="shared" si="383"/>
        <v>16629.407999999999</v>
      </c>
      <c r="HPN52" s="7">
        <f t="shared" si="383"/>
        <v>16629.407999999999</v>
      </c>
      <c r="HPO52" s="7">
        <f t="shared" si="383"/>
        <v>16629.407999999999</v>
      </c>
      <c r="HPP52" s="7">
        <f t="shared" si="383"/>
        <v>16629.407999999999</v>
      </c>
      <c r="HPQ52" s="7">
        <f t="shared" si="383"/>
        <v>16629.407999999999</v>
      </c>
      <c r="HPR52" s="7">
        <f t="shared" si="383"/>
        <v>16629.407999999999</v>
      </c>
      <c r="HPS52" s="7">
        <f t="shared" si="383"/>
        <v>16629.407999999999</v>
      </c>
      <c r="HPT52" s="7">
        <f t="shared" si="383"/>
        <v>16629.407999999999</v>
      </c>
      <c r="HPU52" s="7">
        <f t="shared" si="383"/>
        <v>16629.407999999999</v>
      </c>
      <c r="HPV52" s="7">
        <f t="shared" si="383"/>
        <v>16629.407999999999</v>
      </c>
      <c r="HPW52" s="7">
        <f t="shared" si="383"/>
        <v>16629.407999999999</v>
      </c>
      <c r="HPX52" s="7">
        <f t="shared" si="383"/>
        <v>16629.407999999999</v>
      </c>
      <c r="HPY52" s="7">
        <f t="shared" si="383"/>
        <v>16629.407999999999</v>
      </c>
      <c r="HPZ52" s="7">
        <f t="shared" si="383"/>
        <v>16629.407999999999</v>
      </c>
      <c r="HQA52" s="7">
        <f t="shared" si="383"/>
        <v>16629.407999999999</v>
      </c>
      <c r="HQB52" s="7">
        <f t="shared" si="383"/>
        <v>16629.407999999999</v>
      </c>
      <c r="HQC52" s="7">
        <f t="shared" si="383"/>
        <v>16629.407999999999</v>
      </c>
      <c r="HQD52" s="7">
        <f t="shared" si="383"/>
        <v>16629.407999999999</v>
      </c>
      <c r="HQE52" s="7">
        <f t="shared" si="383"/>
        <v>16629.407999999999</v>
      </c>
      <c r="HQF52" s="7">
        <f t="shared" si="383"/>
        <v>16629.407999999999</v>
      </c>
      <c r="HQG52" s="7">
        <f t="shared" si="383"/>
        <v>16629.407999999999</v>
      </c>
      <c r="HQH52" s="7">
        <f t="shared" si="383"/>
        <v>16629.407999999999</v>
      </c>
      <c r="HQI52" s="7">
        <f t="shared" si="383"/>
        <v>16629.407999999999</v>
      </c>
      <c r="HQJ52" s="7">
        <f t="shared" si="383"/>
        <v>16629.407999999999</v>
      </c>
      <c r="HQK52" s="7">
        <f t="shared" si="383"/>
        <v>16629.407999999999</v>
      </c>
      <c r="HQL52" s="7">
        <f t="shared" si="383"/>
        <v>16629.407999999999</v>
      </c>
      <c r="HQM52" s="7">
        <f t="shared" si="383"/>
        <v>16629.407999999999</v>
      </c>
      <c r="HQN52" s="7">
        <f t="shared" si="383"/>
        <v>16629.407999999999</v>
      </c>
      <c r="HQO52" s="7">
        <f t="shared" si="383"/>
        <v>16629.407999999999</v>
      </c>
      <c r="HQP52" s="7">
        <f t="shared" si="383"/>
        <v>16629.407999999999</v>
      </c>
      <c r="HQQ52" s="7">
        <f t="shared" si="383"/>
        <v>16629.407999999999</v>
      </c>
      <c r="HQR52" s="7">
        <f t="shared" si="383"/>
        <v>16629.407999999999</v>
      </c>
      <c r="HQS52" s="7">
        <f t="shared" si="383"/>
        <v>16629.407999999999</v>
      </c>
      <c r="HQT52" s="7">
        <f t="shared" si="383"/>
        <v>16629.407999999999</v>
      </c>
      <c r="HQU52" s="7">
        <f t="shared" si="383"/>
        <v>16629.407999999999</v>
      </c>
      <c r="HQV52" s="7">
        <f t="shared" si="383"/>
        <v>16629.407999999999</v>
      </c>
      <c r="HQW52" s="7">
        <f t="shared" si="383"/>
        <v>16629.407999999999</v>
      </c>
      <c r="HQX52" s="7">
        <f t="shared" si="383"/>
        <v>16629.407999999999</v>
      </c>
      <c r="HQY52" s="7">
        <f t="shared" si="383"/>
        <v>16629.407999999999</v>
      </c>
      <c r="HQZ52" s="7">
        <f t="shared" si="383"/>
        <v>16629.407999999999</v>
      </c>
      <c r="HRA52" s="7">
        <f t="shared" si="383"/>
        <v>16629.407999999999</v>
      </c>
      <c r="HRB52" s="7">
        <f t="shared" si="383"/>
        <v>16629.407999999999</v>
      </c>
      <c r="HRC52" s="7">
        <f t="shared" si="383"/>
        <v>16629.407999999999</v>
      </c>
      <c r="HRD52" s="7">
        <f t="shared" si="383"/>
        <v>16629.407999999999</v>
      </c>
      <c r="HRE52" s="7">
        <f t="shared" si="383"/>
        <v>16629.407999999999</v>
      </c>
      <c r="HRF52" s="7">
        <f t="shared" si="383"/>
        <v>16629.407999999999</v>
      </c>
      <c r="HRG52" s="7">
        <f t="shared" si="383"/>
        <v>16629.407999999999</v>
      </c>
      <c r="HRH52" s="7">
        <f t="shared" si="383"/>
        <v>16629.407999999999</v>
      </c>
      <c r="HRI52" s="7">
        <f t="shared" si="383"/>
        <v>16629.407999999999</v>
      </c>
      <c r="HRJ52" s="7">
        <f t="shared" si="383"/>
        <v>16629.407999999999</v>
      </c>
      <c r="HRK52" s="7">
        <f t="shared" si="383"/>
        <v>16629.407999999999</v>
      </c>
      <c r="HRL52" s="7">
        <f t="shared" si="383"/>
        <v>16629.407999999999</v>
      </c>
      <c r="HRM52" s="7">
        <f t="shared" si="383"/>
        <v>16629.407999999999</v>
      </c>
      <c r="HRN52" s="7">
        <f t="shared" si="383"/>
        <v>16629.407999999999</v>
      </c>
      <c r="HRO52" s="7">
        <f t="shared" si="383"/>
        <v>16629.407999999999</v>
      </c>
      <c r="HRP52" s="7">
        <f t="shared" si="383"/>
        <v>16629.407999999999</v>
      </c>
      <c r="HRQ52" s="7">
        <f t="shared" si="383"/>
        <v>16629.407999999999</v>
      </c>
      <c r="HRR52" s="7">
        <f t="shared" si="383"/>
        <v>16629.407999999999</v>
      </c>
      <c r="HRS52" s="7">
        <f t="shared" si="383"/>
        <v>16629.407999999999</v>
      </c>
      <c r="HRT52" s="7">
        <f t="shared" si="383"/>
        <v>16629.407999999999</v>
      </c>
      <c r="HRU52" s="7">
        <f t="shared" si="383"/>
        <v>16629.407999999999</v>
      </c>
      <c r="HRV52" s="7">
        <f t="shared" ref="HRV52:HUG52" si="384">HRV47+HRU52</f>
        <v>16629.407999999999</v>
      </c>
      <c r="HRW52" s="7">
        <f t="shared" si="384"/>
        <v>16629.407999999999</v>
      </c>
      <c r="HRX52" s="7">
        <f t="shared" si="384"/>
        <v>16629.407999999999</v>
      </c>
      <c r="HRY52" s="7">
        <f t="shared" si="384"/>
        <v>16629.407999999999</v>
      </c>
      <c r="HRZ52" s="7">
        <f t="shared" si="384"/>
        <v>16629.407999999999</v>
      </c>
      <c r="HSA52" s="7">
        <f t="shared" si="384"/>
        <v>16629.407999999999</v>
      </c>
      <c r="HSB52" s="7">
        <f t="shared" si="384"/>
        <v>16629.407999999999</v>
      </c>
      <c r="HSC52" s="7">
        <f t="shared" si="384"/>
        <v>16629.407999999999</v>
      </c>
      <c r="HSD52" s="7">
        <f t="shared" si="384"/>
        <v>16629.407999999999</v>
      </c>
      <c r="HSE52" s="7">
        <f t="shared" si="384"/>
        <v>16629.407999999999</v>
      </c>
      <c r="HSF52" s="7">
        <f t="shared" si="384"/>
        <v>16629.407999999999</v>
      </c>
      <c r="HSG52" s="7">
        <f t="shared" si="384"/>
        <v>16629.407999999999</v>
      </c>
      <c r="HSH52" s="7">
        <f t="shared" si="384"/>
        <v>16629.407999999999</v>
      </c>
      <c r="HSI52" s="7">
        <f t="shared" si="384"/>
        <v>16629.407999999999</v>
      </c>
      <c r="HSJ52" s="7">
        <f t="shared" si="384"/>
        <v>16629.407999999999</v>
      </c>
      <c r="HSK52" s="7">
        <f t="shared" si="384"/>
        <v>16629.407999999999</v>
      </c>
      <c r="HSL52" s="7">
        <f t="shared" si="384"/>
        <v>16629.407999999999</v>
      </c>
      <c r="HSM52" s="7">
        <f t="shared" si="384"/>
        <v>16629.407999999999</v>
      </c>
      <c r="HSN52" s="7">
        <f t="shared" si="384"/>
        <v>16629.407999999999</v>
      </c>
      <c r="HSO52" s="7">
        <f t="shared" si="384"/>
        <v>16629.407999999999</v>
      </c>
      <c r="HSP52" s="7">
        <f t="shared" si="384"/>
        <v>16629.407999999999</v>
      </c>
      <c r="HSQ52" s="7">
        <f t="shared" si="384"/>
        <v>16629.407999999999</v>
      </c>
      <c r="HSR52" s="7">
        <f t="shared" si="384"/>
        <v>16629.407999999999</v>
      </c>
      <c r="HSS52" s="7">
        <f t="shared" si="384"/>
        <v>16629.407999999999</v>
      </c>
      <c r="HST52" s="7">
        <f t="shared" si="384"/>
        <v>16629.407999999999</v>
      </c>
      <c r="HSU52" s="7">
        <f t="shared" si="384"/>
        <v>16629.407999999999</v>
      </c>
      <c r="HSV52" s="7">
        <f t="shared" si="384"/>
        <v>16629.407999999999</v>
      </c>
      <c r="HSW52" s="7">
        <f t="shared" si="384"/>
        <v>16629.407999999999</v>
      </c>
      <c r="HSX52" s="7">
        <f t="shared" si="384"/>
        <v>16629.407999999999</v>
      </c>
      <c r="HSY52" s="7">
        <f t="shared" si="384"/>
        <v>16629.407999999999</v>
      </c>
      <c r="HSZ52" s="7">
        <f t="shared" si="384"/>
        <v>16629.407999999999</v>
      </c>
      <c r="HTA52" s="7">
        <f t="shared" si="384"/>
        <v>16629.407999999999</v>
      </c>
      <c r="HTB52" s="7">
        <f t="shared" si="384"/>
        <v>16629.407999999999</v>
      </c>
      <c r="HTC52" s="7">
        <f t="shared" si="384"/>
        <v>16629.407999999999</v>
      </c>
      <c r="HTD52" s="7">
        <f t="shared" si="384"/>
        <v>16629.407999999999</v>
      </c>
      <c r="HTE52" s="7">
        <f t="shared" si="384"/>
        <v>16629.407999999999</v>
      </c>
      <c r="HTF52" s="7">
        <f t="shared" si="384"/>
        <v>16629.407999999999</v>
      </c>
      <c r="HTG52" s="7">
        <f t="shared" si="384"/>
        <v>16629.407999999999</v>
      </c>
      <c r="HTH52" s="7">
        <f t="shared" si="384"/>
        <v>16629.407999999999</v>
      </c>
      <c r="HTI52" s="7">
        <f t="shared" si="384"/>
        <v>16629.407999999999</v>
      </c>
      <c r="HTJ52" s="7">
        <f t="shared" si="384"/>
        <v>16629.407999999999</v>
      </c>
      <c r="HTK52" s="7">
        <f t="shared" si="384"/>
        <v>16629.407999999999</v>
      </c>
      <c r="HTL52" s="7">
        <f t="shared" si="384"/>
        <v>16629.407999999999</v>
      </c>
      <c r="HTM52" s="7">
        <f t="shared" si="384"/>
        <v>16629.407999999999</v>
      </c>
      <c r="HTN52" s="7">
        <f t="shared" si="384"/>
        <v>16629.407999999999</v>
      </c>
      <c r="HTO52" s="7">
        <f t="shared" si="384"/>
        <v>16629.407999999999</v>
      </c>
      <c r="HTP52" s="7">
        <f t="shared" si="384"/>
        <v>16629.407999999999</v>
      </c>
      <c r="HTQ52" s="7">
        <f t="shared" si="384"/>
        <v>16629.407999999999</v>
      </c>
      <c r="HTR52" s="7">
        <f t="shared" si="384"/>
        <v>16629.407999999999</v>
      </c>
      <c r="HTS52" s="7">
        <f t="shared" si="384"/>
        <v>16629.407999999999</v>
      </c>
      <c r="HTT52" s="7">
        <f t="shared" si="384"/>
        <v>16629.407999999999</v>
      </c>
      <c r="HTU52" s="7">
        <f t="shared" si="384"/>
        <v>16629.407999999999</v>
      </c>
      <c r="HTV52" s="7">
        <f t="shared" si="384"/>
        <v>16629.407999999999</v>
      </c>
      <c r="HTW52" s="7">
        <f t="shared" si="384"/>
        <v>16629.407999999999</v>
      </c>
      <c r="HTX52" s="7">
        <f t="shared" si="384"/>
        <v>16629.407999999999</v>
      </c>
      <c r="HTY52" s="7">
        <f t="shared" si="384"/>
        <v>16629.407999999999</v>
      </c>
      <c r="HTZ52" s="7">
        <f t="shared" si="384"/>
        <v>16629.407999999999</v>
      </c>
      <c r="HUA52" s="7">
        <f t="shared" si="384"/>
        <v>16629.407999999999</v>
      </c>
      <c r="HUB52" s="7">
        <f t="shared" si="384"/>
        <v>16629.407999999999</v>
      </c>
      <c r="HUC52" s="7">
        <f t="shared" si="384"/>
        <v>16629.407999999999</v>
      </c>
      <c r="HUD52" s="7">
        <f t="shared" si="384"/>
        <v>16629.407999999999</v>
      </c>
      <c r="HUE52" s="7">
        <f t="shared" si="384"/>
        <v>16629.407999999999</v>
      </c>
      <c r="HUF52" s="7">
        <f t="shared" si="384"/>
        <v>16629.407999999999</v>
      </c>
      <c r="HUG52" s="7">
        <f t="shared" si="384"/>
        <v>16629.407999999999</v>
      </c>
      <c r="HUH52" s="7">
        <f t="shared" ref="HUH52:HWS52" si="385">HUH47+HUG52</f>
        <v>16629.407999999999</v>
      </c>
      <c r="HUI52" s="7">
        <f t="shared" si="385"/>
        <v>16629.407999999999</v>
      </c>
      <c r="HUJ52" s="7">
        <f t="shared" si="385"/>
        <v>16629.407999999999</v>
      </c>
      <c r="HUK52" s="7">
        <f t="shared" si="385"/>
        <v>16629.407999999999</v>
      </c>
      <c r="HUL52" s="7">
        <f t="shared" si="385"/>
        <v>16629.407999999999</v>
      </c>
      <c r="HUM52" s="7">
        <f t="shared" si="385"/>
        <v>16629.407999999999</v>
      </c>
      <c r="HUN52" s="7">
        <f t="shared" si="385"/>
        <v>16629.407999999999</v>
      </c>
      <c r="HUO52" s="7">
        <f t="shared" si="385"/>
        <v>16629.407999999999</v>
      </c>
      <c r="HUP52" s="7">
        <f t="shared" si="385"/>
        <v>16629.407999999999</v>
      </c>
      <c r="HUQ52" s="7">
        <f t="shared" si="385"/>
        <v>16629.407999999999</v>
      </c>
      <c r="HUR52" s="7">
        <f t="shared" si="385"/>
        <v>16629.407999999999</v>
      </c>
      <c r="HUS52" s="7">
        <f t="shared" si="385"/>
        <v>16629.407999999999</v>
      </c>
      <c r="HUT52" s="7">
        <f t="shared" si="385"/>
        <v>16629.407999999999</v>
      </c>
      <c r="HUU52" s="7">
        <f t="shared" si="385"/>
        <v>16629.407999999999</v>
      </c>
      <c r="HUV52" s="7">
        <f t="shared" si="385"/>
        <v>16629.407999999999</v>
      </c>
      <c r="HUW52" s="7">
        <f t="shared" si="385"/>
        <v>16629.407999999999</v>
      </c>
      <c r="HUX52" s="7">
        <f t="shared" si="385"/>
        <v>16629.407999999999</v>
      </c>
      <c r="HUY52" s="7">
        <f t="shared" si="385"/>
        <v>16629.407999999999</v>
      </c>
      <c r="HUZ52" s="7">
        <f t="shared" si="385"/>
        <v>16629.407999999999</v>
      </c>
      <c r="HVA52" s="7">
        <f t="shared" si="385"/>
        <v>16629.407999999999</v>
      </c>
      <c r="HVB52" s="7">
        <f t="shared" si="385"/>
        <v>16629.407999999999</v>
      </c>
      <c r="HVC52" s="7">
        <f t="shared" si="385"/>
        <v>16629.407999999999</v>
      </c>
      <c r="HVD52" s="7">
        <f t="shared" si="385"/>
        <v>16629.407999999999</v>
      </c>
      <c r="HVE52" s="7">
        <f t="shared" si="385"/>
        <v>16629.407999999999</v>
      </c>
      <c r="HVF52" s="7">
        <f t="shared" si="385"/>
        <v>16629.407999999999</v>
      </c>
      <c r="HVG52" s="7">
        <f t="shared" si="385"/>
        <v>16629.407999999999</v>
      </c>
      <c r="HVH52" s="7">
        <f t="shared" si="385"/>
        <v>16629.407999999999</v>
      </c>
      <c r="HVI52" s="7">
        <f t="shared" si="385"/>
        <v>16629.407999999999</v>
      </c>
      <c r="HVJ52" s="7">
        <f t="shared" si="385"/>
        <v>16629.407999999999</v>
      </c>
      <c r="HVK52" s="7">
        <f t="shared" si="385"/>
        <v>16629.407999999999</v>
      </c>
      <c r="HVL52" s="7">
        <f t="shared" si="385"/>
        <v>16629.407999999999</v>
      </c>
      <c r="HVM52" s="7">
        <f t="shared" si="385"/>
        <v>16629.407999999999</v>
      </c>
      <c r="HVN52" s="7">
        <f t="shared" si="385"/>
        <v>16629.407999999999</v>
      </c>
      <c r="HVO52" s="7">
        <f t="shared" si="385"/>
        <v>16629.407999999999</v>
      </c>
      <c r="HVP52" s="7">
        <f t="shared" si="385"/>
        <v>16629.407999999999</v>
      </c>
      <c r="HVQ52" s="7">
        <f t="shared" si="385"/>
        <v>16629.407999999999</v>
      </c>
      <c r="HVR52" s="7">
        <f t="shared" si="385"/>
        <v>16629.407999999999</v>
      </c>
      <c r="HVS52" s="7">
        <f t="shared" si="385"/>
        <v>16629.407999999999</v>
      </c>
      <c r="HVT52" s="7">
        <f t="shared" si="385"/>
        <v>16629.407999999999</v>
      </c>
      <c r="HVU52" s="7">
        <f t="shared" si="385"/>
        <v>16629.407999999999</v>
      </c>
      <c r="HVV52" s="7">
        <f t="shared" si="385"/>
        <v>16629.407999999999</v>
      </c>
      <c r="HVW52" s="7">
        <f t="shared" si="385"/>
        <v>16629.407999999999</v>
      </c>
      <c r="HVX52" s="7">
        <f t="shared" si="385"/>
        <v>16629.407999999999</v>
      </c>
      <c r="HVY52" s="7">
        <f t="shared" si="385"/>
        <v>16629.407999999999</v>
      </c>
      <c r="HVZ52" s="7">
        <f t="shared" si="385"/>
        <v>16629.407999999999</v>
      </c>
      <c r="HWA52" s="7">
        <f t="shared" si="385"/>
        <v>16629.407999999999</v>
      </c>
      <c r="HWB52" s="7">
        <f t="shared" si="385"/>
        <v>16629.407999999999</v>
      </c>
      <c r="HWC52" s="7">
        <f t="shared" si="385"/>
        <v>16629.407999999999</v>
      </c>
      <c r="HWD52" s="7">
        <f t="shared" si="385"/>
        <v>16629.407999999999</v>
      </c>
      <c r="HWE52" s="7">
        <f t="shared" si="385"/>
        <v>16629.407999999999</v>
      </c>
      <c r="HWF52" s="7">
        <f t="shared" si="385"/>
        <v>16629.407999999999</v>
      </c>
      <c r="HWG52" s="7">
        <f t="shared" si="385"/>
        <v>16629.407999999999</v>
      </c>
      <c r="HWH52" s="7">
        <f t="shared" si="385"/>
        <v>16629.407999999999</v>
      </c>
      <c r="HWI52" s="7">
        <f t="shared" si="385"/>
        <v>16629.407999999999</v>
      </c>
      <c r="HWJ52" s="7">
        <f t="shared" si="385"/>
        <v>16629.407999999999</v>
      </c>
      <c r="HWK52" s="7">
        <f t="shared" si="385"/>
        <v>16629.407999999999</v>
      </c>
      <c r="HWL52" s="7">
        <f t="shared" si="385"/>
        <v>16629.407999999999</v>
      </c>
      <c r="HWM52" s="7">
        <f t="shared" si="385"/>
        <v>16629.407999999999</v>
      </c>
      <c r="HWN52" s="7">
        <f t="shared" si="385"/>
        <v>16629.407999999999</v>
      </c>
      <c r="HWO52" s="7">
        <f t="shared" si="385"/>
        <v>16629.407999999999</v>
      </c>
      <c r="HWP52" s="7">
        <f t="shared" si="385"/>
        <v>16629.407999999999</v>
      </c>
      <c r="HWQ52" s="7">
        <f t="shared" si="385"/>
        <v>16629.407999999999</v>
      </c>
      <c r="HWR52" s="7">
        <f t="shared" si="385"/>
        <v>16629.407999999999</v>
      </c>
      <c r="HWS52" s="7">
        <f t="shared" si="385"/>
        <v>16629.407999999999</v>
      </c>
      <c r="HWT52" s="7">
        <f t="shared" ref="HWT52:HZE52" si="386">HWT47+HWS52</f>
        <v>16629.407999999999</v>
      </c>
      <c r="HWU52" s="7">
        <f t="shared" si="386"/>
        <v>16629.407999999999</v>
      </c>
      <c r="HWV52" s="7">
        <f t="shared" si="386"/>
        <v>16629.407999999999</v>
      </c>
      <c r="HWW52" s="7">
        <f t="shared" si="386"/>
        <v>16629.407999999999</v>
      </c>
      <c r="HWX52" s="7">
        <f t="shared" si="386"/>
        <v>16629.407999999999</v>
      </c>
      <c r="HWY52" s="7">
        <f t="shared" si="386"/>
        <v>16629.407999999999</v>
      </c>
      <c r="HWZ52" s="7">
        <f t="shared" si="386"/>
        <v>16629.407999999999</v>
      </c>
      <c r="HXA52" s="7">
        <f t="shared" si="386"/>
        <v>16629.407999999999</v>
      </c>
      <c r="HXB52" s="7">
        <f t="shared" si="386"/>
        <v>16629.407999999999</v>
      </c>
      <c r="HXC52" s="7">
        <f t="shared" si="386"/>
        <v>16629.407999999999</v>
      </c>
      <c r="HXD52" s="7">
        <f t="shared" si="386"/>
        <v>16629.407999999999</v>
      </c>
      <c r="HXE52" s="7">
        <f t="shared" si="386"/>
        <v>16629.407999999999</v>
      </c>
      <c r="HXF52" s="7">
        <f t="shared" si="386"/>
        <v>16629.407999999999</v>
      </c>
      <c r="HXG52" s="7">
        <f t="shared" si="386"/>
        <v>16629.407999999999</v>
      </c>
      <c r="HXH52" s="7">
        <f t="shared" si="386"/>
        <v>16629.407999999999</v>
      </c>
      <c r="HXI52" s="7">
        <f t="shared" si="386"/>
        <v>16629.407999999999</v>
      </c>
      <c r="HXJ52" s="7">
        <f t="shared" si="386"/>
        <v>16629.407999999999</v>
      </c>
      <c r="HXK52" s="7">
        <f t="shared" si="386"/>
        <v>16629.407999999999</v>
      </c>
      <c r="HXL52" s="7">
        <f t="shared" si="386"/>
        <v>16629.407999999999</v>
      </c>
      <c r="HXM52" s="7">
        <f t="shared" si="386"/>
        <v>16629.407999999999</v>
      </c>
      <c r="HXN52" s="7">
        <f t="shared" si="386"/>
        <v>16629.407999999999</v>
      </c>
      <c r="HXO52" s="7">
        <f t="shared" si="386"/>
        <v>16629.407999999999</v>
      </c>
      <c r="HXP52" s="7">
        <f t="shared" si="386"/>
        <v>16629.407999999999</v>
      </c>
      <c r="HXQ52" s="7">
        <f t="shared" si="386"/>
        <v>16629.407999999999</v>
      </c>
      <c r="HXR52" s="7">
        <f t="shared" si="386"/>
        <v>16629.407999999999</v>
      </c>
      <c r="HXS52" s="7">
        <f t="shared" si="386"/>
        <v>16629.407999999999</v>
      </c>
      <c r="HXT52" s="7">
        <f t="shared" si="386"/>
        <v>16629.407999999999</v>
      </c>
      <c r="HXU52" s="7">
        <f t="shared" si="386"/>
        <v>16629.407999999999</v>
      </c>
      <c r="HXV52" s="7">
        <f t="shared" si="386"/>
        <v>16629.407999999999</v>
      </c>
      <c r="HXW52" s="7">
        <f t="shared" si="386"/>
        <v>16629.407999999999</v>
      </c>
      <c r="HXX52" s="7">
        <f t="shared" si="386"/>
        <v>16629.407999999999</v>
      </c>
      <c r="HXY52" s="7">
        <f t="shared" si="386"/>
        <v>16629.407999999999</v>
      </c>
      <c r="HXZ52" s="7">
        <f t="shared" si="386"/>
        <v>16629.407999999999</v>
      </c>
      <c r="HYA52" s="7">
        <f t="shared" si="386"/>
        <v>16629.407999999999</v>
      </c>
      <c r="HYB52" s="7">
        <f t="shared" si="386"/>
        <v>16629.407999999999</v>
      </c>
      <c r="HYC52" s="7">
        <f t="shared" si="386"/>
        <v>16629.407999999999</v>
      </c>
      <c r="HYD52" s="7">
        <f t="shared" si="386"/>
        <v>16629.407999999999</v>
      </c>
      <c r="HYE52" s="7">
        <f t="shared" si="386"/>
        <v>16629.407999999999</v>
      </c>
      <c r="HYF52" s="7">
        <f t="shared" si="386"/>
        <v>16629.407999999999</v>
      </c>
      <c r="HYG52" s="7">
        <f t="shared" si="386"/>
        <v>16629.407999999999</v>
      </c>
      <c r="HYH52" s="7">
        <f t="shared" si="386"/>
        <v>16629.407999999999</v>
      </c>
      <c r="HYI52" s="7">
        <f t="shared" si="386"/>
        <v>16629.407999999999</v>
      </c>
      <c r="HYJ52" s="7">
        <f t="shared" si="386"/>
        <v>16629.407999999999</v>
      </c>
      <c r="HYK52" s="7">
        <f t="shared" si="386"/>
        <v>16629.407999999999</v>
      </c>
      <c r="HYL52" s="7">
        <f t="shared" si="386"/>
        <v>16629.407999999999</v>
      </c>
      <c r="HYM52" s="7">
        <f t="shared" si="386"/>
        <v>16629.407999999999</v>
      </c>
      <c r="HYN52" s="7">
        <f t="shared" si="386"/>
        <v>16629.407999999999</v>
      </c>
      <c r="HYO52" s="7">
        <f t="shared" si="386"/>
        <v>16629.407999999999</v>
      </c>
      <c r="HYP52" s="7">
        <f t="shared" si="386"/>
        <v>16629.407999999999</v>
      </c>
      <c r="HYQ52" s="7">
        <f t="shared" si="386"/>
        <v>16629.407999999999</v>
      </c>
      <c r="HYR52" s="7">
        <f t="shared" si="386"/>
        <v>16629.407999999999</v>
      </c>
      <c r="HYS52" s="7">
        <f t="shared" si="386"/>
        <v>16629.407999999999</v>
      </c>
      <c r="HYT52" s="7">
        <f t="shared" si="386"/>
        <v>16629.407999999999</v>
      </c>
      <c r="HYU52" s="7">
        <f t="shared" si="386"/>
        <v>16629.407999999999</v>
      </c>
      <c r="HYV52" s="7">
        <f t="shared" si="386"/>
        <v>16629.407999999999</v>
      </c>
      <c r="HYW52" s="7">
        <f t="shared" si="386"/>
        <v>16629.407999999999</v>
      </c>
      <c r="HYX52" s="7">
        <f t="shared" si="386"/>
        <v>16629.407999999999</v>
      </c>
      <c r="HYY52" s="7">
        <f t="shared" si="386"/>
        <v>16629.407999999999</v>
      </c>
      <c r="HYZ52" s="7">
        <f t="shared" si="386"/>
        <v>16629.407999999999</v>
      </c>
      <c r="HZA52" s="7">
        <f t="shared" si="386"/>
        <v>16629.407999999999</v>
      </c>
      <c r="HZB52" s="7">
        <f t="shared" si="386"/>
        <v>16629.407999999999</v>
      </c>
      <c r="HZC52" s="7">
        <f t="shared" si="386"/>
        <v>16629.407999999999</v>
      </c>
      <c r="HZD52" s="7">
        <f t="shared" si="386"/>
        <v>16629.407999999999</v>
      </c>
      <c r="HZE52" s="7">
        <f t="shared" si="386"/>
        <v>16629.407999999999</v>
      </c>
      <c r="HZF52" s="7">
        <f t="shared" ref="HZF52:IBQ52" si="387">HZF47+HZE52</f>
        <v>16629.407999999999</v>
      </c>
      <c r="HZG52" s="7">
        <f t="shared" si="387"/>
        <v>16629.407999999999</v>
      </c>
      <c r="HZH52" s="7">
        <f t="shared" si="387"/>
        <v>16629.407999999999</v>
      </c>
      <c r="HZI52" s="7">
        <f t="shared" si="387"/>
        <v>16629.407999999999</v>
      </c>
      <c r="HZJ52" s="7">
        <f t="shared" si="387"/>
        <v>16629.407999999999</v>
      </c>
      <c r="HZK52" s="7">
        <f t="shared" si="387"/>
        <v>16629.407999999999</v>
      </c>
      <c r="HZL52" s="7">
        <f t="shared" si="387"/>
        <v>16629.407999999999</v>
      </c>
      <c r="HZM52" s="7">
        <f t="shared" si="387"/>
        <v>16629.407999999999</v>
      </c>
      <c r="HZN52" s="7">
        <f t="shared" si="387"/>
        <v>16629.407999999999</v>
      </c>
      <c r="HZO52" s="7">
        <f t="shared" si="387"/>
        <v>16629.407999999999</v>
      </c>
      <c r="HZP52" s="7">
        <f t="shared" si="387"/>
        <v>16629.407999999999</v>
      </c>
      <c r="HZQ52" s="7">
        <f t="shared" si="387"/>
        <v>16629.407999999999</v>
      </c>
      <c r="HZR52" s="7">
        <f t="shared" si="387"/>
        <v>16629.407999999999</v>
      </c>
      <c r="HZS52" s="7">
        <f t="shared" si="387"/>
        <v>16629.407999999999</v>
      </c>
      <c r="HZT52" s="7">
        <f t="shared" si="387"/>
        <v>16629.407999999999</v>
      </c>
      <c r="HZU52" s="7">
        <f t="shared" si="387"/>
        <v>16629.407999999999</v>
      </c>
      <c r="HZV52" s="7">
        <f t="shared" si="387"/>
        <v>16629.407999999999</v>
      </c>
      <c r="HZW52" s="7">
        <f t="shared" si="387"/>
        <v>16629.407999999999</v>
      </c>
      <c r="HZX52" s="7">
        <f t="shared" si="387"/>
        <v>16629.407999999999</v>
      </c>
      <c r="HZY52" s="7">
        <f t="shared" si="387"/>
        <v>16629.407999999999</v>
      </c>
      <c r="HZZ52" s="7">
        <f t="shared" si="387"/>
        <v>16629.407999999999</v>
      </c>
      <c r="IAA52" s="7">
        <f t="shared" si="387"/>
        <v>16629.407999999999</v>
      </c>
      <c r="IAB52" s="7">
        <f t="shared" si="387"/>
        <v>16629.407999999999</v>
      </c>
      <c r="IAC52" s="7">
        <f t="shared" si="387"/>
        <v>16629.407999999999</v>
      </c>
      <c r="IAD52" s="7">
        <f t="shared" si="387"/>
        <v>16629.407999999999</v>
      </c>
      <c r="IAE52" s="7">
        <f t="shared" si="387"/>
        <v>16629.407999999999</v>
      </c>
      <c r="IAF52" s="7">
        <f t="shared" si="387"/>
        <v>16629.407999999999</v>
      </c>
      <c r="IAG52" s="7">
        <f t="shared" si="387"/>
        <v>16629.407999999999</v>
      </c>
      <c r="IAH52" s="7">
        <f t="shared" si="387"/>
        <v>16629.407999999999</v>
      </c>
      <c r="IAI52" s="7">
        <f t="shared" si="387"/>
        <v>16629.407999999999</v>
      </c>
      <c r="IAJ52" s="7">
        <f t="shared" si="387"/>
        <v>16629.407999999999</v>
      </c>
      <c r="IAK52" s="7">
        <f t="shared" si="387"/>
        <v>16629.407999999999</v>
      </c>
      <c r="IAL52" s="7">
        <f t="shared" si="387"/>
        <v>16629.407999999999</v>
      </c>
      <c r="IAM52" s="7">
        <f t="shared" si="387"/>
        <v>16629.407999999999</v>
      </c>
      <c r="IAN52" s="7">
        <f t="shared" si="387"/>
        <v>16629.407999999999</v>
      </c>
      <c r="IAO52" s="7">
        <f t="shared" si="387"/>
        <v>16629.407999999999</v>
      </c>
      <c r="IAP52" s="7">
        <f t="shared" si="387"/>
        <v>16629.407999999999</v>
      </c>
      <c r="IAQ52" s="7">
        <f t="shared" si="387"/>
        <v>16629.407999999999</v>
      </c>
      <c r="IAR52" s="7">
        <f t="shared" si="387"/>
        <v>16629.407999999999</v>
      </c>
      <c r="IAS52" s="7">
        <f t="shared" si="387"/>
        <v>16629.407999999999</v>
      </c>
      <c r="IAT52" s="7">
        <f t="shared" si="387"/>
        <v>16629.407999999999</v>
      </c>
      <c r="IAU52" s="7">
        <f t="shared" si="387"/>
        <v>16629.407999999999</v>
      </c>
      <c r="IAV52" s="7">
        <f t="shared" si="387"/>
        <v>16629.407999999999</v>
      </c>
      <c r="IAW52" s="7">
        <f t="shared" si="387"/>
        <v>16629.407999999999</v>
      </c>
      <c r="IAX52" s="7">
        <f t="shared" si="387"/>
        <v>16629.407999999999</v>
      </c>
      <c r="IAY52" s="7">
        <f t="shared" si="387"/>
        <v>16629.407999999999</v>
      </c>
      <c r="IAZ52" s="7">
        <f t="shared" si="387"/>
        <v>16629.407999999999</v>
      </c>
      <c r="IBA52" s="7">
        <f t="shared" si="387"/>
        <v>16629.407999999999</v>
      </c>
      <c r="IBB52" s="7">
        <f t="shared" si="387"/>
        <v>16629.407999999999</v>
      </c>
      <c r="IBC52" s="7">
        <f t="shared" si="387"/>
        <v>16629.407999999999</v>
      </c>
      <c r="IBD52" s="7">
        <f t="shared" si="387"/>
        <v>16629.407999999999</v>
      </c>
      <c r="IBE52" s="7">
        <f t="shared" si="387"/>
        <v>16629.407999999999</v>
      </c>
      <c r="IBF52" s="7">
        <f t="shared" si="387"/>
        <v>16629.407999999999</v>
      </c>
      <c r="IBG52" s="7">
        <f t="shared" si="387"/>
        <v>16629.407999999999</v>
      </c>
      <c r="IBH52" s="7">
        <f t="shared" si="387"/>
        <v>16629.407999999999</v>
      </c>
      <c r="IBI52" s="7">
        <f t="shared" si="387"/>
        <v>16629.407999999999</v>
      </c>
      <c r="IBJ52" s="7">
        <f t="shared" si="387"/>
        <v>16629.407999999999</v>
      </c>
      <c r="IBK52" s="7">
        <f t="shared" si="387"/>
        <v>16629.407999999999</v>
      </c>
      <c r="IBL52" s="7">
        <f t="shared" si="387"/>
        <v>16629.407999999999</v>
      </c>
      <c r="IBM52" s="7">
        <f t="shared" si="387"/>
        <v>16629.407999999999</v>
      </c>
      <c r="IBN52" s="7">
        <f t="shared" si="387"/>
        <v>16629.407999999999</v>
      </c>
      <c r="IBO52" s="7">
        <f t="shared" si="387"/>
        <v>16629.407999999999</v>
      </c>
      <c r="IBP52" s="7">
        <f t="shared" si="387"/>
        <v>16629.407999999999</v>
      </c>
      <c r="IBQ52" s="7">
        <f t="shared" si="387"/>
        <v>16629.407999999999</v>
      </c>
      <c r="IBR52" s="7">
        <f t="shared" ref="IBR52:IEC52" si="388">IBR47+IBQ52</f>
        <v>16629.407999999999</v>
      </c>
      <c r="IBS52" s="7">
        <f t="shared" si="388"/>
        <v>16629.407999999999</v>
      </c>
      <c r="IBT52" s="7">
        <f t="shared" si="388"/>
        <v>16629.407999999999</v>
      </c>
      <c r="IBU52" s="7">
        <f t="shared" si="388"/>
        <v>16629.407999999999</v>
      </c>
      <c r="IBV52" s="7">
        <f t="shared" si="388"/>
        <v>16629.407999999999</v>
      </c>
      <c r="IBW52" s="7">
        <f t="shared" si="388"/>
        <v>16629.407999999999</v>
      </c>
      <c r="IBX52" s="7">
        <f t="shared" si="388"/>
        <v>16629.407999999999</v>
      </c>
      <c r="IBY52" s="7">
        <f t="shared" si="388"/>
        <v>16629.407999999999</v>
      </c>
      <c r="IBZ52" s="7">
        <f t="shared" si="388"/>
        <v>16629.407999999999</v>
      </c>
      <c r="ICA52" s="7">
        <f t="shared" si="388"/>
        <v>16629.407999999999</v>
      </c>
      <c r="ICB52" s="7">
        <f t="shared" si="388"/>
        <v>16629.407999999999</v>
      </c>
      <c r="ICC52" s="7">
        <f t="shared" si="388"/>
        <v>16629.407999999999</v>
      </c>
      <c r="ICD52" s="7">
        <f t="shared" si="388"/>
        <v>16629.407999999999</v>
      </c>
      <c r="ICE52" s="7">
        <f t="shared" si="388"/>
        <v>16629.407999999999</v>
      </c>
      <c r="ICF52" s="7">
        <f t="shared" si="388"/>
        <v>16629.407999999999</v>
      </c>
      <c r="ICG52" s="7">
        <f t="shared" si="388"/>
        <v>16629.407999999999</v>
      </c>
      <c r="ICH52" s="7">
        <f t="shared" si="388"/>
        <v>16629.407999999999</v>
      </c>
      <c r="ICI52" s="7">
        <f t="shared" si="388"/>
        <v>16629.407999999999</v>
      </c>
      <c r="ICJ52" s="7">
        <f t="shared" si="388"/>
        <v>16629.407999999999</v>
      </c>
      <c r="ICK52" s="7">
        <f t="shared" si="388"/>
        <v>16629.407999999999</v>
      </c>
      <c r="ICL52" s="7">
        <f t="shared" si="388"/>
        <v>16629.407999999999</v>
      </c>
      <c r="ICM52" s="7">
        <f t="shared" si="388"/>
        <v>16629.407999999999</v>
      </c>
      <c r="ICN52" s="7">
        <f t="shared" si="388"/>
        <v>16629.407999999999</v>
      </c>
      <c r="ICO52" s="7">
        <f t="shared" si="388"/>
        <v>16629.407999999999</v>
      </c>
      <c r="ICP52" s="7">
        <f t="shared" si="388"/>
        <v>16629.407999999999</v>
      </c>
      <c r="ICQ52" s="7">
        <f t="shared" si="388"/>
        <v>16629.407999999999</v>
      </c>
      <c r="ICR52" s="7">
        <f t="shared" si="388"/>
        <v>16629.407999999999</v>
      </c>
      <c r="ICS52" s="7">
        <f t="shared" si="388"/>
        <v>16629.407999999999</v>
      </c>
      <c r="ICT52" s="7">
        <f t="shared" si="388"/>
        <v>16629.407999999999</v>
      </c>
      <c r="ICU52" s="7">
        <f t="shared" si="388"/>
        <v>16629.407999999999</v>
      </c>
      <c r="ICV52" s="7">
        <f t="shared" si="388"/>
        <v>16629.407999999999</v>
      </c>
      <c r="ICW52" s="7">
        <f t="shared" si="388"/>
        <v>16629.407999999999</v>
      </c>
      <c r="ICX52" s="7">
        <f t="shared" si="388"/>
        <v>16629.407999999999</v>
      </c>
      <c r="ICY52" s="7">
        <f t="shared" si="388"/>
        <v>16629.407999999999</v>
      </c>
      <c r="ICZ52" s="7">
        <f t="shared" si="388"/>
        <v>16629.407999999999</v>
      </c>
      <c r="IDA52" s="7">
        <f t="shared" si="388"/>
        <v>16629.407999999999</v>
      </c>
      <c r="IDB52" s="7">
        <f t="shared" si="388"/>
        <v>16629.407999999999</v>
      </c>
      <c r="IDC52" s="7">
        <f t="shared" si="388"/>
        <v>16629.407999999999</v>
      </c>
      <c r="IDD52" s="7">
        <f t="shared" si="388"/>
        <v>16629.407999999999</v>
      </c>
      <c r="IDE52" s="7">
        <f t="shared" si="388"/>
        <v>16629.407999999999</v>
      </c>
      <c r="IDF52" s="7">
        <f t="shared" si="388"/>
        <v>16629.407999999999</v>
      </c>
      <c r="IDG52" s="7">
        <f t="shared" si="388"/>
        <v>16629.407999999999</v>
      </c>
      <c r="IDH52" s="7">
        <f t="shared" si="388"/>
        <v>16629.407999999999</v>
      </c>
      <c r="IDI52" s="7">
        <f t="shared" si="388"/>
        <v>16629.407999999999</v>
      </c>
      <c r="IDJ52" s="7">
        <f t="shared" si="388"/>
        <v>16629.407999999999</v>
      </c>
      <c r="IDK52" s="7">
        <f t="shared" si="388"/>
        <v>16629.407999999999</v>
      </c>
      <c r="IDL52" s="7">
        <f t="shared" si="388"/>
        <v>16629.407999999999</v>
      </c>
      <c r="IDM52" s="7">
        <f t="shared" si="388"/>
        <v>16629.407999999999</v>
      </c>
      <c r="IDN52" s="7">
        <f t="shared" si="388"/>
        <v>16629.407999999999</v>
      </c>
      <c r="IDO52" s="7">
        <f t="shared" si="388"/>
        <v>16629.407999999999</v>
      </c>
      <c r="IDP52" s="7">
        <f t="shared" si="388"/>
        <v>16629.407999999999</v>
      </c>
      <c r="IDQ52" s="7">
        <f t="shared" si="388"/>
        <v>16629.407999999999</v>
      </c>
      <c r="IDR52" s="7">
        <f t="shared" si="388"/>
        <v>16629.407999999999</v>
      </c>
      <c r="IDS52" s="7">
        <f t="shared" si="388"/>
        <v>16629.407999999999</v>
      </c>
      <c r="IDT52" s="7">
        <f t="shared" si="388"/>
        <v>16629.407999999999</v>
      </c>
      <c r="IDU52" s="7">
        <f t="shared" si="388"/>
        <v>16629.407999999999</v>
      </c>
      <c r="IDV52" s="7">
        <f t="shared" si="388"/>
        <v>16629.407999999999</v>
      </c>
      <c r="IDW52" s="7">
        <f t="shared" si="388"/>
        <v>16629.407999999999</v>
      </c>
      <c r="IDX52" s="7">
        <f t="shared" si="388"/>
        <v>16629.407999999999</v>
      </c>
      <c r="IDY52" s="7">
        <f t="shared" si="388"/>
        <v>16629.407999999999</v>
      </c>
      <c r="IDZ52" s="7">
        <f t="shared" si="388"/>
        <v>16629.407999999999</v>
      </c>
      <c r="IEA52" s="7">
        <f t="shared" si="388"/>
        <v>16629.407999999999</v>
      </c>
      <c r="IEB52" s="7">
        <f t="shared" si="388"/>
        <v>16629.407999999999</v>
      </c>
      <c r="IEC52" s="7">
        <f t="shared" si="388"/>
        <v>16629.407999999999</v>
      </c>
      <c r="IED52" s="7">
        <f t="shared" ref="IED52:IGO52" si="389">IED47+IEC52</f>
        <v>16629.407999999999</v>
      </c>
      <c r="IEE52" s="7">
        <f t="shared" si="389"/>
        <v>16629.407999999999</v>
      </c>
      <c r="IEF52" s="7">
        <f t="shared" si="389"/>
        <v>16629.407999999999</v>
      </c>
      <c r="IEG52" s="7">
        <f t="shared" si="389"/>
        <v>16629.407999999999</v>
      </c>
      <c r="IEH52" s="7">
        <f t="shared" si="389"/>
        <v>16629.407999999999</v>
      </c>
      <c r="IEI52" s="7">
        <f t="shared" si="389"/>
        <v>16629.407999999999</v>
      </c>
      <c r="IEJ52" s="7">
        <f t="shared" si="389"/>
        <v>16629.407999999999</v>
      </c>
      <c r="IEK52" s="7">
        <f t="shared" si="389"/>
        <v>16629.407999999999</v>
      </c>
      <c r="IEL52" s="7">
        <f t="shared" si="389"/>
        <v>16629.407999999999</v>
      </c>
      <c r="IEM52" s="7">
        <f t="shared" si="389"/>
        <v>16629.407999999999</v>
      </c>
      <c r="IEN52" s="7">
        <f t="shared" si="389"/>
        <v>16629.407999999999</v>
      </c>
      <c r="IEO52" s="7">
        <f t="shared" si="389"/>
        <v>16629.407999999999</v>
      </c>
      <c r="IEP52" s="7">
        <f t="shared" si="389"/>
        <v>16629.407999999999</v>
      </c>
      <c r="IEQ52" s="7">
        <f t="shared" si="389"/>
        <v>16629.407999999999</v>
      </c>
      <c r="IER52" s="7">
        <f t="shared" si="389"/>
        <v>16629.407999999999</v>
      </c>
      <c r="IES52" s="7">
        <f t="shared" si="389"/>
        <v>16629.407999999999</v>
      </c>
      <c r="IET52" s="7">
        <f t="shared" si="389"/>
        <v>16629.407999999999</v>
      </c>
      <c r="IEU52" s="7">
        <f t="shared" si="389"/>
        <v>16629.407999999999</v>
      </c>
      <c r="IEV52" s="7">
        <f t="shared" si="389"/>
        <v>16629.407999999999</v>
      </c>
      <c r="IEW52" s="7">
        <f t="shared" si="389"/>
        <v>16629.407999999999</v>
      </c>
      <c r="IEX52" s="7">
        <f t="shared" si="389"/>
        <v>16629.407999999999</v>
      </c>
      <c r="IEY52" s="7">
        <f t="shared" si="389"/>
        <v>16629.407999999999</v>
      </c>
      <c r="IEZ52" s="7">
        <f t="shared" si="389"/>
        <v>16629.407999999999</v>
      </c>
      <c r="IFA52" s="7">
        <f t="shared" si="389"/>
        <v>16629.407999999999</v>
      </c>
      <c r="IFB52" s="7">
        <f t="shared" si="389"/>
        <v>16629.407999999999</v>
      </c>
      <c r="IFC52" s="7">
        <f t="shared" si="389"/>
        <v>16629.407999999999</v>
      </c>
      <c r="IFD52" s="7">
        <f t="shared" si="389"/>
        <v>16629.407999999999</v>
      </c>
      <c r="IFE52" s="7">
        <f t="shared" si="389"/>
        <v>16629.407999999999</v>
      </c>
      <c r="IFF52" s="7">
        <f t="shared" si="389"/>
        <v>16629.407999999999</v>
      </c>
      <c r="IFG52" s="7">
        <f t="shared" si="389"/>
        <v>16629.407999999999</v>
      </c>
      <c r="IFH52" s="7">
        <f t="shared" si="389"/>
        <v>16629.407999999999</v>
      </c>
      <c r="IFI52" s="7">
        <f t="shared" si="389"/>
        <v>16629.407999999999</v>
      </c>
      <c r="IFJ52" s="7">
        <f t="shared" si="389"/>
        <v>16629.407999999999</v>
      </c>
      <c r="IFK52" s="7">
        <f t="shared" si="389"/>
        <v>16629.407999999999</v>
      </c>
      <c r="IFL52" s="7">
        <f t="shared" si="389"/>
        <v>16629.407999999999</v>
      </c>
      <c r="IFM52" s="7">
        <f t="shared" si="389"/>
        <v>16629.407999999999</v>
      </c>
      <c r="IFN52" s="7">
        <f t="shared" si="389"/>
        <v>16629.407999999999</v>
      </c>
      <c r="IFO52" s="7">
        <f t="shared" si="389"/>
        <v>16629.407999999999</v>
      </c>
      <c r="IFP52" s="7">
        <f t="shared" si="389"/>
        <v>16629.407999999999</v>
      </c>
      <c r="IFQ52" s="7">
        <f t="shared" si="389"/>
        <v>16629.407999999999</v>
      </c>
      <c r="IFR52" s="7">
        <f t="shared" si="389"/>
        <v>16629.407999999999</v>
      </c>
      <c r="IFS52" s="7">
        <f t="shared" si="389"/>
        <v>16629.407999999999</v>
      </c>
      <c r="IFT52" s="7">
        <f t="shared" si="389"/>
        <v>16629.407999999999</v>
      </c>
      <c r="IFU52" s="7">
        <f t="shared" si="389"/>
        <v>16629.407999999999</v>
      </c>
      <c r="IFV52" s="7">
        <f t="shared" si="389"/>
        <v>16629.407999999999</v>
      </c>
      <c r="IFW52" s="7">
        <f t="shared" si="389"/>
        <v>16629.407999999999</v>
      </c>
      <c r="IFX52" s="7">
        <f t="shared" si="389"/>
        <v>16629.407999999999</v>
      </c>
      <c r="IFY52" s="7">
        <f t="shared" si="389"/>
        <v>16629.407999999999</v>
      </c>
      <c r="IFZ52" s="7">
        <f t="shared" si="389"/>
        <v>16629.407999999999</v>
      </c>
      <c r="IGA52" s="7">
        <f t="shared" si="389"/>
        <v>16629.407999999999</v>
      </c>
      <c r="IGB52" s="7">
        <f t="shared" si="389"/>
        <v>16629.407999999999</v>
      </c>
      <c r="IGC52" s="7">
        <f t="shared" si="389"/>
        <v>16629.407999999999</v>
      </c>
      <c r="IGD52" s="7">
        <f t="shared" si="389"/>
        <v>16629.407999999999</v>
      </c>
      <c r="IGE52" s="7">
        <f t="shared" si="389"/>
        <v>16629.407999999999</v>
      </c>
      <c r="IGF52" s="7">
        <f t="shared" si="389"/>
        <v>16629.407999999999</v>
      </c>
      <c r="IGG52" s="7">
        <f t="shared" si="389"/>
        <v>16629.407999999999</v>
      </c>
      <c r="IGH52" s="7">
        <f t="shared" si="389"/>
        <v>16629.407999999999</v>
      </c>
      <c r="IGI52" s="7">
        <f t="shared" si="389"/>
        <v>16629.407999999999</v>
      </c>
      <c r="IGJ52" s="7">
        <f t="shared" si="389"/>
        <v>16629.407999999999</v>
      </c>
      <c r="IGK52" s="7">
        <f t="shared" si="389"/>
        <v>16629.407999999999</v>
      </c>
      <c r="IGL52" s="7">
        <f t="shared" si="389"/>
        <v>16629.407999999999</v>
      </c>
      <c r="IGM52" s="7">
        <f t="shared" si="389"/>
        <v>16629.407999999999</v>
      </c>
      <c r="IGN52" s="7">
        <f t="shared" si="389"/>
        <v>16629.407999999999</v>
      </c>
      <c r="IGO52" s="7">
        <f t="shared" si="389"/>
        <v>16629.407999999999</v>
      </c>
      <c r="IGP52" s="7">
        <f t="shared" ref="IGP52:IJA52" si="390">IGP47+IGO52</f>
        <v>16629.407999999999</v>
      </c>
      <c r="IGQ52" s="7">
        <f t="shared" si="390"/>
        <v>16629.407999999999</v>
      </c>
      <c r="IGR52" s="7">
        <f t="shared" si="390"/>
        <v>16629.407999999999</v>
      </c>
      <c r="IGS52" s="7">
        <f t="shared" si="390"/>
        <v>16629.407999999999</v>
      </c>
      <c r="IGT52" s="7">
        <f t="shared" si="390"/>
        <v>16629.407999999999</v>
      </c>
      <c r="IGU52" s="7">
        <f t="shared" si="390"/>
        <v>16629.407999999999</v>
      </c>
      <c r="IGV52" s="7">
        <f t="shared" si="390"/>
        <v>16629.407999999999</v>
      </c>
      <c r="IGW52" s="7">
        <f t="shared" si="390"/>
        <v>16629.407999999999</v>
      </c>
      <c r="IGX52" s="7">
        <f t="shared" si="390"/>
        <v>16629.407999999999</v>
      </c>
      <c r="IGY52" s="7">
        <f t="shared" si="390"/>
        <v>16629.407999999999</v>
      </c>
      <c r="IGZ52" s="7">
        <f t="shared" si="390"/>
        <v>16629.407999999999</v>
      </c>
      <c r="IHA52" s="7">
        <f t="shared" si="390"/>
        <v>16629.407999999999</v>
      </c>
      <c r="IHB52" s="7">
        <f t="shared" si="390"/>
        <v>16629.407999999999</v>
      </c>
      <c r="IHC52" s="7">
        <f t="shared" si="390"/>
        <v>16629.407999999999</v>
      </c>
      <c r="IHD52" s="7">
        <f t="shared" si="390"/>
        <v>16629.407999999999</v>
      </c>
      <c r="IHE52" s="7">
        <f t="shared" si="390"/>
        <v>16629.407999999999</v>
      </c>
      <c r="IHF52" s="7">
        <f t="shared" si="390"/>
        <v>16629.407999999999</v>
      </c>
      <c r="IHG52" s="7">
        <f t="shared" si="390"/>
        <v>16629.407999999999</v>
      </c>
      <c r="IHH52" s="7">
        <f t="shared" si="390"/>
        <v>16629.407999999999</v>
      </c>
      <c r="IHI52" s="7">
        <f t="shared" si="390"/>
        <v>16629.407999999999</v>
      </c>
      <c r="IHJ52" s="7">
        <f t="shared" si="390"/>
        <v>16629.407999999999</v>
      </c>
      <c r="IHK52" s="7">
        <f t="shared" si="390"/>
        <v>16629.407999999999</v>
      </c>
      <c r="IHL52" s="7">
        <f t="shared" si="390"/>
        <v>16629.407999999999</v>
      </c>
      <c r="IHM52" s="7">
        <f t="shared" si="390"/>
        <v>16629.407999999999</v>
      </c>
      <c r="IHN52" s="7">
        <f t="shared" si="390"/>
        <v>16629.407999999999</v>
      </c>
      <c r="IHO52" s="7">
        <f t="shared" si="390"/>
        <v>16629.407999999999</v>
      </c>
      <c r="IHP52" s="7">
        <f t="shared" si="390"/>
        <v>16629.407999999999</v>
      </c>
      <c r="IHQ52" s="7">
        <f t="shared" si="390"/>
        <v>16629.407999999999</v>
      </c>
      <c r="IHR52" s="7">
        <f t="shared" si="390"/>
        <v>16629.407999999999</v>
      </c>
      <c r="IHS52" s="7">
        <f t="shared" si="390"/>
        <v>16629.407999999999</v>
      </c>
      <c r="IHT52" s="7">
        <f t="shared" si="390"/>
        <v>16629.407999999999</v>
      </c>
      <c r="IHU52" s="7">
        <f t="shared" si="390"/>
        <v>16629.407999999999</v>
      </c>
      <c r="IHV52" s="7">
        <f t="shared" si="390"/>
        <v>16629.407999999999</v>
      </c>
      <c r="IHW52" s="7">
        <f t="shared" si="390"/>
        <v>16629.407999999999</v>
      </c>
      <c r="IHX52" s="7">
        <f t="shared" si="390"/>
        <v>16629.407999999999</v>
      </c>
      <c r="IHY52" s="7">
        <f t="shared" si="390"/>
        <v>16629.407999999999</v>
      </c>
      <c r="IHZ52" s="7">
        <f t="shared" si="390"/>
        <v>16629.407999999999</v>
      </c>
      <c r="IIA52" s="7">
        <f t="shared" si="390"/>
        <v>16629.407999999999</v>
      </c>
      <c r="IIB52" s="7">
        <f t="shared" si="390"/>
        <v>16629.407999999999</v>
      </c>
      <c r="IIC52" s="7">
        <f t="shared" si="390"/>
        <v>16629.407999999999</v>
      </c>
      <c r="IID52" s="7">
        <f t="shared" si="390"/>
        <v>16629.407999999999</v>
      </c>
      <c r="IIE52" s="7">
        <f t="shared" si="390"/>
        <v>16629.407999999999</v>
      </c>
      <c r="IIF52" s="7">
        <f t="shared" si="390"/>
        <v>16629.407999999999</v>
      </c>
      <c r="IIG52" s="7">
        <f t="shared" si="390"/>
        <v>16629.407999999999</v>
      </c>
      <c r="IIH52" s="7">
        <f t="shared" si="390"/>
        <v>16629.407999999999</v>
      </c>
      <c r="III52" s="7">
        <f t="shared" si="390"/>
        <v>16629.407999999999</v>
      </c>
      <c r="IIJ52" s="7">
        <f t="shared" si="390"/>
        <v>16629.407999999999</v>
      </c>
      <c r="IIK52" s="7">
        <f t="shared" si="390"/>
        <v>16629.407999999999</v>
      </c>
      <c r="IIL52" s="7">
        <f t="shared" si="390"/>
        <v>16629.407999999999</v>
      </c>
      <c r="IIM52" s="7">
        <f t="shared" si="390"/>
        <v>16629.407999999999</v>
      </c>
      <c r="IIN52" s="7">
        <f t="shared" si="390"/>
        <v>16629.407999999999</v>
      </c>
      <c r="IIO52" s="7">
        <f t="shared" si="390"/>
        <v>16629.407999999999</v>
      </c>
      <c r="IIP52" s="7">
        <f t="shared" si="390"/>
        <v>16629.407999999999</v>
      </c>
      <c r="IIQ52" s="7">
        <f t="shared" si="390"/>
        <v>16629.407999999999</v>
      </c>
      <c r="IIR52" s="7">
        <f t="shared" si="390"/>
        <v>16629.407999999999</v>
      </c>
      <c r="IIS52" s="7">
        <f t="shared" si="390"/>
        <v>16629.407999999999</v>
      </c>
      <c r="IIT52" s="7">
        <f t="shared" si="390"/>
        <v>16629.407999999999</v>
      </c>
      <c r="IIU52" s="7">
        <f t="shared" si="390"/>
        <v>16629.407999999999</v>
      </c>
      <c r="IIV52" s="7">
        <f t="shared" si="390"/>
        <v>16629.407999999999</v>
      </c>
      <c r="IIW52" s="7">
        <f t="shared" si="390"/>
        <v>16629.407999999999</v>
      </c>
      <c r="IIX52" s="7">
        <f t="shared" si="390"/>
        <v>16629.407999999999</v>
      </c>
      <c r="IIY52" s="7">
        <f t="shared" si="390"/>
        <v>16629.407999999999</v>
      </c>
      <c r="IIZ52" s="7">
        <f t="shared" si="390"/>
        <v>16629.407999999999</v>
      </c>
      <c r="IJA52" s="7">
        <f t="shared" si="390"/>
        <v>16629.407999999999</v>
      </c>
      <c r="IJB52" s="7">
        <f t="shared" ref="IJB52:ILM52" si="391">IJB47+IJA52</f>
        <v>16629.407999999999</v>
      </c>
      <c r="IJC52" s="7">
        <f t="shared" si="391"/>
        <v>16629.407999999999</v>
      </c>
      <c r="IJD52" s="7">
        <f t="shared" si="391"/>
        <v>16629.407999999999</v>
      </c>
      <c r="IJE52" s="7">
        <f t="shared" si="391"/>
        <v>16629.407999999999</v>
      </c>
      <c r="IJF52" s="7">
        <f t="shared" si="391"/>
        <v>16629.407999999999</v>
      </c>
      <c r="IJG52" s="7">
        <f t="shared" si="391"/>
        <v>16629.407999999999</v>
      </c>
      <c r="IJH52" s="7">
        <f t="shared" si="391"/>
        <v>16629.407999999999</v>
      </c>
      <c r="IJI52" s="7">
        <f t="shared" si="391"/>
        <v>16629.407999999999</v>
      </c>
      <c r="IJJ52" s="7">
        <f t="shared" si="391"/>
        <v>16629.407999999999</v>
      </c>
      <c r="IJK52" s="7">
        <f t="shared" si="391"/>
        <v>16629.407999999999</v>
      </c>
      <c r="IJL52" s="7">
        <f t="shared" si="391"/>
        <v>16629.407999999999</v>
      </c>
      <c r="IJM52" s="7">
        <f t="shared" si="391"/>
        <v>16629.407999999999</v>
      </c>
      <c r="IJN52" s="7">
        <f t="shared" si="391"/>
        <v>16629.407999999999</v>
      </c>
      <c r="IJO52" s="7">
        <f t="shared" si="391"/>
        <v>16629.407999999999</v>
      </c>
      <c r="IJP52" s="7">
        <f t="shared" si="391"/>
        <v>16629.407999999999</v>
      </c>
      <c r="IJQ52" s="7">
        <f t="shared" si="391"/>
        <v>16629.407999999999</v>
      </c>
      <c r="IJR52" s="7">
        <f t="shared" si="391"/>
        <v>16629.407999999999</v>
      </c>
      <c r="IJS52" s="7">
        <f t="shared" si="391"/>
        <v>16629.407999999999</v>
      </c>
      <c r="IJT52" s="7">
        <f t="shared" si="391"/>
        <v>16629.407999999999</v>
      </c>
      <c r="IJU52" s="7">
        <f t="shared" si="391"/>
        <v>16629.407999999999</v>
      </c>
      <c r="IJV52" s="7">
        <f t="shared" si="391"/>
        <v>16629.407999999999</v>
      </c>
      <c r="IJW52" s="7">
        <f t="shared" si="391"/>
        <v>16629.407999999999</v>
      </c>
      <c r="IJX52" s="7">
        <f t="shared" si="391"/>
        <v>16629.407999999999</v>
      </c>
      <c r="IJY52" s="7">
        <f t="shared" si="391"/>
        <v>16629.407999999999</v>
      </c>
      <c r="IJZ52" s="7">
        <f t="shared" si="391"/>
        <v>16629.407999999999</v>
      </c>
      <c r="IKA52" s="7">
        <f t="shared" si="391"/>
        <v>16629.407999999999</v>
      </c>
      <c r="IKB52" s="7">
        <f t="shared" si="391"/>
        <v>16629.407999999999</v>
      </c>
      <c r="IKC52" s="7">
        <f t="shared" si="391"/>
        <v>16629.407999999999</v>
      </c>
      <c r="IKD52" s="7">
        <f t="shared" si="391"/>
        <v>16629.407999999999</v>
      </c>
      <c r="IKE52" s="7">
        <f t="shared" si="391"/>
        <v>16629.407999999999</v>
      </c>
      <c r="IKF52" s="7">
        <f t="shared" si="391"/>
        <v>16629.407999999999</v>
      </c>
      <c r="IKG52" s="7">
        <f t="shared" si="391"/>
        <v>16629.407999999999</v>
      </c>
      <c r="IKH52" s="7">
        <f t="shared" si="391"/>
        <v>16629.407999999999</v>
      </c>
      <c r="IKI52" s="7">
        <f t="shared" si="391"/>
        <v>16629.407999999999</v>
      </c>
      <c r="IKJ52" s="7">
        <f t="shared" si="391"/>
        <v>16629.407999999999</v>
      </c>
      <c r="IKK52" s="7">
        <f t="shared" si="391"/>
        <v>16629.407999999999</v>
      </c>
      <c r="IKL52" s="7">
        <f t="shared" si="391"/>
        <v>16629.407999999999</v>
      </c>
      <c r="IKM52" s="7">
        <f t="shared" si="391"/>
        <v>16629.407999999999</v>
      </c>
      <c r="IKN52" s="7">
        <f t="shared" si="391"/>
        <v>16629.407999999999</v>
      </c>
      <c r="IKO52" s="7">
        <f t="shared" si="391"/>
        <v>16629.407999999999</v>
      </c>
      <c r="IKP52" s="7">
        <f t="shared" si="391"/>
        <v>16629.407999999999</v>
      </c>
      <c r="IKQ52" s="7">
        <f t="shared" si="391"/>
        <v>16629.407999999999</v>
      </c>
      <c r="IKR52" s="7">
        <f t="shared" si="391"/>
        <v>16629.407999999999</v>
      </c>
      <c r="IKS52" s="7">
        <f t="shared" si="391"/>
        <v>16629.407999999999</v>
      </c>
      <c r="IKT52" s="7">
        <f t="shared" si="391"/>
        <v>16629.407999999999</v>
      </c>
      <c r="IKU52" s="7">
        <f t="shared" si="391"/>
        <v>16629.407999999999</v>
      </c>
      <c r="IKV52" s="7">
        <f t="shared" si="391"/>
        <v>16629.407999999999</v>
      </c>
      <c r="IKW52" s="7">
        <f t="shared" si="391"/>
        <v>16629.407999999999</v>
      </c>
      <c r="IKX52" s="7">
        <f t="shared" si="391"/>
        <v>16629.407999999999</v>
      </c>
      <c r="IKY52" s="7">
        <f t="shared" si="391"/>
        <v>16629.407999999999</v>
      </c>
      <c r="IKZ52" s="7">
        <f t="shared" si="391"/>
        <v>16629.407999999999</v>
      </c>
      <c r="ILA52" s="7">
        <f t="shared" si="391"/>
        <v>16629.407999999999</v>
      </c>
      <c r="ILB52" s="7">
        <f t="shared" si="391"/>
        <v>16629.407999999999</v>
      </c>
      <c r="ILC52" s="7">
        <f t="shared" si="391"/>
        <v>16629.407999999999</v>
      </c>
      <c r="ILD52" s="7">
        <f t="shared" si="391"/>
        <v>16629.407999999999</v>
      </c>
      <c r="ILE52" s="7">
        <f t="shared" si="391"/>
        <v>16629.407999999999</v>
      </c>
      <c r="ILF52" s="7">
        <f t="shared" si="391"/>
        <v>16629.407999999999</v>
      </c>
      <c r="ILG52" s="7">
        <f t="shared" si="391"/>
        <v>16629.407999999999</v>
      </c>
      <c r="ILH52" s="7">
        <f t="shared" si="391"/>
        <v>16629.407999999999</v>
      </c>
      <c r="ILI52" s="7">
        <f t="shared" si="391"/>
        <v>16629.407999999999</v>
      </c>
      <c r="ILJ52" s="7">
        <f t="shared" si="391"/>
        <v>16629.407999999999</v>
      </c>
      <c r="ILK52" s="7">
        <f t="shared" si="391"/>
        <v>16629.407999999999</v>
      </c>
      <c r="ILL52" s="7">
        <f t="shared" si="391"/>
        <v>16629.407999999999</v>
      </c>
      <c r="ILM52" s="7">
        <f t="shared" si="391"/>
        <v>16629.407999999999</v>
      </c>
      <c r="ILN52" s="7">
        <f t="shared" ref="ILN52:INY52" si="392">ILN47+ILM52</f>
        <v>16629.407999999999</v>
      </c>
      <c r="ILO52" s="7">
        <f t="shared" si="392"/>
        <v>16629.407999999999</v>
      </c>
      <c r="ILP52" s="7">
        <f t="shared" si="392"/>
        <v>16629.407999999999</v>
      </c>
      <c r="ILQ52" s="7">
        <f t="shared" si="392"/>
        <v>16629.407999999999</v>
      </c>
      <c r="ILR52" s="7">
        <f t="shared" si="392"/>
        <v>16629.407999999999</v>
      </c>
      <c r="ILS52" s="7">
        <f t="shared" si="392"/>
        <v>16629.407999999999</v>
      </c>
      <c r="ILT52" s="7">
        <f t="shared" si="392"/>
        <v>16629.407999999999</v>
      </c>
      <c r="ILU52" s="7">
        <f t="shared" si="392"/>
        <v>16629.407999999999</v>
      </c>
      <c r="ILV52" s="7">
        <f t="shared" si="392"/>
        <v>16629.407999999999</v>
      </c>
      <c r="ILW52" s="7">
        <f t="shared" si="392"/>
        <v>16629.407999999999</v>
      </c>
      <c r="ILX52" s="7">
        <f t="shared" si="392"/>
        <v>16629.407999999999</v>
      </c>
      <c r="ILY52" s="7">
        <f t="shared" si="392"/>
        <v>16629.407999999999</v>
      </c>
      <c r="ILZ52" s="7">
        <f t="shared" si="392"/>
        <v>16629.407999999999</v>
      </c>
      <c r="IMA52" s="7">
        <f t="shared" si="392"/>
        <v>16629.407999999999</v>
      </c>
      <c r="IMB52" s="7">
        <f t="shared" si="392"/>
        <v>16629.407999999999</v>
      </c>
      <c r="IMC52" s="7">
        <f t="shared" si="392"/>
        <v>16629.407999999999</v>
      </c>
      <c r="IMD52" s="7">
        <f t="shared" si="392"/>
        <v>16629.407999999999</v>
      </c>
      <c r="IME52" s="7">
        <f t="shared" si="392"/>
        <v>16629.407999999999</v>
      </c>
      <c r="IMF52" s="7">
        <f t="shared" si="392"/>
        <v>16629.407999999999</v>
      </c>
      <c r="IMG52" s="7">
        <f t="shared" si="392"/>
        <v>16629.407999999999</v>
      </c>
      <c r="IMH52" s="7">
        <f t="shared" si="392"/>
        <v>16629.407999999999</v>
      </c>
      <c r="IMI52" s="7">
        <f t="shared" si="392"/>
        <v>16629.407999999999</v>
      </c>
      <c r="IMJ52" s="7">
        <f t="shared" si="392"/>
        <v>16629.407999999999</v>
      </c>
      <c r="IMK52" s="7">
        <f t="shared" si="392"/>
        <v>16629.407999999999</v>
      </c>
      <c r="IML52" s="7">
        <f t="shared" si="392"/>
        <v>16629.407999999999</v>
      </c>
      <c r="IMM52" s="7">
        <f t="shared" si="392"/>
        <v>16629.407999999999</v>
      </c>
      <c r="IMN52" s="7">
        <f t="shared" si="392"/>
        <v>16629.407999999999</v>
      </c>
      <c r="IMO52" s="7">
        <f t="shared" si="392"/>
        <v>16629.407999999999</v>
      </c>
      <c r="IMP52" s="7">
        <f t="shared" si="392"/>
        <v>16629.407999999999</v>
      </c>
      <c r="IMQ52" s="7">
        <f t="shared" si="392"/>
        <v>16629.407999999999</v>
      </c>
      <c r="IMR52" s="7">
        <f t="shared" si="392"/>
        <v>16629.407999999999</v>
      </c>
      <c r="IMS52" s="7">
        <f t="shared" si="392"/>
        <v>16629.407999999999</v>
      </c>
      <c r="IMT52" s="7">
        <f t="shared" si="392"/>
        <v>16629.407999999999</v>
      </c>
      <c r="IMU52" s="7">
        <f t="shared" si="392"/>
        <v>16629.407999999999</v>
      </c>
      <c r="IMV52" s="7">
        <f t="shared" si="392"/>
        <v>16629.407999999999</v>
      </c>
      <c r="IMW52" s="7">
        <f t="shared" si="392"/>
        <v>16629.407999999999</v>
      </c>
      <c r="IMX52" s="7">
        <f t="shared" si="392"/>
        <v>16629.407999999999</v>
      </c>
      <c r="IMY52" s="7">
        <f t="shared" si="392"/>
        <v>16629.407999999999</v>
      </c>
      <c r="IMZ52" s="7">
        <f t="shared" si="392"/>
        <v>16629.407999999999</v>
      </c>
      <c r="INA52" s="7">
        <f t="shared" si="392"/>
        <v>16629.407999999999</v>
      </c>
      <c r="INB52" s="7">
        <f t="shared" si="392"/>
        <v>16629.407999999999</v>
      </c>
      <c r="INC52" s="7">
        <f t="shared" si="392"/>
        <v>16629.407999999999</v>
      </c>
      <c r="IND52" s="7">
        <f t="shared" si="392"/>
        <v>16629.407999999999</v>
      </c>
      <c r="INE52" s="7">
        <f t="shared" si="392"/>
        <v>16629.407999999999</v>
      </c>
      <c r="INF52" s="7">
        <f t="shared" si="392"/>
        <v>16629.407999999999</v>
      </c>
      <c r="ING52" s="7">
        <f t="shared" si="392"/>
        <v>16629.407999999999</v>
      </c>
      <c r="INH52" s="7">
        <f t="shared" si="392"/>
        <v>16629.407999999999</v>
      </c>
      <c r="INI52" s="7">
        <f t="shared" si="392"/>
        <v>16629.407999999999</v>
      </c>
      <c r="INJ52" s="7">
        <f t="shared" si="392"/>
        <v>16629.407999999999</v>
      </c>
      <c r="INK52" s="7">
        <f t="shared" si="392"/>
        <v>16629.407999999999</v>
      </c>
      <c r="INL52" s="7">
        <f t="shared" si="392"/>
        <v>16629.407999999999</v>
      </c>
      <c r="INM52" s="7">
        <f t="shared" si="392"/>
        <v>16629.407999999999</v>
      </c>
      <c r="INN52" s="7">
        <f t="shared" si="392"/>
        <v>16629.407999999999</v>
      </c>
      <c r="INO52" s="7">
        <f t="shared" si="392"/>
        <v>16629.407999999999</v>
      </c>
      <c r="INP52" s="7">
        <f t="shared" si="392"/>
        <v>16629.407999999999</v>
      </c>
      <c r="INQ52" s="7">
        <f t="shared" si="392"/>
        <v>16629.407999999999</v>
      </c>
      <c r="INR52" s="7">
        <f t="shared" si="392"/>
        <v>16629.407999999999</v>
      </c>
      <c r="INS52" s="7">
        <f t="shared" si="392"/>
        <v>16629.407999999999</v>
      </c>
      <c r="INT52" s="7">
        <f t="shared" si="392"/>
        <v>16629.407999999999</v>
      </c>
      <c r="INU52" s="7">
        <f t="shared" si="392"/>
        <v>16629.407999999999</v>
      </c>
      <c r="INV52" s="7">
        <f t="shared" si="392"/>
        <v>16629.407999999999</v>
      </c>
      <c r="INW52" s="7">
        <f t="shared" si="392"/>
        <v>16629.407999999999</v>
      </c>
      <c r="INX52" s="7">
        <f t="shared" si="392"/>
        <v>16629.407999999999</v>
      </c>
      <c r="INY52" s="7">
        <f t="shared" si="392"/>
        <v>16629.407999999999</v>
      </c>
      <c r="INZ52" s="7">
        <f t="shared" ref="INZ52:IQK52" si="393">INZ47+INY52</f>
        <v>16629.407999999999</v>
      </c>
      <c r="IOA52" s="7">
        <f t="shared" si="393"/>
        <v>16629.407999999999</v>
      </c>
      <c r="IOB52" s="7">
        <f t="shared" si="393"/>
        <v>16629.407999999999</v>
      </c>
      <c r="IOC52" s="7">
        <f t="shared" si="393"/>
        <v>16629.407999999999</v>
      </c>
      <c r="IOD52" s="7">
        <f t="shared" si="393"/>
        <v>16629.407999999999</v>
      </c>
      <c r="IOE52" s="7">
        <f t="shared" si="393"/>
        <v>16629.407999999999</v>
      </c>
      <c r="IOF52" s="7">
        <f t="shared" si="393"/>
        <v>16629.407999999999</v>
      </c>
      <c r="IOG52" s="7">
        <f t="shared" si="393"/>
        <v>16629.407999999999</v>
      </c>
      <c r="IOH52" s="7">
        <f t="shared" si="393"/>
        <v>16629.407999999999</v>
      </c>
      <c r="IOI52" s="7">
        <f t="shared" si="393"/>
        <v>16629.407999999999</v>
      </c>
      <c r="IOJ52" s="7">
        <f t="shared" si="393"/>
        <v>16629.407999999999</v>
      </c>
      <c r="IOK52" s="7">
        <f t="shared" si="393"/>
        <v>16629.407999999999</v>
      </c>
      <c r="IOL52" s="7">
        <f t="shared" si="393"/>
        <v>16629.407999999999</v>
      </c>
      <c r="IOM52" s="7">
        <f t="shared" si="393"/>
        <v>16629.407999999999</v>
      </c>
      <c r="ION52" s="7">
        <f t="shared" si="393"/>
        <v>16629.407999999999</v>
      </c>
      <c r="IOO52" s="7">
        <f t="shared" si="393"/>
        <v>16629.407999999999</v>
      </c>
      <c r="IOP52" s="7">
        <f t="shared" si="393"/>
        <v>16629.407999999999</v>
      </c>
      <c r="IOQ52" s="7">
        <f t="shared" si="393"/>
        <v>16629.407999999999</v>
      </c>
      <c r="IOR52" s="7">
        <f t="shared" si="393"/>
        <v>16629.407999999999</v>
      </c>
      <c r="IOS52" s="7">
        <f t="shared" si="393"/>
        <v>16629.407999999999</v>
      </c>
      <c r="IOT52" s="7">
        <f t="shared" si="393"/>
        <v>16629.407999999999</v>
      </c>
      <c r="IOU52" s="7">
        <f t="shared" si="393"/>
        <v>16629.407999999999</v>
      </c>
      <c r="IOV52" s="7">
        <f t="shared" si="393"/>
        <v>16629.407999999999</v>
      </c>
      <c r="IOW52" s="7">
        <f t="shared" si="393"/>
        <v>16629.407999999999</v>
      </c>
      <c r="IOX52" s="7">
        <f t="shared" si="393"/>
        <v>16629.407999999999</v>
      </c>
      <c r="IOY52" s="7">
        <f t="shared" si="393"/>
        <v>16629.407999999999</v>
      </c>
      <c r="IOZ52" s="7">
        <f t="shared" si="393"/>
        <v>16629.407999999999</v>
      </c>
      <c r="IPA52" s="7">
        <f t="shared" si="393"/>
        <v>16629.407999999999</v>
      </c>
      <c r="IPB52" s="7">
        <f t="shared" si="393"/>
        <v>16629.407999999999</v>
      </c>
      <c r="IPC52" s="7">
        <f t="shared" si="393"/>
        <v>16629.407999999999</v>
      </c>
      <c r="IPD52" s="7">
        <f t="shared" si="393"/>
        <v>16629.407999999999</v>
      </c>
      <c r="IPE52" s="7">
        <f t="shared" si="393"/>
        <v>16629.407999999999</v>
      </c>
      <c r="IPF52" s="7">
        <f t="shared" si="393"/>
        <v>16629.407999999999</v>
      </c>
      <c r="IPG52" s="7">
        <f t="shared" si="393"/>
        <v>16629.407999999999</v>
      </c>
      <c r="IPH52" s="7">
        <f t="shared" si="393"/>
        <v>16629.407999999999</v>
      </c>
      <c r="IPI52" s="7">
        <f t="shared" si="393"/>
        <v>16629.407999999999</v>
      </c>
      <c r="IPJ52" s="7">
        <f t="shared" si="393"/>
        <v>16629.407999999999</v>
      </c>
      <c r="IPK52" s="7">
        <f t="shared" si="393"/>
        <v>16629.407999999999</v>
      </c>
      <c r="IPL52" s="7">
        <f t="shared" si="393"/>
        <v>16629.407999999999</v>
      </c>
      <c r="IPM52" s="7">
        <f t="shared" si="393"/>
        <v>16629.407999999999</v>
      </c>
      <c r="IPN52" s="7">
        <f t="shared" si="393"/>
        <v>16629.407999999999</v>
      </c>
      <c r="IPO52" s="7">
        <f t="shared" si="393"/>
        <v>16629.407999999999</v>
      </c>
      <c r="IPP52" s="7">
        <f t="shared" si="393"/>
        <v>16629.407999999999</v>
      </c>
      <c r="IPQ52" s="7">
        <f t="shared" si="393"/>
        <v>16629.407999999999</v>
      </c>
      <c r="IPR52" s="7">
        <f t="shared" si="393"/>
        <v>16629.407999999999</v>
      </c>
      <c r="IPS52" s="7">
        <f t="shared" si="393"/>
        <v>16629.407999999999</v>
      </c>
      <c r="IPT52" s="7">
        <f t="shared" si="393"/>
        <v>16629.407999999999</v>
      </c>
      <c r="IPU52" s="7">
        <f t="shared" si="393"/>
        <v>16629.407999999999</v>
      </c>
      <c r="IPV52" s="7">
        <f t="shared" si="393"/>
        <v>16629.407999999999</v>
      </c>
      <c r="IPW52" s="7">
        <f t="shared" si="393"/>
        <v>16629.407999999999</v>
      </c>
      <c r="IPX52" s="7">
        <f t="shared" si="393"/>
        <v>16629.407999999999</v>
      </c>
      <c r="IPY52" s="7">
        <f t="shared" si="393"/>
        <v>16629.407999999999</v>
      </c>
      <c r="IPZ52" s="7">
        <f t="shared" si="393"/>
        <v>16629.407999999999</v>
      </c>
      <c r="IQA52" s="7">
        <f t="shared" si="393"/>
        <v>16629.407999999999</v>
      </c>
      <c r="IQB52" s="7">
        <f t="shared" si="393"/>
        <v>16629.407999999999</v>
      </c>
      <c r="IQC52" s="7">
        <f t="shared" si="393"/>
        <v>16629.407999999999</v>
      </c>
      <c r="IQD52" s="7">
        <f t="shared" si="393"/>
        <v>16629.407999999999</v>
      </c>
      <c r="IQE52" s="7">
        <f t="shared" si="393"/>
        <v>16629.407999999999</v>
      </c>
      <c r="IQF52" s="7">
        <f t="shared" si="393"/>
        <v>16629.407999999999</v>
      </c>
      <c r="IQG52" s="7">
        <f t="shared" si="393"/>
        <v>16629.407999999999</v>
      </c>
      <c r="IQH52" s="7">
        <f t="shared" si="393"/>
        <v>16629.407999999999</v>
      </c>
      <c r="IQI52" s="7">
        <f t="shared" si="393"/>
        <v>16629.407999999999</v>
      </c>
      <c r="IQJ52" s="7">
        <f t="shared" si="393"/>
        <v>16629.407999999999</v>
      </c>
      <c r="IQK52" s="7">
        <f t="shared" si="393"/>
        <v>16629.407999999999</v>
      </c>
      <c r="IQL52" s="7">
        <f t="shared" ref="IQL52:ISW52" si="394">IQL47+IQK52</f>
        <v>16629.407999999999</v>
      </c>
      <c r="IQM52" s="7">
        <f t="shared" si="394"/>
        <v>16629.407999999999</v>
      </c>
      <c r="IQN52" s="7">
        <f t="shared" si="394"/>
        <v>16629.407999999999</v>
      </c>
      <c r="IQO52" s="7">
        <f t="shared" si="394"/>
        <v>16629.407999999999</v>
      </c>
      <c r="IQP52" s="7">
        <f t="shared" si="394"/>
        <v>16629.407999999999</v>
      </c>
      <c r="IQQ52" s="7">
        <f t="shared" si="394"/>
        <v>16629.407999999999</v>
      </c>
      <c r="IQR52" s="7">
        <f t="shared" si="394"/>
        <v>16629.407999999999</v>
      </c>
      <c r="IQS52" s="7">
        <f t="shared" si="394"/>
        <v>16629.407999999999</v>
      </c>
      <c r="IQT52" s="7">
        <f t="shared" si="394"/>
        <v>16629.407999999999</v>
      </c>
      <c r="IQU52" s="7">
        <f t="shared" si="394"/>
        <v>16629.407999999999</v>
      </c>
      <c r="IQV52" s="7">
        <f t="shared" si="394"/>
        <v>16629.407999999999</v>
      </c>
      <c r="IQW52" s="7">
        <f t="shared" si="394"/>
        <v>16629.407999999999</v>
      </c>
      <c r="IQX52" s="7">
        <f t="shared" si="394"/>
        <v>16629.407999999999</v>
      </c>
      <c r="IQY52" s="7">
        <f t="shared" si="394"/>
        <v>16629.407999999999</v>
      </c>
      <c r="IQZ52" s="7">
        <f t="shared" si="394"/>
        <v>16629.407999999999</v>
      </c>
      <c r="IRA52" s="7">
        <f t="shared" si="394"/>
        <v>16629.407999999999</v>
      </c>
      <c r="IRB52" s="7">
        <f t="shared" si="394"/>
        <v>16629.407999999999</v>
      </c>
      <c r="IRC52" s="7">
        <f t="shared" si="394"/>
        <v>16629.407999999999</v>
      </c>
      <c r="IRD52" s="7">
        <f t="shared" si="394"/>
        <v>16629.407999999999</v>
      </c>
      <c r="IRE52" s="7">
        <f t="shared" si="394"/>
        <v>16629.407999999999</v>
      </c>
      <c r="IRF52" s="7">
        <f t="shared" si="394"/>
        <v>16629.407999999999</v>
      </c>
      <c r="IRG52" s="7">
        <f t="shared" si="394"/>
        <v>16629.407999999999</v>
      </c>
      <c r="IRH52" s="7">
        <f t="shared" si="394"/>
        <v>16629.407999999999</v>
      </c>
      <c r="IRI52" s="7">
        <f t="shared" si="394"/>
        <v>16629.407999999999</v>
      </c>
      <c r="IRJ52" s="7">
        <f t="shared" si="394"/>
        <v>16629.407999999999</v>
      </c>
      <c r="IRK52" s="7">
        <f t="shared" si="394"/>
        <v>16629.407999999999</v>
      </c>
      <c r="IRL52" s="7">
        <f t="shared" si="394"/>
        <v>16629.407999999999</v>
      </c>
      <c r="IRM52" s="7">
        <f t="shared" si="394"/>
        <v>16629.407999999999</v>
      </c>
      <c r="IRN52" s="7">
        <f t="shared" si="394"/>
        <v>16629.407999999999</v>
      </c>
      <c r="IRO52" s="7">
        <f t="shared" si="394"/>
        <v>16629.407999999999</v>
      </c>
      <c r="IRP52" s="7">
        <f t="shared" si="394"/>
        <v>16629.407999999999</v>
      </c>
      <c r="IRQ52" s="7">
        <f t="shared" si="394"/>
        <v>16629.407999999999</v>
      </c>
      <c r="IRR52" s="7">
        <f t="shared" si="394"/>
        <v>16629.407999999999</v>
      </c>
      <c r="IRS52" s="7">
        <f t="shared" si="394"/>
        <v>16629.407999999999</v>
      </c>
      <c r="IRT52" s="7">
        <f t="shared" si="394"/>
        <v>16629.407999999999</v>
      </c>
      <c r="IRU52" s="7">
        <f t="shared" si="394"/>
        <v>16629.407999999999</v>
      </c>
      <c r="IRV52" s="7">
        <f t="shared" si="394"/>
        <v>16629.407999999999</v>
      </c>
      <c r="IRW52" s="7">
        <f t="shared" si="394"/>
        <v>16629.407999999999</v>
      </c>
      <c r="IRX52" s="7">
        <f t="shared" si="394"/>
        <v>16629.407999999999</v>
      </c>
      <c r="IRY52" s="7">
        <f t="shared" si="394"/>
        <v>16629.407999999999</v>
      </c>
      <c r="IRZ52" s="7">
        <f t="shared" si="394"/>
        <v>16629.407999999999</v>
      </c>
      <c r="ISA52" s="7">
        <f t="shared" si="394"/>
        <v>16629.407999999999</v>
      </c>
      <c r="ISB52" s="7">
        <f t="shared" si="394"/>
        <v>16629.407999999999</v>
      </c>
      <c r="ISC52" s="7">
        <f t="shared" si="394"/>
        <v>16629.407999999999</v>
      </c>
      <c r="ISD52" s="7">
        <f t="shared" si="394"/>
        <v>16629.407999999999</v>
      </c>
      <c r="ISE52" s="7">
        <f t="shared" si="394"/>
        <v>16629.407999999999</v>
      </c>
      <c r="ISF52" s="7">
        <f t="shared" si="394"/>
        <v>16629.407999999999</v>
      </c>
      <c r="ISG52" s="7">
        <f t="shared" si="394"/>
        <v>16629.407999999999</v>
      </c>
      <c r="ISH52" s="7">
        <f t="shared" si="394"/>
        <v>16629.407999999999</v>
      </c>
      <c r="ISI52" s="7">
        <f t="shared" si="394"/>
        <v>16629.407999999999</v>
      </c>
      <c r="ISJ52" s="7">
        <f t="shared" si="394"/>
        <v>16629.407999999999</v>
      </c>
      <c r="ISK52" s="7">
        <f t="shared" si="394"/>
        <v>16629.407999999999</v>
      </c>
      <c r="ISL52" s="7">
        <f t="shared" si="394"/>
        <v>16629.407999999999</v>
      </c>
      <c r="ISM52" s="7">
        <f t="shared" si="394"/>
        <v>16629.407999999999</v>
      </c>
      <c r="ISN52" s="7">
        <f t="shared" si="394"/>
        <v>16629.407999999999</v>
      </c>
      <c r="ISO52" s="7">
        <f t="shared" si="394"/>
        <v>16629.407999999999</v>
      </c>
      <c r="ISP52" s="7">
        <f t="shared" si="394"/>
        <v>16629.407999999999</v>
      </c>
      <c r="ISQ52" s="7">
        <f t="shared" si="394"/>
        <v>16629.407999999999</v>
      </c>
      <c r="ISR52" s="7">
        <f t="shared" si="394"/>
        <v>16629.407999999999</v>
      </c>
      <c r="ISS52" s="7">
        <f t="shared" si="394"/>
        <v>16629.407999999999</v>
      </c>
      <c r="IST52" s="7">
        <f t="shared" si="394"/>
        <v>16629.407999999999</v>
      </c>
      <c r="ISU52" s="7">
        <f t="shared" si="394"/>
        <v>16629.407999999999</v>
      </c>
      <c r="ISV52" s="7">
        <f t="shared" si="394"/>
        <v>16629.407999999999</v>
      </c>
      <c r="ISW52" s="7">
        <f t="shared" si="394"/>
        <v>16629.407999999999</v>
      </c>
      <c r="ISX52" s="7">
        <f t="shared" ref="ISX52:IVI52" si="395">ISX47+ISW52</f>
        <v>16629.407999999999</v>
      </c>
      <c r="ISY52" s="7">
        <f t="shared" si="395"/>
        <v>16629.407999999999</v>
      </c>
      <c r="ISZ52" s="7">
        <f t="shared" si="395"/>
        <v>16629.407999999999</v>
      </c>
      <c r="ITA52" s="7">
        <f t="shared" si="395"/>
        <v>16629.407999999999</v>
      </c>
      <c r="ITB52" s="7">
        <f t="shared" si="395"/>
        <v>16629.407999999999</v>
      </c>
      <c r="ITC52" s="7">
        <f t="shared" si="395"/>
        <v>16629.407999999999</v>
      </c>
      <c r="ITD52" s="7">
        <f t="shared" si="395"/>
        <v>16629.407999999999</v>
      </c>
      <c r="ITE52" s="7">
        <f t="shared" si="395"/>
        <v>16629.407999999999</v>
      </c>
      <c r="ITF52" s="7">
        <f t="shared" si="395"/>
        <v>16629.407999999999</v>
      </c>
      <c r="ITG52" s="7">
        <f t="shared" si="395"/>
        <v>16629.407999999999</v>
      </c>
      <c r="ITH52" s="7">
        <f t="shared" si="395"/>
        <v>16629.407999999999</v>
      </c>
      <c r="ITI52" s="7">
        <f t="shared" si="395"/>
        <v>16629.407999999999</v>
      </c>
      <c r="ITJ52" s="7">
        <f t="shared" si="395"/>
        <v>16629.407999999999</v>
      </c>
      <c r="ITK52" s="7">
        <f t="shared" si="395"/>
        <v>16629.407999999999</v>
      </c>
      <c r="ITL52" s="7">
        <f t="shared" si="395"/>
        <v>16629.407999999999</v>
      </c>
      <c r="ITM52" s="7">
        <f t="shared" si="395"/>
        <v>16629.407999999999</v>
      </c>
      <c r="ITN52" s="7">
        <f t="shared" si="395"/>
        <v>16629.407999999999</v>
      </c>
      <c r="ITO52" s="7">
        <f t="shared" si="395"/>
        <v>16629.407999999999</v>
      </c>
      <c r="ITP52" s="7">
        <f t="shared" si="395"/>
        <v>16629.407999999999</v>
      </c>
      <c r="ITQ52" s="7">
        <f t="shared" si="395"/>
        <v>16629.407999999999</v>
      </c>
      <c r="ITR52" s="7">
        <f t="shared" si="395"/>
        <v>16629.407999999999</v>
      </c>
      <c r="ITS52" s="7">
        <f t="shared" si="395"/>
        <v>16629.407999999999</v>
      </c>
      <c r="ITT52" s="7">
        <f t="shared" si="395"/>
        <v>16629.407999999999</v>
      </c>
      <c r="ITU52" s="7">
        <f t="shared" si="395"/>
        <v>16629.407999999999</v>
      </c>
      <c r="ITV52" s="7">
        <f t="shared" si="395"/>
        <v>16629.407999999999</v>
      </c>
      <c r="ITW52" s="7">
        <f t="shared" si="395"/>
        <v>16629.407999999999</v>
      </c>
      <c r="ITX52" s="7">
        <f t="shared" si="395"/>
        <v>16629.407999999999</v>
      </c>
      <c r="ITY52" s="7">
        <f t="shared" si="395"/>
        <v>16629.407999999999</v>
      </c>
      <c r="ITZ52" s="7">
        <f t="shared" si="395"/>
        <v>16629.407999999999</v>
      </c>
      <c r="IUA52" s="7">
        <f t="shared" si="395"/>
        <v>16629.407999999999</v>
      </c>
      <c r="IUB52" s="7">
        <f t="shared" si="395"/>
        <v>16629.407999999999</v>
      </c>
      <c r="IUC52" s="7">
        <f t="shared" si="395"/>
        <v>16629.407999999999</v>
      </c>
      <c r="IUD52" s="7">
        <f t="shared" si="395"/>
        <v>16629.407999999999</v>
      </c>
      <c r="IUE52" s="7">
        <f t="shared" si="395"/>
        <v>16629.407999999999</v>
      </c>
      <c r="IUF52" s="7">
        <f t="shared" si="395"/>
        <v>16629.407999999999</v>
      </c>
      <c r="IUG52" s="7">
        <f t="shared" si="395"/>
        <v>16629.407999999999</v>
      </c>
      <c r="IUH52" s="7">
        <f t="shared" si="395"/>
        <v>16629.407999999999</v>
      </c>
      <c r="IUI52" s="7">
        <f t="shared" si="395"/>
        <v>16629.407999999999</v>
      </c>
      <c r="IUJ52" s="7">
        <f t="shared" si="395"/>
        <v>16629.407999999999</v>
      </c>
      <c r="IUK52" s="7">
        <f t="shared" si="395"/>
        <v>16629.407999999999</v>
      </c>
      <c r="IUL52" s="7">
        <f t="shared" si="395"/>
        <v>16629.407999999999</v>
      </c>
      <c r="IUM52" s="7">
        <f t="shared" si="395"/>
        <v>16629.407999999999</v>
      </c>
      <c r="IUN52" s="7">
        <f t="shared" si="395"/>
        <v>16629.407999999999</v>
      </c>
      <c r="IUO52" s="7">
        <f t="shared" si="395"/>
        <v>16629.407999999999</v>
      </c>
      <c r="IUP52" s="7">
        <f t="shared" si="395"/>
        <v>16629.407999999999</v>
      </c>
      <c r="IUQ52" s="7">
        <f t="shared" si="395"/>
        <v>16629.407999999999</v>
      </c>
      <c r="IUR52" s="7">
        <f t="shared" si="395"/>
        <v>16629.407999999999</v>
      </c>
      <c r="IUS52" s="7">
        <f t="shared" si="395"/>
        <v>16629.407999999999</v>
      </c>
      <c r="IUT52" s="7">
        <f t="shared" si="395"/>
        <v>16629.407999999999</v>
      </c>
      <c r="IUU52" s="7">
        <f t="shared" si="395"/>
        <v>16629.407999999999</v>
      </c>
      <c r="IUV52" s="7">
        <f t="shared" si="395"/>
        <v>16629.407999999999</v>
      </c>
      <c r="IUW52" s="7">
        <f t="shared" si="395"/>
        <v>16629.407999999999</v>
      </c>
      <c r="IUX52" s="7">
        <f t="shared" si="395"/>
        <v>16629.407999999999</v>
      </c>
      <c r="IUY52" s="7">
        <f t="shared" si="395"/>
        <v>16629.407999999999</v>
      </c>
      <c r="IUZ52" s="7">
        <f t="shared" si="395"/>
        <v>16629.407999999999</v>
      </c>
      <c r="IVA52" s="7">
        <f t="shared" si="395"/>
        <v>16629.407999999999</v>
      </c>
      <c r="IVB52" s="7">
        <f t="shared" si="395"/>
        <v>16629.407999999999</v>
      </c>
      <c r="IVC52" s="7">
        <f t="shared" si="395"/>
        <v>16629.407999999999</v>
      </c>
      <c r="IVD52" s="7">
        <f t="shared" si="395"/>
        <v>16629.407999999999</v>
      </c>
      <c r="IVE52" s="7">
        <f t="shared" si="395"/>
        <v>16629.407999999999</v>
      </c>
      <c r="IVF52" s="7">
        <f t="shared" si="395"/>
        <v>16629.407999999999</v>
      </c>
      <c r="IVG52" s="7">
        <f t="shared" si="395"/>
        <v>16629.407999999999</v>
      </c>
      <c r="IVH52" s="7">
        <f t="shared" si="395"/>
        <v>16629.407999999999</v>
      </c>
      <c r="IVI52" s="7">
        <f t="shared" si="395"/>
        <v>16629.407999999999</v>
      </c>
      <c r="IVJ52" s="7">
        <f t="shared" ref="IVJ52:IXU52" si="396">IVJ47+IVI52</f>
        <v>16629.407999999999</v>
      </c>
      <c r="IVK52" s="7">
        <f t="shared" si="396"/>
        <v>16629.407999999999</v>
      </c>
      <c r="IVL52" s="7">
        <f t="shared" si="396"/>
        <v>16629.407999999999</v>
      </c>
      <c r="IVM52" s="7">
        <f t="shared" si="396"/>
        <v>16629.407999999999</v>
      </c>
      <c r="IVN52" s="7">
        <f t="shared" si="396"/>
        <v>16629.407999999999</v>
      </c>
      <c r="IVO52" s="7">
        <f t="shared" si="396"/>
        <v>16629.407999999999</v>
      </c>
      <c r="IVP52" s="7">
        <f t="shared" si="396"/>
        <v>16629.407999999999</v>
      </c>
      <c r="IVQ52" s="7">
        <f t="shared" si="396"/>
        <v>16629.407999999999</v>
      </c>
      <c r="IVR52" s="7">
        <f t="shared" si="396"/>
        <v>16629.407999999999</v>
      </c>
      <c r="IVS52" s="7">
        <f t="shared" si="396"/>
        <v>16629.407999999999</v>
      </c>
      <c r="IVT52" s="7">
        <f t="shared" si="396"/>
        <v>16629.407999999999</v>
      </c>
      <c r="IVU52" s="7">
        <f t="shared" si="396"/>
        <v>16629.407999999999</v>
      </c>
      <c r="IVV52" s="7">
        <f t="shared" si="396"/>
        <v>16629.407999999999</v>
      </c>
      <c r="IVW52" s="7">
        <f t="shared" si="396"/>
        <v>16629.407999999999</v>
      </c>
      <c r="IVX52" s="7">
        <f t="shared" si="396"/>
        <v>16629.407999999999</v>
      </c>
      <c r="IVY52" s="7">
        <f t="shared" si="396"/>
        <v>16629.407999999999</v>
      </c>
      <c r="IVZ52" s="7">
        <f t="shared" si="396"/>
        <v>16629.407999999999</v>
      </c>
      <c r="IWA52" s="7">
        <f t="shared" si="396"/>
        <v>16629.407999999999</v>
      </c>
      <c r="IWB52" s="7">
        <f t="shared" si="396"/>
        <v>16629.407999999999</v>
      </c>
      <c r="IWC52" s="7">
        <f t="shared" si="396"/>
        <v>16629.407999999999</v>
      </c>
      <c r="IWD52" s="7">
        <f t="shared" si="396"/>
        <v>16629.407999999999</v>
      </c>
      <c r="IWE52" s="7">
        <f t="shared" si="396"/>
        <v>16629.407999999999</v>
      </c>
      <c r="IWF52" s="7">
        <f t="shared" si="396"/>
        <v>16629.407999999999</v>
      </c>
      <c r="IWG52" s="7">
        <f t="shared" si="396"/>
        <v>16629.407999999999</v>
      </c>
      <c r="IWH52" s="7">
        <f t="shared" si="396"/>
        <v>16629.407999999999</v>
      </c>
      <c r="IWI52" s="7">
        <f t="shared" si="396"/>
        <v>16629.407999999999</v>
      </c>
      <c r="IWJ52" s="7">
        <f t="shared" si="396"/>
        <v>16629.407999999999</v>
      </c>
      <c r="IWK52" s="7">
        <f t="shared" si="396"/>
        <v>16629.407999999999</v>
      </c>
      <c r="IWL52" s="7">
        <f t="shared" si="396"/>
        <v>16629.407999999999</v>
      </c>
      <c r="IWM52" s="7">
        <f t="shared" si="396"/>
        <v>16629.407999999999</v>
      </c>
      <c r="IWN52" s="7">
        <f t="shared" si="396"/>
        <v>16629.407999999999</v>
      </c>
      <c r="IWO52" s="7">
        <f t="shared" si="396"/>
        <v>16629.407999999999</v>
      </c>
      <c r="IWP52" s="7">
        <f t="shared" si="396"/>
        <v>16629.407999999999</v>
      </c>
      <c r="IWQ52" s="7">
        <f t="shared" si="396"/>
        <v>16629.407999999999</v>
      </c>
      <c r="IWR52" s="7">
        <f t="shared" si="396"/>
        <v>16629.407999999999</v>
      </c>
      <c r="IWS52" s="7">
        <f t="shared" si="396"/>
        <v>16629.407999999999</v>
      </c>
      <c r="IWT52" s="7">
        <f t="shared" si="396"/>
        <v>16629.407999999999</v>
      </c>
      <c r="IWU52" s="7">
        <f t="shared" si="396"/>
        <v>16629.407999999999</v>
      </c>
      <c r="IWV52" s="7">
        <f t="shared" si="396"/>
        <v>16629.407999999999</v>
      </c>
      <c r="IWW52" s="7">
        <f t="shared" si="396"/>
        <v>16629.407999999999</v>
      </c>
      <c r="IWX52" s="7">
        <f t="shared" si="396"/>
        <v>16629.407999999999</v>
      </c>
      <c r="IWY52" s="7">
        <f t="shared" si="396"/>
        <v>16629.407999999999</v>
      </c>
      <c r="IWZ52" s="7">
        <f t="shared" si="396"/>
        <v>16629.407999999999</v>
      </c>
      <c r="IXA52" s="7">
        <f t="shared" si="396"/>
        <v>16629.407999999999</v>
      </c>
      <c r="IXB52" s="7">
        <f t="shared" si="396"/>
        <v>16629.407999999999</v>
      </c>
      <c r="IXC52" s="7">
        <f t="shared" si="396"/>
        <v>16629.407999999999</v>
      </c>
      <c r="IXD52" s="7">
        <f t="shared" si="396"/>
        <v>16629.407999999999</v>
      </c>
      <c r="IXE52" s="7">
        <f t="shared" si="396"/>
        <v>16629.407999999999</v>
      </c>
      <c r="IXF52" s="7">
        <f t="shared" si="396"/>
        <v>16629.407999999999</v>
      </c>
      <c r="IXG52" s="7">
        <f t="shared" si="396"/>
        <v>16629.407999999999</v>
      </c>
      <c r="IXH52" s="7">
        <f t="shared" si="396"/>
        <v>16629.407999999999</v>
      </c>
      <c r="IXI52" s="7">
        <f t="shared" si="396"/>
        <v>16629.407999999999</v>
      </c>
      <c r="IXJ52" s="7">
        <f t="shared" si="396"/>
        <v>16629.407999999999</v>
      </c>
      <c r="IXK52" s="7">
        <f t="shared" si="396"/>
        <v>16629.407999999999</v>
      </c>
      <c r="IXL52" s="7">
        <f t="shared" si="396"/>
        <v>16629.407999999999</v>
      </c>
      <c r="IXM52" s="7">
        <f t="shared" si="396"/>
        <v>16629.407999999999</v>
      </c>
      <c r="IXN52" s="7">
        <f t="shared" si="396"/>
        <v>16629.407999999999</v>
      </c>
      <c r="IXO52" s="7">
        <f t="shared" si="396"/>
        <v>16629.407999999999</v>
      </c>
      <c r="IXP52" s="7">
        <f t="shared" si="396"/>
        <v>16629.407999999999</v>
      </c>
      <c r="IXQ52" s="7">
        <f t="shared" si="396"/>
        <v>16629.407999999999</v>
      </c>
      <c r="IXR52" s="7">
        <f t="shared" si="396"/>
        <v>16629.407999999999</v>
      </c>
      <c r="IXS52" s="7">
        <f t="shared" si="396"/>
        <v>16629.407999999999</v>
      </c>
      <c r="IXT52" s="7">
        <f t="shared" si="396"/>
        <v>16629.407999999999</v>
      </c>
      <c r="IXU52" s="7">
        <f t="shared" si="396"/>
        <v>16629.407999999999</v>
      </c>
      <c r="IXV52" s="7">
        <f t="shared" ref="IXV52:JAG52" si="397">IXV47+IXU52</f>
        <v>16629.407999999999</v>
      </c>
      <c r="IXW52" s="7">
        <f t="shared" si="397"/>
        <v>16629.407999999999</v>
      </c>
      <c r="IXX52" s="7">
        <f t="shared" si="397"/>
        <v>16629.407999999999</v>
      </c>
      <c r="IXY52" s="7">
        <f t="shared" si="397"/>
        <v>16629.407999999999</v>
      </c>
      <c r="IXZ52" s="7">
        <f t="shared" si="397"/>
        <v>16629.407999999999</v>
      </c>
      <c r="IYA52" s="7">
        <f t="shared" si="397"/>
        <v>16629.407999999999</v>
      </c>
      <c r="IYB52" s="7">
        <f t="shared" si="397"/>
        <v>16629.407999999999</v>
      </c>
      <c r="IYC52" s="7">
        <f t="shared" si="397"/>
        <v>16629.407999999999</v>
      </c>
      <c r="IYD52" s="7">
        <f t="shared" si="397"/>
        <v>16629.407999999999</v>
      </c>
      <c r="IYE52" s="7">
        <f t="shared" si="397"/>
        <v>16629.407999999999</v>
      </c>
      <c r="IYF52" s="7">
        <f t="shared" si="397"/>
        <v>16629.407999999999</v>
      </c>
      <c r="IYG52" s="7">
        <f t="shared" si="397"/>
        <v>16629.407999999999</v>
      </c>
      <c r="IYH52" s="7">
        <f t="shared" si="397"/>
        <v>16629.407999999999</v>
      </c>
      <c r="IYI52" s="7">
        <f t="shared" si="397"/>
        <v>16629.407999999999</v>
      </c>
      <c r="IYJ52" s="7">
        <f t="shared" si="397"/>
        <v>16629.407999999999</v>
      </c>
      <c r="IYK52" s="7">
        <f t="shared" si="397"/>
        <v>16629.407999999999</v>
      </c>
      <c r="IYL52" s="7">
        <f t="shared" si="397"/>
        <v>16629.407999999999</v>
      </c>
      <c r="IYM52" s="7">
        <f t="shared" si="397"/>
        <v>16629.407999999999</v>
      </c>
      <c r="IYN52" s="7">
        <f t="shared" si="397"/>
        <v>16629.407999999999</v>
      </c>
      <c r="IYO52" s="7">
        <f t="shared" si="397"/>
        <v>16629.407999999999</v>
      </c>
      <c r="IYP52" s="7">
        <f t="shared" si="397"/>
        <v>16629.407999999999</v>
      </c>
      <c r="IYQ52" s="7">
        <f t="shared" si="397"/>
        <v>16629.407999999999</v>
      </c>
      <c r="IYR52" s="7">
        <f t="shared" si="397"/>
        <v>16629.407999999999</v>
      </c>
      <c r="IYS52" s="7">
        <f t="shared" si="397"/>
        <v>16629.407999999999</v>
      </c>
      <c r="IYT52" s="7">
        <f t="shared" si="397"/>
        <v>16629.407999999999</v>
      </c>
      <c r="IYU52" s="7">
        <f t="shared" si="397"/>
        <v>16629.407999999999</v>
      </c>
      <c r="IYV52" s="7">
        <f t="shared" si="397"/>
        <v>16629.407999999999</v>
      </c>
      <c r="IYW52" s="7">
        <f t="shared" si="397"/>
        <v>16629.407999999999</v>
      </c>
      <c r="IYX52" s="7">
        <f t="shared" si="397"/>
        <v>16629.407999999999</v>
      </c>
      <c r="IYY52" s="7">
        <f t="shared" si="397"/>
        <v>16629.407999999999</v>
      </c>
      <c r="IYZ52" s="7">
        <f t="shared" si="397"/>
        <v>16629.407999999999</v>
      </c>
      <c r="IZA52" s="7">
        <f t="shared" si="397"/>
        <v>16629.407999999999</v>
      </c>
      <c r="IZB52" s="7">
        <f t="shared" si="397"/>
        <v>16629.407999999999</v>
      </c>
      <c r="IZC52" s="7">
        <f t="shared" si="397"/>
        <v>16629.407999999999</v>
      </c>
      <c r="IZD52" s="7">
        <f t="shared" si="397"/>
        <v>16629.407999999999</v>
      </c>
      <c r="IZE52" s="7">
        <f t="shared" si="397"/>
        <v>16629.407999999999</v>
      </c>
      <c r="IZF52" s="7">
        <f t="shared" si="397"/>
        <v>16629.407999999999</v>
      </c>
      <c r="IZG52" s="7">
        <f t="shared" si="397"/>
        <v>16629.407999999999</v>
      </c>
      <c r="IZH52" s="7">
        <f t="shared" si="397"/>
        <v>16629.407999999999</v>
      </c>
      <c r="IZI52" s="7">
        <f t="shared" si="397"/>
        <v>16629.407999999999</v>
      </c>
      <c r="IZJ52" s="7">
        <f t="shared" si="397"/>
        <v>16629.407999999999</v>
      </c>
      <c r="IZK52" s="7">
        <f t="shared" si="397"/>
        <v>16629.407999999999</v>
      </c>
      <c r="IZL52" s="7">
        <f t="shared" si="397"/>
        <v>16629.407999999999</v>
      </c>
      <c r="IZM52" s="7">
        <f t="shared" si="397"/>
        <v>16629.407999999999</v>
      </c>
      <c r="IZN52" s="7">
        <f t="shared" si="397"/>
        <v>16629.407999999999</v>
      </c>
      <c r="IZO52" s="7">
        <f t="shared" si="397"/>
        <v>16629.407999999999</v>
      </c>
      <c r="IZP52" s="7">
        <f t="shared" si="397"/>
        <v>16629.407999999999</v>
      </c>
      <c r="IZQ52" s="7">
        <f t="shared" si="397"/>
        <v>16629.407999999999</v>
      </c>
      <c r="IZR52" s="7">
        <f t="shared" si="397"/>
        <v>16629.407999999999</v>
      </c>
      <c r="IZS52" s="7">
        <f t="shared" si="397"/>
        <v>16629.407999999999</v>
      </c>
      <c r="IZT52" s="7">
        <f t="shared" si="397"/>
        <v>16629.407999999999</v>
      </c>
      <c r="IZU52" s="7">
        <f t="shared" si="397"/>
        <v>16629.407999999999</v>
      </c>
      <c r="IZV52" s="7">
        <f t="shared" si="397"/>
        <v>16629.407999999999</v>
      </c>
      <c r="IZW52" s="7">
        <f t="shared" si="397"/>
        <v>16629.407999999999</v>
      </c>
      <c r="IZX52" s="7">
        <f t="shared" si="397"/>
        <v>16629.407999999999</v>
      </c>
      <c r="IZY52" s="7">
        <f t="shared" si="397"/>
        <v>16629.407999999999</v>
      </c>
      <c r="IZZ52" s="7">
        <f t="shared" si="397"/>
        <v>16629.407999999999</v>
      </c>
      <c r="JAA52" s="7">
        <f t="shared" si="397"/>
        <v>16629.407999999999</v>
      </c>
      <c r="JAB52" s="7">
        <f t="shared" si="397"/>
        <v>16629.407999999999</v>
      </c>
      <c r="JAC52" s="7">
        <f t="shared" si="397"/>
        <v>16629.407999999999</v>
      </c>
      <c r="JAD52" s="7">
        <f t="shared" si="397"/>
        <v>16629.407999999999</v>
      </c>
      <c r="JAE52" s="7">
        <f t="shared" si="397"/>
        <v>16629.407999999999</v>
      </c>
      <c r="JAF52" s="7">
        <f t="shared" si="397"/>
        <v>16629.407999999999</v>
      </c>
      <c r="JAG52" s="7">
        <f t="shared" si="397"/>
        <v>16629.407999999999</v>
      </c>
      <c r="JAH52" s="7">
        <f t="shared" ref="JAH52:JCS52" si="398">JAH47+JAG52</f>
        <v>16629.407999999999</v>
      </c>
      <c r="JAI52" s="7">
        <f t="shared" si="398"/>
        <v>16629.407999999999</v>
      </c>
      <c r="JAJ52" s="7">
        <f t="shared" si="398"/>
        <v>16629.407999999999</v>
      </c>
      <c r="JAK52" s="7">
        <f t="shared" si="398"/>
        <v>16629.407999999999</v>
      </c>
      <c r="JAL52" s="7">
        <f t="shared" si="398"/>
        <v>16629.407999999999</v>
      </c>
      <c r="JAM52" s="7">
        <f t="shared" si="398"/>
        <v>16629.407999999999</v>
      </c>
      <c r="JAN52" s="7">
        <f t="shared" si="398"/>
        <v>16629.407999999999</v>
      </c>
      <c r="JAO52" s="7">
        <f t="shared" si="398"/>
        <v>16629.407999999999</v>
      </c>
      <c r="JAP52" s="7">
        <f t="shared" si="398"/>
        <v>16629.407999999999</v>
      </c>
      <c r="JAQ52" s="7">
        <f t="shared" si="398"/>
        <v>16629.407999999999</v>
      </c>
      <c r="JAR52" s="7">
        <f t="shared" si="398"/>
        <v>16629.407999999999</v>
      </c>
      <c r="JAS52" s="7">
        <f t="shared" si="398"/>
        <v>16629.407999999999</v>
      </c>
      <c r="JAT52" s="7">
        <f t="shared" si="398"/>
        <v>16629.407999999999</v>
      </c>
      <c r="JAU52" s="7">
        <f t="shared" si="398"/>
        <v>16629.407999999999</v>
      </c>
      <c r="JAV52" s="7">
        <f t="shared" si="398"/>
        <v>16629.407999999999</v>
      </c>
      <c r="JAW52" s="7">
        <f t="shared" si="398"/>
        <v>16629.407999999999</v>
      </c>
      <c r="JAX52" s="7">
        <f t="shared" si="398"/>
        <v>16629.407999999999</v>
      </c>
      <c r="JAY52" s="7">
        <f t="shared" si="398"/>
        <v>16629.407999999999</v>
      </c>
      <c r="JAZ52" s="7">
        <f t="shared" si="398"/>
        <v>16629.407999999999</v>
      </c>
      <c r="JBA52" s="7">
        <f t="shared" si="398"/>
        <v>16629.407999999999</v>
      </c>
      <c r="JBB52" s="7">
        <f t="shared" si="398"/>
        <v>16629.407999999999</v>
      </c>
      <c r="JBC52" s="7">
        <f t="shared" si="398"/>
        <v>16629.407999999999</v>
      </c>
      <c r="JBD52" s="7">
        <f t="shared" si="398"/>
        <v>16629.407999999999</v>
      </c>
      <c r="JBE52" s="7">
        <f t="shared" si="398"/>
        <v>16629.407999999999</v>
      </c>
      <c r="JBF52" s="7">
        <f t="shared" si="398"/>
        <v>16629.407999999999</v>
      </c>
      <c r="JBG52" s="7">
        <f t="shared" si="398"/>
        <v>16629.407999999999</v>
      </c>
      <c r="JBH52" s="7">
        <f t="shared" si="398"/>
        <v>16629.407999999999</v>
      </c>
      <c r="JBI52" s="7">
        <f t="shared" si="398"/>
        <v>16629.407999999999</v>
      </c>
      <c r="JBJ52" s="7">
        <f t="shared" si="398"/>
        <v>16629.407999999999</v>
      </c>
      <c r="JBK52" s="7">
        <f t="shared" si="398"/>
        <v>16629.407999999999</v>
      </c>
      <c r="JBL52" s="7">
        <f t="shared" si="398"/>
        <v>16629.407999999999</v>
      </c>
      <c r="JBM52" s="7">
        <f t="shared" si="398"/>
        <v>16629.407999999999</v>
      </c>
      <c r="JBN52" s="7">
        <f t="shared" si="398"/>
        <v>16629.407999999999</v>
      </c>
      <c r="JBO52" s="7">
        <f t="shared" si="398"/>
        <v>16629.407999999999</v>
      </c>
      <c r="JBP52" s="7">
        <f t="shared" si="398"/>
        <v>16629.407999999999</v>
      </c>
      <c r="JBQ52" s="7">
        <f t="shared" si="398"/>
        <v>16629.407999999999</v>
      </c>
      <c r="JBR52" s="7">
        <f t="shared" si="398"/>
        <v>16629.407999999999</v>
      </c>
      <c r="JBS52" s="7">
        <f t="shared" si="398"/>
        <v>16629.407999999999</v>
      </c>
      <c r="JBT52" s="7">
        <f t="shared" si="398"/>
        <v>16629.407999999999</v>
      </c>
      <c r="JBU52" s="7">
        <f t="shared" si="398"/>
        <v>16629.407999999999</v>
      </c>
      <c r="JBV52" s="7">
        <f t="shared" si="398"/>
        <v>16629.407999999999</v>
      </c>
      <c r="JBW52" s="7">
        <f t="shared" si="398"/>
        <v>16629.407999999999</v>
      </c>
      <c r="JBX52" s="7">
        <f t="shared" si="398"/>
        <v>16629.407999999999</v>
      </c>
      <c r="JBY52" s="7">
        <f t="shared" si="398"/>
        <v>16629.407999999999</v>
      </c>
      <c r="JBZ52" s="7">
        <f t="shared" si="398"/>
        <v>16629.407999999999</v>
      </c>
      <c r="JCA52" s="7">
        <f t="shared" si="398"/>
        <v>16629.407999999999</v>
      </c>
      <c r="JCB52" s="7">
        <f t="shared" si="398"/>
        <v>16629.407999999999</v>
      </c>
      <c r="JCC52" s="7">
        <f t="shared" si="398"/>
        <v>16629.407999999999</v>
      </c>
      <c r="JCD52" s="7">
        <f t="shared" si="398"/>
        <v>16629.407999999999</v>
      </c>
      <c r="JCE52" s="7">
        <f t="shared" si="398"/>
        <v>16629.407999999999</v>
      </c>
      <c r="JCF52" s="7">
        <f t="shared" si="398"/>
        <v>16629.407999999999</v>
      </c>
      <c r="JCG52" s="7">
        <f t="shared" si="398"/>
        <v>16629.407999999999</v>
      </c>
      <c r="JCH52" s="7">
        <f t="shared" si="398"/>
        <v>16629.407999999999</v>
      </c>
      <c r="JCI52" s="7">
        <f t="shared" si="398"/>
        <v>16629.407999999999</v>
      </c>
      <c r="JCJ52" s="7">
        <f t="shared" si="398"/>
        <v>16629.407999999999</v>
      </c>
      <c r="JCK52" s="7">
        <f t="shared" si="398"/>
        <v>16629.407999999999</v>
      </c>
      <c r="JCL52" s="7">
        <f t="shared" si="398"/>
        <v>16629.407999999999</v>
      </c>
      <c r="JCM52" s="7">
        <f t="shared" si="398"/>
        <v>16629.407999999999</v>
      </c>
      <c r="JCN52" s="7">
        <f t="shared" si="398"/>
        <v>16629.407999999999</v>
      </c>
      <c r="JCO52" s="7">
        <f t="shared" si="398"/>
        <v>16629.407999999999</v>
      </c>
      <c r="JCP52" s="7">
        <f t="shared" si="398"/>
        <v>16629.407999999999</v>
      </c>
      <c r="JCQ52" s="7">
        <f t="shared" si="398"/>
        <v>16629.407999999999</v>
      </c>
      <c r="JCR52" s="7">
        <f t="shared" si="398"/>
        <v>16629.407999999999</v>
      </c>
      <c r="JCS52" s="7">
        <f t="shared" si="398"/>
        <v>16629.407999999999</v>
      </c>
      <c r="JCT52" s="7">
        <f t="shared" ref="JCT52:JFE52" si="399">JCT47+JCS52</f>
        <v>16629.407999999999</v>
      </c>
      <c r="JCU52" s="7">
        <f t="shared" si="399"/>
        <v>16629.407999999999</v>
      </c>
      <c r="JCV52" s="7">
        <f t="shared" si="399"/>
        <v>16629.407999999999</v>
      </c>
      <c r="JCW52" s="7">
        <f t="shared" si="399"/>
        <v>16629.407999999999</v>
      </c>
      <c r="JCX52" s="7">
        <f t="shared" si="399"/>
        <v>16629.407999999999</v>
      </c>
      <c r="JCY52" s="7">
        <f t="shared" si="399"/>
        <v>16629.407999999999</v>
      </c>
      <c r="JCZ52" s="7">
        <f t="shared" si="399"/>
        <v>16629.407999999999</v>
      </c>
      <c r="JDA52" s="7">
        <f t="shared" si="399"/>
        <v>16629.407999999999</v>
      </c>
      <c r="JDB52" s="7">
        <f t="shared" si="399"/>
        <v>16629.407999999999</v>
      </c>
      <c r="JDC52" s="7">
        <f t="shared" si="399"/>
        <v>16629.407999999999</v>
      </c>
      <c r="JDD52" s="7">
        <f t="shared" si="399"/>
        <v>16629.407999999999</v>
      </c>
      <c r="JDE52" s="7">
        <f t="shared" si="399"/>
        <v>16629.407999999999</v>
      </c>
      <c r="JDF52" s="7">
        <f t="shared" si="399"/>
        <v>16629.407999999999</v>
      </c>
      <c r="JDG52" s="7">
        <f t="shared" si="399"/>
        <v>16629.407999999999</v>
      </c>
      <c r="JDH52" s="7">
        <f t="shared" si="399"/>
        <v>16629.407999999999</v>
      </c>
      <c r="JDI52" s="7">
        <f t="shared" si="399"/>
        <v>16629.407999999999</v>
      </c>
      <c r="JDJ52" s="7">
        <f t="shared" si="399"/>
        <v>16629.407999999999</v>
      </c>
      <c r="JDK52" s="7">
        <f t="shared" si="399"/>
        <v>16629.407999999999</v>
      </c>
      <c r="JDL52" s="7">
        <f t="shared" si="399"/>
        <v>16629.407999999999</v>
      </c>
      <c r="JDM52" s="7">
        <f t="shared" si="399"/>
        <v>16629.407999999999</v>
      </c>
      <c r="JDN52" s="7">
        <f t="shared" si="399"/>
        <v>16629.407999999999</v>
      </c>
      <c r="JDO52" s="7">
        <f t="shared" si="399"/>
        <v>16629.407999999999</v>
      </c>
      <c r="JDP52" s="7">
        <f t="shared" si="399"/>
        <v>16629.407999999999</v>
      </c>
      <c r="JDQ52" s="7">
        <f t="shared" si="399"/>
        <v>16629.407999999999</v>
      </c>
      <c r="JDR52" s="7">
        <f t="shared" si="399"/>
        <v>16629.407999999999</v>
      </c>
      <c r="JDS52" s="7">
        <f t="shared" si="399"/>
        <v>16629.407999999999</v>
      </c>
      <c r="JDT52" s="7">
        <f t="shared" si="399"/>
        <v>16629.407999999999</v>
      </c>
      <c r="JDU52" s="7">
        <f t="shared" si="399"/>
        <v>16629.407999999999</v>
      </c>
      <c r="JDV52" s="7">
        <f t="shared" si="399"/>
        <v>16629.407999999999</v>
      </c>
      <c r="JDW52" s="7">
        <f t="shared" si="399"/>
        <v>16629.407999999999</v>
      </c>
      <c r="JDX52" s="7">
        <f t="shared" si="399"/>
        <v>16629.407999999999</v>
      </c>
      <c r="JDY52" s="7">
        <f t="shared" si="399"/>
        <v>16629.407999999999</v>
      </c>
      <c r="JDZ52" s="7">
        <f t="shared" si="399"/>
        <v>16629.407999999999</v>
      </c>
      <c r="JEA52" s="7">
        <f t="shared" si="399"/>
        <v>16629.407999999999</v>
      </c>
      <c r="JEB52" s="7">
        <f t="shared" si="399"/>
        <v>16629.407999999999</v>
      </c>
      <c r="JEC52" s="7">
        <f t="shared" si="399"/>
        <v>16629.407999999999</v>
      </c>
      <c r="JED52" s="7">
        <f t="shared" si="399"/>
        <v>16629.407999999999</v>
      </c>
      <c r="JEE52" s="7">
        <f t="shared" si="399"/>
        <v>16629.407999999999</v>
      </c>
      <c r="JEF52" s="7">
        <f t="shared" si="399"/>
        <v>16629.407999999999</v>
      </c>
      <c r="JEG52" s="7">
        <f t="shared" si="399"/>
        <v>16629.407999999999</v>
      </c>
      <c r="JEH52" s="7">
        <f t="shared" si="399"/>
        <v>16629.407999999999</v>
      </c>
      <c r="JEI52" s="7">
        <f t="shared" si="399"/>
        <v>16629.407999999999</v>
      </c>
      <c r="JEJ52" s="7">
        <f t="shared" si="399"/>
        <v>16629.407999999999</v>
      </c>
      <c r="JEK52" s="7">
        <f t="shared" si="399"/>
        <v>16629.407999999999</v>
      </c>
      <c r="JEL52" s="7">
        <f t="shared" si="399"/>
        <v>16629.407999999999</v>
      </c>
      <c r="JEM52" s="7">
        <f t="shared" si="399"/>
        <v>16629.407999999999</v>
      </c>
      <c r="JEN52" s="7">
        <f t="shared" si="399"/>
        <v>16629.407999999999</v>
      </c>
      <c r="JEO52" s="7">
        <f t="shared" si="399"/>
        <v>16629.407999999999</v>
      </c>
      <c r="JEP52" s="7">
        <f t="shared" si="399"/>
        <v>16629.407999999999</v>
      </c>
      <c r="JEQ52" s="7">
        <f t="shared" si="399"/>
        <v>16629.407999999999</v>
      </c>
      <c r="JER52" s="7">
        <f t="shared" si="399"/>
        <v>16629.407999999999</v>
      </c>
      <c r="JES52" s="7">
        <f t="shared" si="399"/>
        <v>16629.407999999999</v>
      </c>
      <c r="JET52" s="7">
        <f t="shared" si="399"/>
        <v>16629.407999999999</v>
      </c>
      <c r="JEU52" s="7">
        <f t="shared" si="399"/>
        <v>16629.407999999999</v>
      </c>
      <c r="JEV52" s="7">
        <f t="shared" si="399"/>
        <v>16629.407999999999</v>
      </c>
      <c r="JEW52" s="7">
        <f t="shared" si="399"/>
        <v>16629.407999999999</v>
      </c>
      <c r="JEX52" s="7">
        <f t="shared" si="399"/>
        <v>16629.407999999999</v>
      </c>
      <c r="JEY52" s="7">
        <f t="shared" si="399"/>
        <v>16629.407999999999</v>
      </c>
      <c r="JEZ52" s="7">
        <f t="shared" si="399"/>
        <v>16629.407999999999</v>
      </c>
      <c r="JFA52" s="7">
        <f t="shared" si="399"/>
        <v>16629.407999999999</v>
      </c>
      <c r="JFB52" s="7">
        <f t="shared" si="399"/>
        <v>16629.407999999999</v>
      </c>
      <c r="JFC52" s="7">
        <f t="shared" si="399"/>
        <v>16629.407999999999</v>
      </c>
      <c r="JFD52" s="7">
        <f t="shared" si="399"/>
        <v>16629.407999999999</v>
      </c>
      <c r="JFE52" s="7">
        <f t="shared" si="399"/>
        <v>16629.407999999999</v>
      </c>
      <c r="JFF52" s="7">
        <f t="shared" ref="JFF52:JHQ52" si="400">JFF47+JFE52</f>
        <v>16629.407999999999</v>
      </c>
      <c r="JFG52" s="7">
        <f t="shared" si="400"/>
        <v>16629.407999999999</v>
      </c>
      <c r="JFH52" s="7">
        <f t="shared" si="400"/>
        <v>16629.407999999999</v>
      </c>
      <c r="JFI52" s="7">
        <f t="shared" si="400"/>
        <v>16629.407999999999</v>
      </c>
      <c r="JFJ52" s="7">
        <f t="shared" si="400"/>
        <v>16629.407999999999</v>
      </c>
      <c r="JFK52" s="7">
        <f t="shared" si="400"/>
        <v>16629.407999999999</v>
      </c>
      <c r="JFL52" s="7">
        <f t="shared" si="400"/>
        <v>16629.407999999999</v>
      </c>
      <c r="JFM52" s="7">
        <f t="shared" si="400"/>
        <v>16629.407999999999</v>
      </c>
      <c r="JFN52" s="7">
        <f t="shared" si="400"/>
        <v>16629.407999999999</v>
      </c>
      <c r="JFO52" s="7">
        <f t="shared" si="400"/>
        <v>16629.407999999999</v>
      </c>
      <c r="JFP52" s="7">
        <f t="shared" si="400"/>
        <v>16629.407999999999</v>
      </c>
      <c r="JFQ52" s="7">
        <f t="shared" si="400"/>
        <v>16629.407999999999</v>
      </c>
      <c r="JFR52" s="7">
        <f t="shared" si="400"/>
        <v>16629.407999999999</v>
      </c>
      <c r="JFS52" s="7">
        <f t="shared" si="400"/>
        <v>16629.407999999999</v>
      </c>
      <c r="JFT52" s="7">
        <f t="shared" si="400"/>
        <v>16629.407999999999</v>
      </c>
      <c r="JFU52" s="7">
        <f t="shared" si="400"/>
        <v>16629.407999999999</v>
      </c>
      <c r="JFV52" s="7">
        <f t="shared" si="400"/>
        <v>16629.407999999999</v>
      </c>
      <c r="JFW52" s="7">
        <f t="shared" si="400"/>
        <v>16629.407999999999</v>
      </c>
      <c r="JFX52" s="7">
        <f t="shared" si="400"/>
        <v>16629.407999999999</v>
      </c>
      <c r="JFY52" s="7">
        <f t="shared" si="400"/>
        <v>16629.407999999999</v>
      </c>
      <c r="JFZ52" s="7">
        <f t="shared" si="400"/>
        <v>16629.407999999999</v>
      </c>
      <c r="JGA52" s="7">
        <f t="shared" si="400"/>
        <v>16629.407999999999</v>
      </c>
      <c r="JGB52" s="7">
        <f t="shared" si="400"/>
        <v>16629.407999999999</v>
      </c>
      <c r="JGC52" s="7">
        <f t="shared" si="400"/>
        <v>16629.407999999999</v>
      </c>
      <c r="JGD52" s="7">
        <f t="shared" si="400"/>
        <v>16629.407999999999</v>
      </c>
      <c r="JGE52" s="7">
        <f t="shared" si="400"/>
        <v>16629.407999999999</v>
      </c>
      <c r="JGF52" s="7">
        <f t="shared" si="400"/>
        <v>16629.407999999999</v>
      </c>
      <c r="JGG52" s="7">
        <f t="shared" si="400"/>
        <v>16629.407999999999</v>
      </c>
      <c r="JGH52" s="7">
        <f t="shared" si="400"/>
        <v>16629.407999999999</v>
      </c>
      <c r="JGI52" s="7">
        <f t="shared" si="400"/>
        <v>16629.407999999999</v>
      </c>
      <c r="JGJ52" s="7">
        <f t="shared" si="400"/>
        <v>16629.407999999999</v>
      </c>
      <c r="JGK52" s="7">
        <f t="shared" si="400"/>
        <v>16629.407999999999</v>
      </c>
      <c r="JGL52" s="7">
        <f t="shared" si="400"/>
        <v>16629.407999999999</v>
      </c>
      <c r="JGM52" s="7">
        <f t="shared" si="400"/>
        <v>16629.407999999999</v>
      </c>
      <c r="JGN52" s="7">
        <f t="shared" si="400"/>
        <v>16629.407999999999</v>
      </c>
      <c r="JGO52" s="7">
        <f t="shared" si="400"/>
        <v>16629.407999999999</v>
      </c>
      <c r="JGP52" s="7">
        <f t="shared" si="400"/>
        <v>16629.407999999999</v>
      </c>
      <c r="JGQ52" s="7">
        <f t="shared" si="400"/>
        <v>16629.407999999999</v>
      </c>
      <c r="JGR52" s="7">
        <f t="shared" si="400"/>
        <v>16629.407999999999</v>
      </c>
      <c r="JGS52" s="7">
        <f t="shared" si="400"/>
        <v>16629.407999999999</v>
      </c>
      <c r="JGT52" s="7">
        <f t="shared" si="400"/>
        <v>16629.407999999999</v>
      </c>
      <c r="JGU52" s="7">
        <f t="shared" si="400"/>
        <v>16629.407999999999</v>
      </c>
      <c r="JGV52" s="7">
        <f t="shared" si="400"/>
        <v>16629.407999999999</v>
      </c>
      <c r="JGW52" s="7">
        <f t="shared" si="400"/>
        <v>16629.407999999999</v>
      </c>
      <c r="JGX52" s="7">
        <f t="shared" si="400"/>
        <v>16629.407999999999</v>
      </c>
      <c r="JGY52" s="7">
        <f t="shared" si="400"/>
        <v>16629.407999999999</v>
      </c>
      <c r="JGZ52" s="7">
        <f t="shared" si="400"/>
        <v>16629.407999999999</v>
      </c>
      <c r="JHA52" s="7">
        <f t="shared" si="400"/>
        <v>16629.407999999999</v>
      </c>
      <c r="JHB52" s="7">
        <f t="shared" si="400"/>
        <v>16629.407999999999</v>
      </c>
      <c r="JHC52" s="7">
        <f t="shared" si="400"/>
        <v>16629.407999999999</v>
      </c>
      <c r="JHD52" s="7">
        <f t="shared" si="400"/>
        <v>16629.407999999999</v>
      </c>
      <c r="JHE52" s="7">
        <f t="shared" si="400"/>
        <v>16629.407999999999</v>
      </c>
      <c r="JHF52" s="7">
        <f t="shared" si="400"/>
        <v>16629.407999999999</v>
      </c>
      <c r="JHG52" s="7">
        <f t="shared" si="400"/>
        <v>16629.407999999999</v>
      </c>
      <c r="JHH52" s="7">
        <f t="shared" si="400"/>
        <v>16629.407999999999</v>
      </c>
      <c r="JHI52" s="7">
        <f t="shared" si="400"/>
        <v>16629.407999999999</v>
      </c>
      <c r="JHJ52" s="7">
        <f t="shared" si="400"/>
        <v>16629.407999999999</v>
      </c>
      <c r="JHK52" s="7">
        <f t="shared" si="400"/>
        <v>16629.407999999999</v>
      </c>
      <c r="JHL52" s="7">
        <f t="shared" si="400"/>
        <v>16629.407999999999</v>
      </c>
      <c r="JHM52" s="7">
        <f t="shared" si="400"/>
        <v>16629.407999999999</v>
      </c>
      <c r="JHN52" s="7">
        <f t="shared" si="400"/>
        <v>16629.407999999999</v>
      </c>
      <c r="JHO52" s="7">
        <f t="shared" si="400"/>
        <v>16629.407999999999</v>
      </c>
      <c r="JHP52" s="7">
        <f t="shared" si="400"/>
        <v>16629.407999999999</v>
      </c>
      <c r="JHQ52" s="7">
        <f t="shared" si="400"/>
        <v>16629.407999999999</v>
      </c>
      <c r="JHR52" s="7">
        <f t="shared" ref="JHR52:JKC52" si="401">JHR47+JHQ52</f>
        <v>16629.407999999999</v>
      </c>
      <c r="JHS52" s="7">
        <f t="shared" si="401"/>
        <v>16629.407999999999</v>
      </c>
      <c r="JHT52" s="7">
        <f t="shared" si="401"/>
        <v>16629.407999999999</v>
      </c>
      <c r="JHU52" s="7">
        <f t="shared" si="401"/>
        <v>16629.407999999999</v>
      </c>
      <c r="JHV52" s="7">
        <f t="shared" si="401"/>
        <v>16629.407999999999</v>
      </c>
      <c r="JHW52" s="7">
        <f t="shared" si="401"/>
        <v>16629.407999999999</v>
      </c>
      <c r="JHX52" s="7">
        <f t="shared" si="401"/>
        <v>16629.407999999999</v>
      </c>
      <c r="JHY52" s="7">
        <f t="shared" si="401"/>
        <v>16629.407999999999</v>
      </c>
      <c r="JHZ52" s="7">
        <f t="shared" si="401"/>
        <v>16629.407999999999</v>
      </c>
      <c r="JIA52" s="7">
        <f t="shared" si="401"/>
        <v>16629.407999999999</v>
      </c>
      <c r="JIB52" s="7">
        <f t="shared" si="401"/>
        <v>16629.407999999999</v>
      </c>
      <c r="JIC52" s="7">
        <f t="shared" si="401"/>
        <v>16629.407999999999</v>
      </c>
      <c r="JID52" s="7">
        <f t="shared" si="401"/>
        <v>16629.407999999999</v>
      </c>
      <c r="JIE52" s="7">
        <f t="shared" si="401"/>
        <v>16629.407999999999</v>
      </c>
      <c r="JIF52" s="7">
        <f t="shared" si="401"/>
        <v>16629.407999999999</v>
      </c>
      <c r="JIG52" s="7">
        <f t="shared" si="401"/>
        <v>16629.407999999999</v>
      </c>
      <c r="JIH52" s="7">
        <f t="shared" si="401"/>
        <v>16629.407999999999</v>
      </c>
      <c r="JII52" s="7">
        <f t="shared" si="401"/>
        <v>16629.407999999999</v>
      </c>
      <c r="JIJ52" s="7">
        <f t="shared" si="401"/>
        <v>16629.407999999999</v>
      </c>
      <c r="JIK52" s="7">
        <f t="shared" si="401"/>
        <v>16629.407999999999</v>
      </c>
      <c r="JIL52" s="7">
        <f t="shared" si="401"/>
        <v>16629.407999999999</v>
      </c>
      <c r="JIM52" s="7">
        <f t="shared" si="401"/>
        <v>16629.407999999999</v>
      </c>
      <c r="JIN52" s="7">
        <f t="shared" si="401"/>
        <v>16629.407999999999</v>
      </c>
      <c r="JIO52" s="7">
        <f t="shared" si="401"/>
        <v>16629.407999999999</v>
      </c>
      <c r="JIP52" s="7">
        <f t="shared" si="401"/>
        <v>16629.407999999999</v>
      </c>
      <c r="JIQ52" s="7">
        <f t="shared" si="401"/>
        <v>16629.407999999999</v>
      </c>
      <c r="JIR52" s="7">
        <f t="shared" si="401"/>
        <v>16629.407999999999</v>
      </c>
      <c r="JIS52" s="7">
        <f t="shared" si="401"/>
        <v>16629.407999999999</v>
      </c>
      <c r="JIT52" s="7">
        <f t="shared" si="401"/>
        <v>16629.407999999999</v>
      </c>
      <c r="JIU52" s="7">
        <f t="shared" si="401"/>
        <v>16629.407999999999</v>
      </c>
      <c r="JIV52" s="7">
        <f t="shared" si="401"/>
        <v>16629.407999999999</v>
      </c>
      <c r="JIW52" s="7">
        <f t="shared" si="401"/>
        <v>16629.407999999999</v>
      </c>
      <c r="JIX52" s="7">
        <f t="shared" si="401"/>
        <v>16629.407999999999</v>
      </c>
      <c r="JIY52" s="7">
        <f t="shared" si="401"/>
        <v>16629.407999999999</v>
      </c>
      <c r="JIZ52" s="7">
        <f t="shared" si="401"/>
        <v>16629.407999999999</v>
      </c>
      <c r="JJA52" s="7">
        <f t="shared" si="401"/>
        <v>16629.407999999999</v>
      </c>
      <c r="JJB52" s="7">
        <f t="shared" si="401"/>
        <v>16629.407999999999</v>
      </c>
      <c r="JJC52" s="7">
        <f t="shared" si="401"/>
        <v>16629.407999999999</v>
      </c>
      <c r="JJD52" s="7">
        <f t="shared" si="401"/>
        <v>16629.407999999999</v>
      </c>
      <c r="JJE52" s="7">
        <f t="shared" si="401"/>
        <v>16629.407999999999</v>
      </c>
      <c r="JJF52" s="7">
        <f t="shared" si="401"/>
        <v>16629.407999999999</v>
      </c>
      <c r="JJG52" s="7">
        <f t="shared" si="401"/>
        <v>16629.407999999999</v>
      </c>
      <c r="JJH52" s="7">
        <f t="shared" si="401"/>
        <v>16629.407999999999</v>
      </c>
      <c r="JJI52" s="7">
        <f t="shared" si="401"/>
        <v>16629.407999999999</v>
      </c>
      <c r="JJJ52" s="7">
        <f t="shared" si="401"/>
        <v>16629.407999999999</v>
      </c>
      <c r="JJK52" s="7">
        <f t="shared" si="401"/>
        <v>16629.407999999999</v>
      </c>
      <c r="JJL52" s="7">
        <f t="shared" si="401"/>
        <v>16629.407999999999</v>
      </c>
      <c r="JJM52" s="7">
        <f t="shared" si="401"/>
        <v>16629.407999999999</v>
      </c>
      <c r="JJN52" s="7">
        <f t="shared" si="401"/>
        <v>16629.407999999999</v>
      </c>
      <c r="JJO52" s="7">
        <f t="shared" si="401"/>
        <v>16629.407999999999</v>
      </c>
      <c r="JJP52" s="7">
        <f t="shared" si="401"/>
        <v>16629.407999999999</v>
      </c>
      <c r="JJQ52" s="7">
        <f t="shared" si="401"/>
        <v>16629.407999999999</v>
      </c>
      <c r="JJR52" s="7">
        <f t="shared" si="401"/>
        <v>16629.407999999999</v>
      </c>
      <c r="JJS52" s="7">
        <f t="shared" si="401"/>
        <v>16629.407999999999</v>
      </c>
      <c r="JJT52" s="7">
        <f t="shared" si="401"/>
        <v>16629.407999999999</v>
      </c>
      <c r="JJU52" s="7">
        <f t="shared" si="401"/>
        <v>16629.407999999999</v>
      </c>
      <c r="JJV52" s="7">
        <f t="shared" si="401"/>
        <v>16629.407999999999</v>
      </c>
      <c r="JJW52" s="7">
        <f t="shared" si="401"/>
        <v>16629.407999999999</v>
      </c>
      <c r="JJX52" s="7">
        <f t="shared" si="401"/>
        <v>16629.407999999999</v>
      </c>
      <c r="JJY52" s="7">
        <f t="shared" si="401"/>
        <v>16629.407999999999</v>
      </c>
      <c r="JJZ52" s="7">
        <f t="shared" si="401"/>
        <v>16629.407999999999</v>
      </c>
      <c r="JKA52" s="7">
        <f t="shared" si="401"/>
        <v>16629.407999999999</v>
      </c>
      <c r="JKB52" s="7">
        <f t="shared" si="401"/>
        <v>16629.407999999999</v>
      </c>
      <c r="JKC52" s="7">
        <f t="shared" si="401"/>
        <v>16629.407999999999</v>
      </c>
      <c r="JKD52" s="7">
        <f t="shared" ref="JKD52:JMO52" si="402">JKD47+JKC52</f>
        <v>16629.407999999999</v>
      </c>
      <c r="JKE52" s="7">
        <f t="shared" si="402"/>
        <v>16629.407999999999</v>
      </c>
      <c r="JKF52" s="7">
        <f t="shared" si="402"/>
        <v>16629.407999999999</v>
      </c>
      <c r="JKG52" s="7">
        <f t="shared" si="402"/>
        <v>16629.407999999999</v>
      </c>
      <c r="JKH52" s="7">
        <f t="shared" si="402"/>
        <v>16629.407999999999</v>
      </c>
      <c r="JKI52" s="7">
        <f t="shared" si="402"/>
        <v>16629.407999999999</v>
      </c>
      <c r="JKJ52" s="7">
        <f t="shared" si="402"/>
        <v>16629.407999999999</v>
      </c>
      <c r="JKK52" s="7">
        <f t="shared" si="402"/>
        <v>16629.407999999999</v>
      </c>
      <c r="JKL52" s="7">
        <f t="shared" si="402"/>
        <v>16629.407999999999</v>
      </c>
      <c r="JKM52" s="7">
        <f t="shared" si="402"/>
        <v>16629.407999999999</v>
      </c>
      <c r="JKN52" s="7">
        <f t="shared" si="402"/>
        <v>16629.407999999999</v>
      </c>
      <c r="JKO52" s="7">
        <f t="shared" si="402"/>
        <v>16629.407999999999</v>
      </c>
      <c r="JKP52" s="7">
        <f t="shared" si="402"/>
        <v>16629.407999999999</v>
      </c>
      <c r="JKQ52" s="7">
        <f t="shared" si="402"/>
        <v>16629.407999999999</v>
      </c>
      <c r="JKR52" s="7">
        <f t="shared" si="402"/>
        <v>16629.407999999999</v>
      </c>
      <c r="JKS52" s="7">
        <f t="shared" si="402"/>
        <v>16629.407999999999</v>
      </c>
      <c r="JKT52" s="7">
        <f t="shared" si="402"/>
        <v>16629.407999999999</v>
      </c>
      <c r="JKU52" s="7">
        <f t="shared" si="402"/>
        <v>16629.407999999999</v>
      </c>
      <c r="JKV52" s="7">
        <f t="shared" si="402"/>
        <v>16629.407999999999</v>
      </c>
      <c r="JKW52" s="7">
        <f t="shared" si="402"/>
        <v>16629.407999999999</v>
      </c>
      <c r="JKX52" s="7">
        <f t="shared" si="402"/>
        <v>16629.407999999999</v>
      </c>
      <c r="JKY52" s="7">
        <f t="shared" si="402"/>
        <v>16629.407999999999</v>
      </c>
      <c r="JKZ52" s="7">
        <f t="shared" si="402"/>
        <v>16629.407999999999</v>
      </c>
      <c r="JLA52" s="7">
        <f t="shared" si="402"/>
        <v>16629.407999999999</v>
      </c>
      <c r="JLB52" s="7">
        <f t="shared" si="402"/>
        <v>16629.407999999999</v>
      </c>
      <c r="JLC52" s="7">
        <f t="shared" si="402"/>
        <v>16629.407999999999</v>
      </c>
      <c r="JLD52" s="7">
        <f t="shared" si="402"/>
        <v>16629.407999999999</v>
      </c>
      <c r="JLE52" s="7">
        <f t="shared" si="402"/>
        <v>16629.407999999999</v>
      </c>
      <c r="JLF52" s="7">
        <f t="shared" si="402"/>
        <v>16629.407999999999</v>
      </c>
      <c r="JLG52" s="7">
        <f t="shared" si="402"/>
        <v>16629.407999999999</v>
      </c>
      <c r="JLH52" s="7">
        <f t="shared" si="402"/>
        <v>16629.407999999999</v>
      </c>
      <c r="JLI52" s="7">
        <f t="shared" si="402"/>
        <v>16629.407999999999</v>
      </c>
      <c r="JLJ52" s="7">
        <f t="shared" si="402"/>
        <v>16629.407999999999</v>
      </c>
      <c r="JLK52" s="7">
        <f t="shared" si="402"/>
        <v>16629.407999999999</v>
      </c>
      <c r="JLL52" s="7">
        <f t="shared" si="402"/>
        <v>16629.407999999999</v>
      </c>
      <c r="JLM52" s="7">
        <f t="shared" si="402"/>
        <v>16629.407999999999</v>
      </c>
      <c r="JLN52" s="7">
        <f t="shared" si="402"/>
        <v>16629.407999999999</v>
      </c>
      <c r="JLO52" s="7">
        <f t="shared" si="402"/>
        <v>16629.407999999999</v>
      </c>
      <c r="JLP52" s="7">
        <f t="shared" si="402"/>
        <v>16629.407999999999</v>
      </c>
      <c r="JLQ52" s="7">
        <f t="shared" si="402"/>
        <v>16629.407999999999</v>
      </c>
      <c r="JLR52" s="7">
        <f t="shared" si="402"/>
        <v>16629.407999999999</v>
      </c>
      <c r="JLS52" s="7">
        <f t="shared" si="402"/>
        <v>16629.407999999999</v>
      </c>
      <c r="JLT52" s="7">
        <f t="shared" si="402"/>
        <v>16629.407999999999</v>
      </c>
      <c r="JLU52" s="7">
        <f t="shared" si="402"/>
        <v>16629.407999999999</v>
      </c>
      <c r="JLV52" s="7">
        <f t="shared" si="402"/>
        <v>16629.407999999999</v>
      </c>
      <c r="JLW52" s="7">
        <f t="shared" si="402"/>
        <v>16629.407999999999</v>
      </c>
      <c r="JLX52" s="7">
        <f t="shared" si="402"/>
        <v>16629.407999999999</v>
      </c>
      <c r="JLY52" s="7">
        <f t="shared" si="402"/>
        <v>16629.407999999999</v>
      </c>
      <c r="JLZ52" s="7">
        <f t="shared" si="402"/>
        <v>16629.407999999999</v>
      </c>
      <c r="JMA52" s="7">
        <f t="shared" si="402"/>
        <v>16629.407999999999</v>
      </c>
      <c r="JMB52" s="7">
        <f t="shared" si="402"/>
        <v>16629.407999999999</v>
      </c>
      <c r="JMC52" s="7">
        <f t="shared" si="402"/>
        <v>16629.407999999999</v>
      </c>
      <c r="JMD52" s="7">
        <f t="shared" si="402"/>
        <v>16629.407999999999</v>
      </c>
      <c r="JME52" s="7">
        <f t="shared" si="402"/>
        <v>16629.407999999999</v>
      </c>
      <c r="JMF52" s="7">
        <f t="shared" si="402"/>
        <v>16629.407999999999</v>
      </c>
      <c r="JMG52" s="7">
        <f t="shared" si="402"/>
        <v>16629.407999999999</v>
      </c>
      <c r="JMH52" s="7">
        <f t="shared" si="402"/>
        <v>16629.407999999999</v>
      </c>
      <c r="JMI52" s="7">
        <f t="shared" si="402"/>
        <v>16629.407999999999</v>
      </c>
      <c r="JMJ52" s="7">
        <f t="shared" si="402"/>
        <v>16629.407999999999</v>
      </c>
      <c r="JMK52" s="7">
        <f t="shared" si="402"/>
        <v>16629.407999999999</v>
      </c>
      <c r="JML52" s="7">
        <f t="shared" si="402"/>
        <v>16629.407999999999</v>
      </c>
      <c r="JMM52" s="7">
        <f t="shared" si="402"/>
        <v>16629.407999999999</v>
      </c>
      <c r="JMN52" s="7">
        <f t="shared" si="402"/>
        <v>16629.407999999999</v>
      </c>
      <c r="JMO52" s="7">
        <f t="shared" si="402"/>
        <v>16629.407999999999</v>
      </c>
      <c r="JMP52" s="7">
        <f t="shared" ref="JMP52:JPA52" si="403">JMP47+JMO52</f>
        <v>16629.407999999999</v>
      </c>
      <c r="JMQ52" s="7">
        <f t="shared" si="403"/>
        <v>16629.407999999999</v>
      </c>
      <c r="JMR52" s="7">
        <f t="shared" si="403"/>
        <v>16629.407999999999</v>
      </c>
      <c r="JMS52" s="7">
        <f t="shared" si="403"/>
        <v>16629.407999999999</v>
      </c>
      <c r="JMT52" s="7">
        <f t="shared" si="403"/>
        <v>16629.407999999999</v>
      </c>
      <c r="JMU52" s="7">
        <f t="shared" si="403"/>
        <v>16629.407999999999</v>
      </c>
      <c r="JMV52" s="7">
        <f t="shared" si="403"/>
        <v>16629.407999999999</v>
      </c>
      <c r="JMW52" s="7">
        <f t="shared" si="403"/>
        <v>16629.407999999999</v>
      </c>
      <c r="JMX52" s="7">
        <f t="shared" si="403"/>
        <v>16629.407999999999</v>
      </c>
      <c r="JMY52" s="7">
        <f t="shared" si="403"/>
        <v>16629.407999999999</v>
      </c>
      <c r="JMZ52" s="7">
        <f t="shared" si="403"/>
        <v>16629.407999999999</v>
      </c>
      <c r="JNA52" s="7">
        <f t="shared" si="403"/>
        <v>16629.407999999999</v>
      </c>
      <c r="JNB52" s="7">
        <f t="shared" si="403"/>
        <v>16629.407999999999</v>
      </c>
      <c r="JNC52" s="7">
        <f t="shared" si="403"/>
        <v>16629.407999999999</v>
      </c>
      <c r="JND52" s="7">
        <f t="shared" si="403"/>
        <v>16629.407999999999</v>
      </c>
      <c r="JNE52" s="7">
        <f t="shared" si="403"/>
        <v>16629.407999999999</v>
      </c>
      <c r="JNF52" s="7">
        <f t="shared" si="403"/>
        <v>16629.407999999999</v>
      </c>
      <c r="JNG52" s="7">
        <f t="shared" si="403"/>
        <v>16629.407999999999</v>
      </c>
      <c r="JNH52" s="7">
        <f t="shared" si="403"/>
        <v>16629.407999999999</v>
      </c>
      <c r="JNI52" s="7">
        <f t="shared" si="403"/>
        <v>16629.407999999999</v>
      </c>
      <c r="JNJ52" s="7">
        <f t="shared" si="403"/>
        <v>16629.407999999999</v>
      </c>
      <c r="JNK52" s="7">
        <f t="shared" si="403"/>
        <v>16629.407999999999</v>
      </c>
      <c r="JNL52" s="7">
        <f t="shared" si="403"/>
        <v>16629.407999999999</v>
      </c>
      <c r="JNM52" s="7">
        <f t="shared" si="403"/>
        <v>16629.407999999999</v>
      </c>
      <c r="JNN52" s="7">
        <f t="shared" si="403"/>
        <v>16629.407999999999</v>
      </c>
      <c r="JNO52" s="7">
        <f t="shared" si="403"/>
        <v>16629.407999999999</v>
      </c>
      <c r="JNP52" s="7">
        <f t="shared" si="403"/>
        <v>16629.407999999999</v>
      </c>
      <c r="JNQ52" s="7">
        <f t="shared" si="403"/>
        <v>16629.407999999999</v>
      </c>
      <c r="JNR52" s="7">
        <f t="shared" si="403"/>
        <v>16629.407999999999</v>
      </c>
      <c r="JNS52" s="7">
        <f t="shared" si="403"/>
        <v>16629.407999999999</v>
      </c>
      <c r="JNT52" s="7">
        <f t="shared" si="403"/>
        <v>16629.407999999999</v>
      </c>
      <c r="JNU52" s="7">
        <f t="shared" si="403"/>
        <v>16629.407999999999</v>
      </c>
      <c r="JNV52" s="7">
        <f t="shared" si="403"/>
        <v>16629.407999999999</v>
      </c>
      <c r="JNW52" s="7">
        <f t="shared" si="403"/>
        <v>16629.407999999999</v>
      </c>
      <c r="JNX52" s="7">
        <f t="shared" si="403"/>
        <v>16629.407999999999</v>
      </c>
      <c r="JNY52" s="7">
        <f t="shared" si="403"/>
        <v>16629.407999999999</v>
      </c>
      <c r="JNZ52" s="7">
        <f t="shared" si="403"/>
        <v>16629.407999999999</v>
      </c>
      <c r="JOA52" s="7">
        <f t="shared" si="403"/>
        <v>16629.407999999999</v>
      </c>
      <c r="JOB52" s="7">
        <f t="shared" si="403"/>
        <v>16629.407999999999</v>
      </c>
      <c r="JOC52" s="7">
        <f t="shared" si="403"/>
        <v>16629.407999999999</v>
      </c>
      <c r="JOD52" s="7">
        <f t="shared" si="403"/>
        <v>16629.407999999999</v>
      </c>
      <c r="JOE52" s="7">
        <f t="shared" si="403"/>
        <v>16629.407999999999</v>
      </c>
      <c r="JOF52" s="7">
        <f t="shared" si="403"/>
        <v>16629.407999999999</v>
      </c>
      <c r="JOG52" s="7">
        <f t="shared" si="403"/>
        <v>16629.407999999999</v>
      </c>
      <c r="JOH52" s="7">
        <f t="shared" si="403"/>
        <v>16629.407999999999</v>
      </c>
      <c r="JOI52" s="7">
        <f t="shared" si="403"/>
        <v>16629.407999999999</v>
      </c>
      <c r="JOJ52" s="7">
        <f t="shared" si="403"/>
        <v>16629.407999999999</v>
      </c>
      <c r="JOK52" s="7">
        <f t="shared" si="403"/>
        <v>16629.407999999999</v>
      </c>
      <c r="JOL52" s="7">
        <f t="shared" si="403"/>
        <v>16629.407999999999</v>
      </c>
      <c r="JOM52" s="7">
        <f t="shared" si="403"/>
        <v>16629.407999999999</v>
      </c>
      <c r="JON52" s="7">
        <f t="shared" si="403"/>
        <v>16629.407999999999</v>
      </c>
      <c r="JOO52" s="7">
        <f t="shared" si="403"/>
        <v>16629.407999999999</v>
      </c>
      <c r="JOP52" s="7">
        <f t="shared" si="403"/>
        <v>16629.407999999999</v>
      </c>
      <c r="JOQ52" s="7">
        <f t="shared" si="403"/>
        <v>16629.407999999999</v>
      </c>
      <c r="JOR52" s="7">
        <f t="shared" si="403"/>
        <v>16629.407999999999</v>
      </c>
      <c r="JOS52" s="7">
        <f t="shared" si="403"/>
        <v>16629.407999999999</v>
      </c>
      <c r="JOT52" s="7">
        <f t="shared" si="403"/>
        <v>16629.407999999999</v>
      </c>
      <c r="JOU52" s="7">
        <f t="shared" si="403"/>
        <v>16629.407999999999</v>
      </c>
      <c r="JOV52" s="7">
        <f t="shared" si="403"/>
        <v>16629.407999999999</v>
      </c>
      <c r="JOW52" s="7">
        <f t="shared" si="403"/>
        <v>16629.407999999999</v>
      </c>
      <c r="JOX52" s="7">
        <f t="shared" si="403"/>
        <v>16629.407999999999</v>
      </c>
      <c r="JOY52" s="7">
        <f t="shared" si="403"/>
        <v>16629.407999999999</v>
      </c>
      <c r="JOZ52" s="7">
        <f t="shared" si="403"/>
        <v>16629.407999999999</v>
      </c>
      <c r="JPA52" s="7">
        <f t="shared" si="403"/>
        <v>16629.407999999999</v>
      </c>
      <c r="JPB52" s="7">
        <f t="shared" ref="JPB52:JRM52" si="404">JPB47+JPA52</f>
        <v>16629.407999999999</v>
      </c>
      <c r="JPC52" s="7">
        <f t="shared" si="404"/>
        <v>16629.407999999999</v>
      </c>
      <c r="JPD52" s="7">
        <f t="shared" si="404"/>
        <v>16629.407999999999</v>
      </c>
      <c r="JPE52" s="7">
        <f t="shared" si="404"/>
        <v>16629.407999999999</v>
      </c>
      <c r="JPF52" s="7">
        <f t="shared" si="404"/>
        <v>16629.407999999999</v>
      </c>
      <c r="JPG52" s="7">
        <f t="shared" si="404"/>
        <v>16629.407999999999</v>
      </c>
      <c r="JPH52" s="7">
        <f t="shared" si="404"/>
        <v>16629.407999999999</v>
      </c>
      <c r="JPI52" s="7">
        <f t="shared" si="404"/>
        <v>16629.407999999999</v>
      </c>
      <c r="JPJ52" s="7">
        <f t="shared" si="404"/>
        <v>16629.407999999999</v>
      </c>
      <c r="JPK52" s="7">
        <f t="shared" si="404"/>
        <v>16629.407999999999</v>
      </c>
      <c r="JPL52" s="7">
        <f t="shared" si="404"/>
        <v>16629.407999999999</v>
      </c>
      <c r="JPM52" s="7">
        <f t="shared" si="404"/>
        <v>16629.407999999999</v>
      </c>
      <c r="JPN52" s="7">
        <f t="shared" si="404"/>
        <v>16629.407999999999</v>
      </c>
      <c r="JPO52" s="7">
        <f t="shared" si="404"/>
        <v>16629.407999999999</v>
      </c>
      <c r="JPP52" s="7">
        <f t="shared" si="404"/>
        <v>16629.407999999999</v>
      </c>
      <c r="JPQ52" s="7">
        <f t="shared" si="404"/>
        <v>16629.407999999999</v>
      </c>
      <c r="JPR52" s="7">
        <f t="shared" si="404"/>
        <v>16629.407999999999</v>
      </c>
      <c r="JPS52" s="7">
        <f t="shared" si="404"/>
        <v>16629.407999999999</v>
      </c>
      <c r="JPT52" s="7">
        <f t="shared" si="404"/>
        <v>16629.407999999999</v>
      </c>
      <c r="JPU52" s="7">
        <f t="shared" si="404"/>
        <v>16629.407999999999</v>
      </c>
      <c r="JPV52" s="7">
        <f t="shared" si="404"/>
        <v>16629.407999999999</v>
      </c>
      <c r="JPW52" s="7">
        <f t="shared" si="404"/>
        <v>16629.407999999999</v>
      </c>
      <c r="JPX52" s="7">
        <f t="shared" si="404"/>
        <v>16629.407999999999</v>
      </c>
      <c r="JPY52" s="7">
        <f t="shared" si="404"/>
        <v>16629.407999999999</v>
      </c>
      <c r="JPZ52" s="7">
        <f t="shared" si="404"/>
        <v>16629.407999999999</v>
      </c>
      <c r="JQA52" s="7">
        <f t="shared" si="404"/>
        <v>16629.407999999999</v>
      </c>
      <c r="JQB52" s="7">
        <f t="shared" si="404"/>
        <v>16629.407999999999</v>
      </c>
      <c r="JQC52" s="7">
        <f t="shared" si="404"/>
        <v>16629.407999999999</v>
      </c>
      <c r="JQD52" s="7">
        <f t="shared" si="404"/>
        <v>16629.407999999999</v>
      </c>
      <c r="JQE52" s="7">
        <f t="shared" si="404"/>
        <v>16629.407999999999</v>
      </c>
      <c r="JQF52" s="7">
        <f t="shared" si="404"/>
        <v>16629.407999999999</v>
      </c>
      <c r="JQG52" s="7">
        <f t="shared" si="404"/>
        <v>16629.407999999999</v>
      </c>
      <c r="JQH52" s="7">
        <f t="shared" si="404"/>
        <v>16629.407999999999</v>
      </c>
      <c r="JQI52" s="7">
        <f t="shared" si="404"/>
        <v>16629.407999999999</v>
      </c>
      <c r="JQJ52" s="7">
        <f t="shared" si="404"/>
        <v>16629.407999999999</v>
      </c>
      <c r="JQK52" s="7">
        <f t="shared" si="404"/>
        <v>16629.407999999999</v>
      </c>
      <c r="JQL52" s="7">
        <f t="shared" si="404"/>
        <v>16629.407999999999</v>
      </c>
      <c r="JQM52" s="7">
        <f t="shared" si="404"/>
        <v>16629.407999999999</v>
      </c>
      <c r="JQN52" s="7">
        <f t="shared" si="404"/>
        <v>16629.407999999999</v>
      </c>
      <c r="JQO52" s="7">
        <f t="shared" si="404"/>
        <v>16629.407999999999</v>
      </c>
      <c r="JQP52" s="7">
        <f t="shared" si="404"/>
        <v>16629.407999999999</v>
      </c>
      <c r="JQQ52" s="7">
        <f t="shared" si="404"/>
        <v>16629.407999999999</v>
      </c>
      <c r="JQR52" s="7">
        <f t="shared" si="404"/>
        <v>16629.407999999999</v>
      </c>
      <c r="JQS52" s="7">
        <f t="shared" si="404"/>
        <v>16629.407999999999</v>
      </c>
      <c r="JQT52" s="7">
        <f t="shared" si="404"/>
        <v>16629.407999999999</v>
      </c>
      <c r="JQU52" s="7">
        <f t="shared" si="404"/>
        <v>16629.407999999999</v>
      </c>
      <c r="JQV52" s="7">
        <f t="shared" si="404"/>
        <v>16629.407999999999</v>
      </c>
      <c r="JQW52" s="7">
        <f t="shared" si="404"/>
        <v>16629.407999999999</v>
      </c>
      <c r="JQX52" s="7">
        <f t="shared" si="404"/>
        <v>16629.407999999999</v>
      </c>
      <c r="JQY52" s="7">
        <f t="shared" si="404"/>
        <v>16629.407999999999</v>
      </c>
      <c r="JQZ52" s="7">
        <f t="shared" si="404"/>
        <v>16629.407999999999</v>
      </c>
      <c r="JRA52" s="7">
        <f t="shared" si="404"/>
        <v>16629.407999999999</v>
      </c>
      <c r="JRB52" s="7">
        <f t="shared" si="404"/>
        <v>16629.407999999999</v>
      </c>
      <c r="JRC52" s="7">
        <f t="shared" si="404"/>
        <v>16629.407999999999</v>
      </c>
      <c r="JRD52" s="7">
        <f t="shared" si="404"/>
        <v>16629.407999999999</v>
      </c>
      <c r="JRE52" s="7">
        <f t="shared" si="404"/>
        <v>16629.407999999999</v>
      </c>
      <c r="JRF52" s="7">
        <f t="shared" si="404"/>
        <v>16629.407999999999</v>
      </c>
      <c r="JRG52" s="7">
        <f t="shared" si="404"/>
        <v>16629.407999999999</v>
      </c>
      <c r="JRH52" s="7">
        <f t="shared" si="404"/>
        <v>16629.407999999999</v>
      </c>
      <c r="JRI52" s="7">
        <f t="shared" si="404"/>
        <v>16629.407999999999</v>
      </c>
      <c r="JRJ52" s="7">
        <f t="shared" si="404"/>
        <v>16629.407999999999</v>
      </c>
      <c r="JRK52" s="7">
        <f t="shared" si="404"/>
        <v>16629.407999999999</v>
      </c>
      <c r="JRL52" s="7">
        <f t="shared" si="404"/>
        <v>16629.407999999999</v>
      </c>
      <c r="JRM52" s="7">
        <f t="shared" si="404"/>
        <v>16629.407999999999</v>
      </c>
      <c r="JRN52" s="7">
        <f t="shared" ref="JRN52:JTY52" si="405">JRN47+JRM52</f>
        <v>16629.407999999999</v>
      </c>
      <c r="JRO52" s="7">
        <f t="shared" si="405"/>
        <v>16629.407999999999</v>
      </c>
      <c r="JRP52" s="7">
        <f t="shared" si="405"/>
        <v>16629.407999999999</v>
      </c>
      <c r="JRQ52" s="7">
        <f t="shared" si="405"/>
        <v>16629.407999999999</v>
      </c>
      <c r="JRR52" s="7">
        <f t="shared" si="405"/>
        <v>16629.407999999999</v>
      </c>
      <c r="JRS52" s="7">
        <f t="shared" si="405"/>
        <v>16629.407999999999</v>
      </c>
      <c r="JRT52" s="7">
        <f t="shared" si="405"/>
        <v>16629.407999999999</v>
      </c>
      <c r="JRU52" s="7">
        <f t="shared" si="405"/>
        <v>16629.407999999999</v>
      </c>
      <c r="JRV52" s="7">
        <f t="shared" si="405"/>
        <v>16629.407999999999</v>
      </c>
      <c r="JRW52" s="7">
        <f t="shared" si="405"/>
        <v>16629.407999999999</v>
      </c>
      <c r="JRX52" s="7">
        <f t="shared" si="405"/>
        <v>16629.407999999999</v>
      </c>
      <c r="JRY52" s="7">
        <f t="shared" si="405"/>
        <v>16629.407999999999</v>
      </c>
      <c r="JRZ52" s="7">
        <f t="shared" si="405"/>
        <v>16629.407999999999</v>
      </c>
      <c r="JSA52" s="7">
        <f t="shared" si="405"/>
        <v>16629.407999999999</v>
      </c>
      <c r="JSB52" s="7">
        <f t="shared" si="405"/>
        <v>16629.407999999999</v>
      </c>
      <c r="JSC52" s="7">
        <f t="shared" si="405"/>
        <v>16629.407999999999</v>
      </c>
      <c r="JSD52" s="7">
        <f t="shared" si="405"/>
        <v>16629.407999999999</v>
      </c>
      <c r="JSE52" s="7">
        <f t="shared" si="405"/>
        <v>16629.407999999999</v>
      </c>
      <c r="JSF52" s="7">
        <f t="shared" si="405"/>
        <v>16629.407999999999</v>
      </c>
      <c r="JSG52" s="7">
        <f t="shared" si="405"/>
        <v>16629.407999999999</v>
      </c>
      <c r="JSH52" s="7">
        <f t="shared" si="405"/>
        <v>16629.407999999999</v>
      </c>
      <c r="JSI52" s="7">
        <f t="shared" si="405"/>
        <v>16629.407999999999</v>
      </c>
      <c r="JSJ52" s="7">
        <f t="shared" si="405"/>
        <v>16629.407999999999</v>
      </c>
      <c r="JSK52" s="7">
        <f t="shared" si="405"/>
        <v>16629.407999999999</v>
      </c>
      <c r="JSL52" s="7">
        <f t="shared" si="405"/>
        <v>16629.407999999999</v>
      </c>
      <c r="JSM52" s="7">
        <f t="shared" si="405"/>
        <v>16629.407999999999</v>
      </c>
      <c r="JSN52" s="7">
        <f t="shared" si="405"/>
        <v>16629.407999999999</v>
      </c>
      <c r="JSO52" s="7">
        <f t="shared" si="405"/>
        <v>16629.407999999999</v>
      </c>
      <c r="JSP52" s="7">
        <f t="shared" si="405"/>
        <v>16629.407999999999</v>
      </c>
      <c r="JSQ52" s="7">
        <f t="shared" si="405"/>
        <v>16629.407999999999</v>
      </c>
      <c r="JSR52" s="7">
        <f t="shared" si="405"/>
        <v>16629.407999999999</v>
      </c>
      <c r="JSS52" s="7">
        <f t="shared" si="405"/>
        <v>16629.407999999999</v>
      </c>
      <c r="JST52" s="7">
        <f t="shared" si="405"/>
        <v>16629.407999999999</v>
      </c>
      <c r="JSU52" s="7">
        <f t="shared" si="405"/>
        <v>16629.407999999999</v>
      </c>
      <c r="JSV52" s="7">
        <f t="shared" si="405"/>
        <v>16629.407999999999</v>
      </c>
      <c r="JSW52" s="7">
        <f t="shared" si="405"/>
        <v>16629.407999999999</v>
      </c>
      <c r="JSX52" s="7">
        <f t="shared" si="405"/>
        <v>16629.407999999999</v>
      </c>
      <c r="JSY52" s="7">
        <f t="shared" si="405"/>
        <v>16629.407999999999</v>
      </c>
      <c r="JSZ52" s="7">
        <f t="shared" si="405"/>
        <v>16629.407999999999</v>
      </c>
      <c r="JTA52" s="7">
        <f t="shared" si="405"/>
        <v>16629.407999999999</v>
      </c>
      <c r="JTB52" s="7">
        <f t="shared" si="405"/>
        <v>16629.407999999999</v>
      </c>
      <c r="JTC52" s="7">
        <f t="shared" si="405"/>
        <v>16629.407999999999</v>
      </c>
      <c r="JTD52" s="7">
        <f t="shared" si="405"/>
        <v>16629.407999999999</v>
      </c>
      <c r="JTE52" s="7">
        <f t="shared" si="405"/>
        <v>16629.407999999999</v>
      </c>
      <c r="JTF52" s="7">
        <f t="shared" si="405"/>
        <v>16629.407999999999</v>
      </c>
      <c r="JTG52" s="7">
        <f t="shared" si="405"/>
        <v>16629.407999999999</v>
      </c>
      <c r="JTH52" s="7">
        <f t="shared" si="405"/>
        <v>16629.407999999999</v>
      </c>
      <c r="JTI52" s="7">
        <f t="shared" si="405"/>
        <v>16629.407999999999</v>
      </c>
      <c r="JTJ52" s="7">
        <f t="shared" si="405"/>
        <v>16629.407999999999</v>
      </c>
      <c r="JTK52" s="7">
        <f t="shared" si="405"/>
        <v>16629.407999999999</v>
      </c>
      <c r="JTL52" s="7">
        <f t="shared" si="405"/>
        <v>16629.407999999999</v>
      </c>
      <c r="JTM52" s="7">
        <f t="shared" si="405"/>
        <v>16629.407999999999</v>
      </c>
      <c r="JTN52" s="7">
        <f t="shared" si="405"/>
        <v>16629.407999999999</v>
      </c>
      <c r="JTO52" s="7">
        <f t="shared" si="405"/>
        <v>16629.407999999999</v>
      </c>
      <c r="JTP52" s="7">
        <f t="shared" si="405"/>
        <v>16629.407999999999</v>
      </c>
      <c r="JTQ52" s="7">
        <f t="shared" si="405"/>
        <v>16629.407999999999</v>
      </c>
      <c r="JTR52" s="7">
        <f t="shared" si="405"/>
        <v>16629.407999999999</v>
      </c>
      <c r="JTS52" s="7">
        <f t="shared" si="405"/>
        <v>16629.407999999999</v>
      </c>
      <c r="JTT52" s="7">
        <f t="shared" si="405"/>
        <v>16629.407999999999</v>
      </c>
      <c r="JTU52" s="7">
        <f t="shared" si="405"/>
        <v>16629.407999999999</v>
      </c>
      <c r="JTV52" s="7">
        <f t="shared" si="405"/>
        <v>16629.407999999999</v>
      </c>
      <c r="JTW52" s="7">
        <f t="shared" si="405"/>
        <v>16629.407999999999</v>
      </c>
      <c r="JTX52" s="7">
        <f t="shared" si="405"/>
        <v>16629.407999999999</v>
      </c>
      <c r="JTY52" s="7">
        <f t="shared" si="405"/>
        <v>16629.407999999999</v>
      </c>
      <c r="JTZ52" s="7">
        <f t="shared" ref="JTZ52:JWK52" si="406">JTZ47+JTY52</f>
        <v>16629.407999999999</v>
      </c>
      <c r="JUA52" s="7">
        <f t="shared" si="406"/>
        <v>16629.407999999999</v>
      </c>
      <c r="JUB52" s="7">
        <f t="shared" si="406"/>
        <v>16629.407999999999</v>
      </c>
      <c r="JUC52" s="7">
        <f t="shared" si="406"/>
        <v>16629.407999999999</v>
      </c>
      <c r="JUD52" s="7">
        <f t="shared" si="406"/>
        <v>16629.407999999999</v>
      </c>
      <c r="JUE52" s="7">
        <f t="shared" si="406"/>
        <v>16629.407999999999</v>
      </c>
      <c r="JUF52" s="7">
        <f t="shared" si="406"/>
        <v>16629.407999999999</v>
      </c>
      <c r="JUG52" s="7">
        <f t="shared" si="406"/>
        <v>16629.407999999999</v>
      </c>
      <c r="JUH52" s="7">
        <f t="shared" si="406"/>
        <v>16629.407999999999</v>
      </c>
      <c r="JUI52" s="7">
        <f t="shared" si="406"/>
        <v>16629.407999999999</v>
      </c>
      <c r="JUJ52" s="7">
        <f t="shared" si="406"/>
        <v>16629.407999999999</v>
      </c>
      <c r="JUK52" s="7">
        <f t="shared" si="406"/>
        <v>16629.407999999999</v>
      </c>
      <c r="JUL52" s="7">
        <f t="shared" si="406"/>
        <v>16629.407999999999</v>
      </c>
      <c r="JUM52" s="7">
        <f t="shared" si="406"/>
        <v>16629.407999999999</v>
      </c>
      <c r="JUN52" s="7">
        <f t="shared" si="406"/>
        <v>16629.407999999999</v>
      </c>
      <c r="JUO52" s="7">
        <f t="shared" si="406"/>
        <v>16629.407999999999</v>
      </c>
      <c r="JUP52" s="7">
        <f t="shared" si="406"/>
        <v>16629.407999999999</v>
      </c>
      <c r="JUQ52" s="7">
        <f t="shared" si="406"/>
        <v>16629.407999999999</v>
      </c>
      <c r="JUR52" s="7">
        <f t="shared" si="406"/>
        <v>16629.407999999999</v>
      </c>
      <c r="JUS52" s="7">
        <f t="shared" si="406"/>
        <v>16629.407999999999</v>
      </c>
      <c r="JUT52" s="7">
        <f t="shared" si="406"/>
        <v>16629.407999999999</v>
      </c>
      <c r="JUU52" s="7">
        <f t="shared" si="406"/>
        <v>16629.407999999999</v>
      </c>
      <c r="JUV52" s="7">
        <f t="shared" si="406"/>
        <v>16629.407999999999</v>
      </c>
      <c r="JUW52" s="7">
        <f t="shared" si="406"/>
        <v>16629.407999999999</v>
      </c>
      <c r="JUX52" s="7">
        <f t="shared" si="406"/>
        <v>16629.407999999999</v>
      </c>
      <c r="JUY52" s="7">
        <f t="shared" si="406"/>
        <v>16629.407999999999</v>
      </c>
      <c r="JUZ52" s="7">
        <f t="shared" si="406"/>
        <v>16629.407999999999</v>
      </c>
      <c r="JVA52" s="7">
        <f t="shared" si="406"/>
        <v>16629.407999999999</v>
      </c>
      <c r="JVB52" s="7">
        <f t="shared" si="406"/>
        <v>16629.407999999999</v>
      </c>
      <c r="JVC52" s="7">
        <f t="shared" si="406"/>
        <v>16629.407999999999</v>
      </c>
      <c r="JVD52" s="7">
        <f t="shared" si="406"/>
        <v>16629.407999999999</v>
      </c>
      <c r="JVE52" s="7">
        <f t="shared" si="406"/>
        <v>16629.407999999999</v>
      </c>
      <c r="JVF52" s="7">
        <f t="shared" si="406"/>
        <v>16629.407999999999</v>
      </c>
      <c r="JVG52" s="7">
        <f t="shared" si="406"/>
        <v>16629.407999999999</v>
      </c>
      <c r="JVH52" s="7">
        <f t="shared" si="406"/>
        <v>16629.407999999999</v>
      </c>
      <c r="JVI52" s="7">
        <f t="shared" si="406"/>
        <v>16629.407999999999</v>
      </c>
      <c r="JVJ52" s="7">
        <f t="shared" si="406"/>
        <v>16629.407999999999</v>
      </c>
      <c r="JVK52" s="7">
        <f t="shared" si="406"/>
        <v>16629.407999999999</v>
      </c>
      <c r="JVL52" s="7">
        <f t="shared" si="406"/>
        <v>16629.407999999999</v>
      </c>
      <c r="JVM52" s="7">
        <f t="shared" si="406"/>
        <v>16629.407999999999</v>
      </c>
      <c r="JVN52" s="7">
        <f t="shared" si="406"/>
        <v>16629.407999999999</v>
      </c>
      <c r="JVO52" s="7">
        <f t="shared" si="406"/>
        <v>16629.407999999999</v>
      </c>
      <c r="JVP52" s="7">
        <f t="shared" si="406"/>
        <v>16629.407999999999</v>
      </c>
      <c r="JVQ52" s="7">
        <f t="shared" si="406"/>
        <v>16629.407999999999</v>
      </c>
      <c r="JVR52" s="7">
        <f t="shared" si="406"/>
        <v>16629.407999999999</v>
      </c>
      <c r="JVS52" s="7">
        <f t="shared" si="406"/>
        <v>16629.407999999999</v>
      </c>
      <c r="JVT52" s="7">
        <f t="shared" si="406"/>
        <v>16629.407999999999</v>
      </c>
      <c r="JVU52" s="7">
        <f t="shared" si="406"/>
        <v>16629.407999999999</v>
      </c>
      <c r="JVV52" s="7">
        <f t="shared" si="406"/>
        <v>16629.407999999999</v>
      </c>
      <c r="JVW52" s="7">
        <f t="shared" si="406"/>
        <v>16629.407999999999</v>
      </c>
      <c r="JVX52" s="7">
        <f t="shared" si="406"/>
        <v>16629.407999999999</v>
      </c>
      <c r="JVY52" s="7">
        <f t="shared" si="406"/>
        <v>16629.407999999999</v>
      </c>
      <c r="JVZ52" s="7">
        <f t="shared" si="406"/>
        <v>16629.407999999999</v>
      </c>
      <c r="JWA52" s="7">
        <f t="shared" si="406"/>
        <v>16629.407999999999</v>
      </c>
      <c r="JWB52" s="7">
        <f t="shared" si="406"/>
        <v>16629.407999999999</v>
      </c>
      <c r="JWC52" s="7">
        <f t="shared" si="406"/>
        <v>16629.407999999999</v>
      </c>
      <c r="JWD52" s="7">
        <f t="shared" si="406"/>
        <v>16629.407999999999</v>
      </c>
      <c r="JWE52" s="7">
        <f t="shared" si="406"/>
        <v>16629.407999999999</v>
      </c>
      <c r="JWF52" s="7">
        <f t="shared" si="406"/>
        <v>16629.407999999999</v>
      </c>
      <c r="JWG52" s="7">
        <f t="shared" si="406"/>
        <v>16629.407999999999</v>
      </c>
      <c r="JWH52" s="7">
        <f t="shared" si="406"/>
        <v>16629.407999999999</v>
      </c>
      <c r="JWI52" s="7">
        <f t="shared" si="406"/>
        <v>16629.407999999999</v>
      </c>
      <c r="JWJ52" s="7">
        <f t="shared" si="406"/>
        <v>16629.407999999999</v>
      </c>
      <c r="JWK52" s="7">
        <f t="shared" si="406"/>
        <v>16629.407999999999</v>
      </c>
      <c r="JWL52" s="7">
        <f t="shared" ref="JWL52:JYW52" si="407">JWL47+JWK52</f>
        <v>16629.407999999999</v>
      </c>
      <c r="JWM52" s="7">
        <f t="shared" si="407"/>
        <v>16629.407999999999</v>
      </c>
      <c r="JWN52" s="7">
        <f t="shared" si="407"/>
        <v>16629.407999999999</v>
      </c>
      <c r="JWO52" s="7">
        <f t="shared" si="407"/>
        <v>16629.407999999999</v>
      </c>
      <c r="JWP52" s="7">
        <f t="shared" si="407"/>
        <v>16629.407999999999</v>
      </c>
      <c r="JWQ52" s="7">
        <f t="shared" si="407"/>
        <v>16629.407999999999</v>
      </c>
      <c r="JWR52" s="7">
        <f t="shared" si="407"/>
        <v>16629.407999999999</v>
      </c>
      <c r="JWS52" s="7">
        <f t="shared" si="407"/>
        <v>16629.407999999999</v>
      </c>
      <c r="JWT52" s="7">
        <f t="shared" si="407"/>
        <v>16629.407999999999</v>
      </c>
      <c r="JWU52" s="7">
        <f t="shared" si="407"/>
        <v>16629.407999999999</v>
      </c>
      <c r="JWV52" s="7">
        <f t="shared" si="407"/>
        <v>16629.407999999999</v>
      </c>
      <c r="JWW52" s="7">
        <f t="shared" si="407"/>
        <v>16629.407999999999</v>
      </c>
      <c r="JWX52" s="7">
        <f t="shared" si="407"/>
        <v>16629.407999999999</v>
      </c>
      <c r="JWY52" s="7">
        <f t="shared" si="407"/>
        <v>16629.407999999999</v>
      </c>
      <c r="JWZ52" s="7">
        <f t="shared" si="407"/>
        <v>16629.407999999999</v>
      </c>
      <c r="JXA52" s="7">
        <f t="shared" si="407"/>
        <v>16629.407999999999</v>
      </c>
      <c r="JXB52" s="7">
        <f t="shared" si="407"/>
        <v>16629.407999999999</v>
      </c>
      <c r="JXC52" s="7">
        <f t="shared" si="407"/>
        <v>16629.407999999999</v>
      </c>
      <c r="JXD52" s="7">
        <f t="shared" si="407"/>
        <v>16629.407999999999</v>
      </c>
      <c r="JXE52" s="7">
        <f t="shared" si="407"/>
        <v>16629.407999999999</v>
      </c>
      <c r="JXF52" s="7">
        <f t="shared" si="407"/>
        <v>16629.407999999999</v>
      </c>
      <c r="JXG52" s="7">
        <f t="shared" si="407"/>
        <v>16629.407999999999</v>
      </c>
      <c r="JXH52" s="7">
        <f t="shared" si="407"/>
        <v>16629.407999999999</v>
      </c>
      <c r="JXI52" s="7">
        <f t="shared" si="407"/>
        <v>16629.407999999999</v>
      </c>
      <c r="JXJ52" s="7">
        <f t="shared" si="407"/>
        <v>16629.407999999999</v>
      </c>
      <c r="JXK52" s="7">
        <f t="shared" si="407"/>
        <v>16629.407999999999</v>
      </c>
      <c r="JXL52" s="7">
        <f t="shared" si="407"/>
        <v>16629.407999999999</v>
      </c>
      <c r="JXM52" s="7">
        <f t="shared" si="407"/>
        <v>16629.407999999999</v>
      </c>
      <c r="JXN52" s="7">
        <f t="shared" si="407"/>
        <v>16629.407999999999</v>
      </c>
      <c r="JXO52" s="7">
        <f t="shared" si="407"/>
        <v>16629.407999999999</v>
      </c>
      <c r="JXP52" s="7">
        <f t="shared" si="407"/>
        <v>16629.407999999999</v>
      </c>
      <c r="JXQ52" s="7">
        <f t="shared" si="407"/>
        <v>16629.407999999999</v>
      </c>
      <c r="JXR52" s="7">
        <f t="shared" si="407"/>
        <v>16629.407999999999</v>
      </c>
      <c r="JXS52" s="7">
        <f t="shared" si="407"/>
        <v>16629.407999999999</v>
      </c>
      <c r="JXT52" s="7">
        <f t="shared" si="407"/>
        <v>16629.407999999999</v>
      </c>
      <c r="JXU52" s="7">
        <f t="shared" si="407"/>
        <v>16629.407999999999</v>
      </c>
      <c r="JXV52" s="7">
        <f t="shared" si="407"/>
        <v>16629.407999999999</v>
      </c>
      <c r="JXW52" s="7">
        <f t="shared" si="407"/>
        <v>16629.407999999999</v>
      </c>
      <c r="JXX52" s="7">
        <f t="shared" si="407"/>
        <v>16629.407999999999</v>
      </c>
      <c r="JXY52" s="7">
        <f t="shared" si="407"/>
        <v>16629.407999999999</v>
      </c>
      <c r="JXZ52" s="7">
        <f t="shared" si="407"/>
        <v>16629.407999999999</v>
      </c>
      <c r="JYA52" s="7">
        <f t="shared" si="407"/>
        <v>16629.407999999999</v>
      </c>
      <c r="JYB52" s="7">
        <f t="shared" si="407"/>
        <v>16629.407999999999</v>
      </c>
      <c r="JYC52" s="7">
        <f t="shared" si="407"/>
        <v>16629.407999999999</v>
      </c>
      <c r="JYD52" s="7">
        <f t="shared" si="407"/>
        <v>16629.407999999999</v>
      </c>
      <c r="JYE52" s="7">
        <f t="shared" si="407"/>
        <v>16629.407999999999</v>
      </c>
      <c r="JYF52" s="7">
        <f t="shared" si="407"/>
        <v>16629.407999999999</v>
      </c>
      <c r="JYG52" s="7">
        <f t="shared" si="407"/>
        <v>16629.407999999999</v>
      </c>
      <c r="JYH52" s="7">
        <f t="shared" si="407"/>
        <v>16629.407999999999</v>
      </c>
      <c r="JYI52" s="7">
        <f t="shared" si="407"/>
        <v>16629.407999999999</v>
      </c>
      <c r="JYJ52" s="7">
        <f t="shared" si="407"/>
        <v>16629.407999999999</v>
      </c>
      <c r="JYK52" s="7">
        <f t="shared" si="407"/>
        <v>16629.407999999999</v>
      </c>
      <c r="JYL52" s="7">
        <f t="shared" si="407"/>
        <v>16629.407999999999</v>
      </c>
      <c r="JYM52" s="7">
        <f t="shared" si="407"/>
        <v>16629.407999999999</v>
      </c>
      <c r="JYN52" s="7">
        <f t="shared" si="407"/>
        <v>16629.407999999999</v>
      </c>
      <c r="JYO52" s="7">
        <f t="shared" si="407"/>
        <v>16629.407999999999</v>
      </c>
      <c r="JYP52" s="7">
        <f t="shared" si="407"/>
        <v>16629.407999999999</v>
      </c>
      <c r="JYQ52" s="7">
        <f t="shared" si="407"/>
        <v>16629.407999999999</v>
      </c>
      <c r="JYR52" s="7">
        <f t="shared" si="407"/>
        <v>16629.407999999999</v>
      </c>
      <c r="JYS52" s="7">
        <f t="shared" si="407"/>
        <v>16629.407999999999</v>
      </c>
      <c r="JYT52" s="7">
        <f t="shared" si="407"/>
        <v>16629.407999999999</v>
      </c>
      <c r="JYU52" s="7">
        <f t="shared" si="407"/>
        <v>16629.407999999999</v>
      </c>
      <c r="JYV52" s="7">
        <f t="shared" si="407"/>
        <v>16629.407999999999</v>
      </c>
      <c r="JYW52" s="7">
        <f t="shared" si="407"/>
        <v>16629.407999999999</v>
      </c>
      <c r="JYX52" s="7">
        <f t="shared" ref="JYX52:KBI52" si="408">JYX47+JYW52</f>
        <v>16629.407999999999</v>
      </c>
      <c r="JYY52" s="7">
        <f t="shared" si="408"/>
        <v>16629.407999999999</v>
      </c>
      <c r="JYZ52" s="7">
        <f t="shared" si="408"/>
        <v>16629.407999999999</v>
      </c>
      <c r="JZA52" s="7">
        <f t="shared" si="408"/>
        <v>16629.407999999999</v>
      </c>
      <c r="JZB52" s="7">
        <f t="shared" si="408"/>
        <v>16629.407999999999</v>
      </c>
      <c r="JZC52" s="7">
        <f t="shared" si="408"/>
        <v>16629.407999999999</v>
      </c>
      <c r="JZD52" s="7">
        <f t="shared" si="408"/>
        <v>16629.407999999999</v>
      </c>
      <c r="JZE52" s="7">
        <f t="shared" si="408"/>
        <v>16629.407999999999</v>
      </c>
      <c r="JZF52" s="7">
        <f t="shared" si="408"/>
        <v>16629.407999999999</v>
      </c>
      <c r="JZG52" s="7">
        <f t="shared" si="408"/>
        <v>16629.407999999999</v>
      </c>
      <c r="JZH52" s="7">
        <f t="shared" si="408"/>
        <v>16629.407999999999</v>
      </c>
      <c r="JZI52" s="7">
        <f t="shared" si="408"/>
        <v>16629.407999999999</v>
      </c>
      <c r="JZJ52" s="7">
        <f t="shared" si="408"/>
        <v>16629.407999999999</v>
      </c>
      <c r="JZK52" s="7">
        <f t="shared" si="408"/>
        <v>16629.407999999999</v>
      </c>
      <c r="JZL52" s="7">
        <f t="shared" si="408"/>
        <v>16629.407999999999</v>
      </c>
      <c r="JZM52" s="7">
        <f t="shared" si="408"/>
        <v>16629.407999999999</v>
      </c>
      <c r="JZN52" s="7">
        <f t="shared" si="408"/>
        <v>16629.407999999999</v>
      </c>
      <c r="JZO52" s="7">
        <f t="shared" si="408"/>
        <v>16629.407999999999</v>
      </c>
      <c r="JZP52" s="7">
        <f t="shared" si="408"/>
        <v>16629.407999999999</v>
      </c>
      <c r="JZQ52" s="7">
        <f t="shared" si="408"/>
        <v>16629.407999999999</v>
      </c>
      <c r="JZR52" s="7">
        <f t="shared" si="408"/>
        <v>16629.407999999999</v>
      </c>
      <c r="JZS52" s="7">
        <f t="shared" si="408"/>
        <v>16629.407999999999</v>
      </c>
      <c r="JZT52" s="7">
        <f t="shared" si="408"/>
        <v>16629.407999999999</v>
      </c>
      <c r="JZU52" s="7">
        <f t="shared" si="408"/>
        <v>16629.407999999999</v>
      </c>
      <c r="JZV52" s="7">
        <f t="shared" si="408"/>
        <v>16629.407999999999</v>
      </c>
      <c r="JZW52" s="7">
        <f t="shared" si="408"/>
        <v>16629.407999999999</v>
      </c>
      <c r="JZX52" s="7">
        <f t="shared" si="408"/>
        <v>16629.407999999999</v>
      </c>
      <c r="JZY52" s="7">
        <f t="shared" si="408"/>
        <v>16629.407999999999</v>
      </c>
      <c r="JZZ52" s="7">
        <f t="shared" si="408"/>
        <v>16629.407999999999</v>
      </c>
      <c r="KAA52" s="7">
        <f t="shared" si="408"/>
        <v>16629.407999999999</v>
      </c>
      <c r="KAB52" s="7">
        <f t="shared" si="408"/>
        <v>16629.407999999999</v>
      </c>
      <c r="KAC52" s="7">
        <f t="shared" si="408"/>
        <v>16629.407999999999</v>
      </c>
      <c r="KAD52" s="7">
        <f t="shared" si="408"/>
        <v>16629.407999999999</v>
      </c>
      <c r="KAE52" s="7">
        <f t="shared" si="408"/>
        <v>16629.407999999999</v>
      </c>
      <c r="KAF52" s="7">
        <f t="shared" si="408"/>
        <v>16629.407999999999</v>
      </c>
      <c r="KAG52" s="7">
        <f t="shared" si="408"/>
        <v>16629.407999999999</v>
      </c>
      <c r="KAH52" s="7">
        <f t="shared" si="408"/>
        <v>16629.407999999999</v>
      </c>
      <c r="KAI52" s="7">
        <f t="shared" si="408"/>
        <v>16629.407999999999</v>
      </c>
      <c r="KAJ52" s="7">
        <f t="shared" si="408"/>
        <v>16629.407999999999</v>
      </c>
      <c r="KAK52" s="7">
        <f t="shared" si="408"/>
        <v>16629.407999999999</v>
      </c>
      <c r="KAL52" s="7">
        <f t="shared" si="408"/>
        <v>16629.407999999999</v>
      </c>
      <c r="KAM52" s="7">
        <f t="shared" si="408"/>
        <v>16629.407999999999</v>
      </c>
      <c r="KAN52" s="7">
        <f t="shared" si="408"/>
        <v>16629.407999999999</v>
      </c>
      <c r="KAO52" s="7">
        <f t="shared" si="408"/>
        <v>16629.407999999999</v>
      </c>
      <c r="KAP52" s="7">
        <f t="shared" si="408"/>
        <v>16629.407999999999</v>
      </c>
      <c r="KAQ52" s="7">
        <f t="shared" si="408"/>
        <v>16629.407999999999</v>
      </c>
      <c r="KAR52" s="7">
        <f t="shared" si="408"/>
        <v>16629.407999999999</v>
      </c>
      <c r="KAS52" s="7">
        <f t="shared" si="408"/>
        <v>16629.407999999999</v>
      </c>
      <c r="KAT52" s="7">
        <f t="shared" si="408"/>
        <v>16629.407999999999</v>
      </c>
      <c r="KAU52" s="7">
        <f t="shared" si="408"/>
        <v>16629.407999999999</v>
      </c>
      <c r="KAV52" s="7">
        <f t="shared" si="408"/>
        <v>16629.407999999999</v>
      </c>
      <c r="KAW52" s="7">
        <f t="shared" si="408"/>
        <v>16629.407999999999</v>
      </c>
      <c r="KAX52" s="7">
        <f t="shared" si="408"/>
        <v>16629.407999999999</v>
      </c>
      <c r="KAY52" s="7">
        <f t="shared" si="408"/>
        <v>16629.407999999999</v>
      </c>
      <c r="KAZ52" s="7">
        <f t="shared" si="408"/>
        <v>16629.407999999999</v>
      </c>
      <c r="KBA52" s="7">
        <f t="shared" si="408"/>
        <v>16629.407999999999</v>
      </c>
      <c r="KBB52" s="7">
        <f t="shared" si="408"/>
        <v>16629.407999999999</v>
      </c>
      <c r="KBC52" s="7">
        <f t="shared" si="408"/>
        <v>16629.407999999999</v>
      </c>
      <c r="KBD52" s="7">
        <f t="shared" si="408"/>
        <v>16629.407999999999</v>
      </c>
      <c r="KBE52" s="7">
        <f t="shared" si="408"/>
        <v>16629.407999999999</v>
      </c>
      <c r="KBF52" s="7">
        <f t="shared" si="408"/>
        <v>16629.407999999999</v>
      </c>
      <c r="KBG52" s="7">
        <f t="shared" si="408"/>
        <v>16629.407999999999</v>
      </c>
      <c r="KBH52" s="7">
        <f t="shared" si="408"/>
        <v>16629.407999999999</v>
      </c>
      <c r="KBI52" s="7">
        <f t="shared" si="408"/>
        <v>16629.407999999999</v>
      </c>
      <c r="KBJ52" s="7">
        <f t="shared" ref="KBJ52:KDU52" si="409">KBJ47+KBI52</f>
        <v>16629.407999999999</v>
      </c>
      <c r="KBK52" s="7">
        <f t="shared" si="409"/>
        <v>16629.407999999999</v>
      </c>
      <c r="KBL52" s="7">
        <f t="shared" si="409"/>
        <v>16629.407999999999</v>
      </c>
      <c r="KBM52" s="7">
        <f t="shared" si="409"/>
        <v>16629.407999999999</v>
      </c>
      <c r="KBN52" s="7">
        <f t="shared" si="409"/>
        <v>16629.407999999999</v>
      </c>
      <c r="KBO52" s="7">
        <f t="shared" si="409"/>
        <v>16629.407999999999</v>
      </c>
      <c r="KBP52" s="7">
        <f t="shared" si="409"/>
        <v>16629.407999999999</v>
      </c>
      <c r="KBQ52" s="7">
        <f t="shared" si="409"/>
        <v>16629.407999999999</v>
      </c>
      <c r="KBR52" s="7">
        <f t="shared" si="409"/>
        <v>16629.407999999999</v>
      </c>
      <c r="KBS52" s="7">
        <f t="shared" si="409"/>
        <v>16629.407999999999</v>
      </c>
      <c r="KBT52" s="7">
        <f t="shared" si="409"/>
        <v>16629.407999999999</v>
      </c>
      <c r="KBU52" s="7">
        <f t="shared" si="409"/>
        <v>16629.407999999999</v>
      </c>
      <c r="KBV52" s="7">
        <f t="shared" si="409"/>
        <v>16629.407999999999</v>
      </c>
      <c r="KBW52" s="7">
        <f t="shared" si="409"/>
        <v>16629.407999999999</v>
      </c>
      <c r="KBX52" s="7">
        <f t="shared" si="409"/>
        <v>16629.407999999999</v>
      </c>
      <c r="KBY52" s="7">
        <f t="shared" si="409"/>
        <v>16629.407999999999</v>
      </c>
      <c r="KBZ52" s="7">
        <f t="shared" si="409"/>
        <v>16629.407999999999</v>
      </c>
      <c r="KCA52" s="7">
        <f t="shared" si="409"/>
        <v>16629.407999999999</v>
      </c>
      <c r="KCB52" s="7">
        <f t="shared" si="409"/>
        <v>16629.407999999999</v>
      </c>
      <c r="KCC52" s="7">
        <f t="shared" si="409"/>
        <v>16629.407999999999</v>
      </c>
      <c r="KCD52" s="7">
        <f t="shared" si="409"/>
        <v>16629.407999999999</v>
      </c>
      <c r="KCE52" s="7">
        <f t="shared" si="409"/>
        <v>16629.407999999999</v>
      </c>
      <c r="KCF52" s="7">
        <f t="shared" si="409"/>
        <v>16629.407999999999</v>
      </c>
      <c r="KCG52" s="7">
        <f t="shared" si="409"/>
        <v>16629.407999999999</v>
      </c>
      <c r="KCH52" s="7">
        <f t="shared" si="409"/>
        <v>16629.407999999999</v>
      </c>
      <c r="KCI52" s="7">
        <f t="shared" si="409"/>
        <v>16629.407999999999</v>
      </c>
      <c r="KCJ52" s="7">
        <f t="shared" si="409"/>
        <v>16629.407999999999</v>
      </c>
      <c r="KCK52" s="7">
        <f t="shared" si="409"/>
        <v>16629.407999999999</v>
      </c>
      <c r="KCL52" s="7">
        <f t="shared" si="409"/>
        <v>16629.407999999999</v>
      </c>
      <c r="KCM52" s="7">
        <f t="shared" si="409"/>
        <v>16629.407999999999</v>
      </c>
      <c r="KCN52" s="7">
        <f t="shared" si="409"/>
        <v>16629.407999999999</v>
      </c>
      <c r="KCO52" s="7">
        <f t="shared" si="409"/>
        <v>16629.407999999999</v>
      </c>
      <c r="KCP52" s="7">
        <f t="shared" si="409"/>
        <v>16629.407999999999</v>
      </c>
      <c r="KCQ52" s="7">
        <f t="shared" si="409"/>
        <v>16629.407999999999</v>
      </c>
      <c r="KCR52" s="7">
        <f t="shared" si="409"/>
        <v>16629.407999999999</v>
      </c>
      <c r="KCS52" s="7">
        <f t="shared" si="409"/>
        <v>16629.407999999999</v>
      </c>
      <c r="KCT52" s="7">
        <f t="shared" si="409"/>
        <v>16629.407999999999</v>
      </c>
      <c r="KCU52" s="7">
        <f t="shared" si="409"/>
        <v>16629.407999999999</v>
      </c>
      <c r="KCV52" s="7">
        <f t="shared" si="409"/>
        <v>16629.407999999999</v>
      </c>
      <c r="KCW52" s="7">
        <f t="shared" si="409"/>
        <v>16629.407999999999</v>
      </c>
      <c r="KCX52" s="7">
        <f t="shared" si="409"/>
        <v>16629.407999999999</v>
      </c>
      <c r="KCY52" s="7">
        <f t="shared" si="409"/>
        <v>16629.407999999999</v>
      </c>
      <c r="KCZ52" s="7">
        <f t="shared" si="409"/>
        <v>16629.407999999999</v>
      </c>
      <c r="KDA52" s="7">
        <f t="shared" si="409"/>
        <v>16629.407999999999</v>
      </c>
      <c r="KDB52" s="7">
        <f t="shared" si="409"/>
        <v>16629.407999999999</v>
      </c>
      <c r="KDC52" s="7">
        <f t="shared" si="409"/>
        <v>16629.407999999999</v>
      </c>
      <c r="KDD52" s="7">
        <f t="shared" si="409"/>
        <v>16629.407999999999</v>
      </c>
      <c r="KDE52" s="7">
        <f t="shared" si="409"/>
        <v>16629.407999999999</v>
      </c>
      <c r="KDF52" s="7">
        <f t="shared" si="409"/>
        <v>16629.407999999999</v>
      </c>
      <c r="KDG52" s="7">
        <f t="shared" si="409"/>
        <v>16629.407999999999</v>
      </c>
      <c r="KDH52" s="7">
        <f t="shared" si="409"/>
        <v>16629.407999999999</v>
      </c>
      <c r="KDI52" s="7">
        <f t="shared" si="409"/>
        <v>16629.407999999999</v>
      </c>
      <c r="KDJ52" s="7">
        <f t="shared" si="409"/>
        <v>16629.407999999999</v>
      </c>
      <c r="KDK52" s="7">
        <f t="shared" si="409"/>
        <v>16629.407999999999</v>
      </c>
      <c r="KDL52" s="7">
        <f t="shared" si="409"/>
        <v>16629.407999999999</v>
      </c>
      <c r="KDM52" s="7">
        <f t="shared" si="409"/>
        <v>16629.407999999999</v>
      </c>
      <c r="KDN52" s="7">
        <f t="shared" si="409"/>
        <v>16629.407999999999</v>
      </c>
      <c r="KDO52" s="7">
        <f t="shared" si="409"/>
        <v>16629.407999999999</v>
      </c>
      <c r="KDP52" s="7">
        <f t="shared" si="409"/>
        <v>16629.407999999999</v>
      </c>
      <c r="KDQ52" s="7">
        <f t="shared" si="409"/>
        <v>16629.407999999999</v>
      </c>
      <c r="KDR52" s="7">
        <f t="shared" si="409"/>
        <v>16629.407999999999</v>
      </c>
      <c r="KDS52" s="7">
        <f t="shared" si="409"/>
        <v>16629.407999999999</v>
      </c>
      <c r="KDT52" s="7">
        <f t="shared" si="409"/>
        <v>16629.407999999999</v>
      </c>
      <c r="KDU52" s="7">
        <f t="shared" si="409"/>
        <v>16629.407999999999</v>
      </c>
      <c r="KDV52" s="7">
        <f t="shared" ref="KDV52:KGG52" si="410">KDV47+KDU52</f>
        <v>16629.407999999999</v>
      </c>
      <c r="KDW52" s="7">
        <f t="shared" si="410"/>
        <v>16629.407999999999</v>
      </c>
      <c r="KDX52" s="7">
        <f t="shared" si="410"/>
        <v>16629.407999999999</v>
      </c>
      <c r="KDY52" s="7">
        <f t="shared" si="410"/>
        <v>16629.407999999999</v>
      </c>
      <c r="KDZ52" s="7">
        <f t="shared" si="410"/>
        <v>16629.407999999999</v>
      </c>
      <c r="KEA52" s="7">
        <f t="shared" si="410"/>
        <v>16629.407999999999</v>
      </c>
      <c r="KEB52" s="7">
        <f t="shared" si="410"/>
        <v>16629.407999999999</v>
      </c>
      <c r="KEC52" s="7">
        <f t="shared" si="410"/>
        <v>16629.407999999999</v>
      </c>
      <c r="KED52" s="7">
        <f t="shared" si="410"/>
        <v>16629.407999999999</v>
      </c>
      <c r="KEE52" s="7">
        <f t="shared" si="410"/>
        <v>16629.407999999999</v>
      </c>
      <c r="KEF52" s="7">
        <f t="shared" si="410"/>
        <v>16629.407999999999</v>
      </c>
      <c r="KEG52" s="7">
        <f t="shared" si="410"/>
        <v>16629.407999999999</v>
      </c>
      <c r="KEH52" s="7">
        <f t="shared" si="410"/>
        <v>16629.407999999999</v>
      </c>
      <c r="KEI52" s="7">
        <f t="shared" si="410"/>
        <v>16629.407999999999</v>
      </c>
      <c r="KEJ52" s="7">
        <f t="shared" si="410"/>
        <v>16629.407999999999</v>
      </c>
      <c r="KEK52" s="7">
        <f t="shared" si="410"/>
        <v>16629.407999999999</v>
      </c>
      <c r="KEL52" s="7">
        <f t="shared" si="410"/>
        <v>16629.407999999999</v>
      </c>
      <c r="KEM52" s="7">
        <f t="shared" si="410"/>
        <v>16629.407999999999</v>
      </c>
      <c r="KEN52" s="7">
        <f t="shared" si="410"/>
        <v>16629.407999999999</v>
      </c>
      <c r="KEO52" s="7">
        <f t="shared" si="410"/>
        <v>16629.407999999999</v>
      </c>
      <c r="KEP52" s="7">
        <f t="shared" si="410"/>
        <v>16629.407999999999</v>
      </c>
      <c r="KEQ52" s="7">
        <f t="shared" si="410"/>
        <v>16629.407999999999</v>
      </c>
      <c r="KER52" s="7">
        <f t="shared" si="410"/>
        <v>16629.407999999999</v>
      </c>
      <c r="KES52" s="7">
        <f t="shared" si="410"/>
        <v>16629.407999999999</v>
      </c>
      <c r="KET52" s="7">
        <f t="shared" si="410"/>
        <v>16629.407999999999</v>
      </c>
      <c r="KEU52" s="7">
        <f t="shared" si="410"/>
        <v>16629.407999999999</v>
      </c>
      <c r="KEV52" s="7">
        <f t="shared" si="410"/>
        <v>16629.407999999999</v>
      </c>
      <c r="KEW52" s="7">
        <f t="shared" si="410"/>
        <v>16629.407999999999</v>
      </c>
      <c r="KEX52" s="7">
        <f t="shared" si="410"/>
        <v>16629.407999999999</v>
      </c>
      <c r="KEY52" s="7">
        <f t="shared" si="410"/>
        <v>16629.407999999999</v>
      </c>
      <c r="KEZ52" s="7">
        <f t="shared" si="410"/>
        <v>16629.407999999999</v>
      </c>
      <c r="KFA52" s="7">
        <f t="shared" si="410"/>
        <v>16629.407999999999</v>
      </c>
      <c r="KFB52" s="7">
        <f t="shared" si="410"/>
        <v>16629.407999999999</v>
      </c>
      <c r="KFC52" s="7">
        <f t="shared" si="410"/>
        <v>16629.407999999999</v>
      </c>
      <c r="KFD52" s="7">
        <f t="shared" si="410"/>
        <v>16629.407999999999</v>
      </c>
      <c r="KFE52" s="7">
        <f t="shared" si="410"/>
        <v>16629.407999999999</v>
      </c>
      <c r="KFF52" s="7">
        <f t="shared" si="410"/>
        <v>16629.407999999999</v>
      </c>
      <c r="KFG52" s="7">
        <f t="shared" si="410"/>
        <v>16629.407999999999</v>
      </c>
      <c r="KFH52" s="7">
        <f t="shared" si="410"/>
        <v>16629.407999999999</v>
      </c>
      <c r="KFI52" s="7">
        <f t="shared" si="410"/>
        <v>16629.407999999999</v>
      </c>
      <c r="KFJ52" s="7">
        <f t="shared" si="410"/>
        <v>16629.407999999999</v>
      </c>
      <c r="KFK52" s="7">
        <f t="shared" si="410"/>
        <v>16629.407999999999</v>
      </c>
      <c r="KFL52" s="7">
        <f t="shared" si="410"/>
        <v>16629.407999999999</v>
      </c>
      <c r="KFM52" s="7">
        <f t="shared" si="410"/>
        <v>16629.407999999999</v>
      </c>
      <c r="KFN52" s="7">
        <f t="shared" si="410"/>
        <v>16629.407999999999</v>
      </c>
      <c r="KFO52" s="7">
        <f t="shared" si="410"/>
        <v>16629.407999999999</v>
      </c>
      <c r="KFP52" s="7">
        <f t="shared" si="410"/>
        <v>16629.407999999999</v>
      </c>
      <c r="KFQ52" s="7">
        <f t="shared" si="410"/>
        <v>16629.407999999999</v>
      </c>
      <c r="KFR52" s="7">
        <f t="shared" si="410"/>
        <v>16629.407999999999</v>
      </c>
      <c r="KFS52" s="7">
        <f t="shared" si="410"/>
        <v>16629.407999999999</v>
      </c>
      <c r="KFT52" s="7">
        <f t="shared" si="410"/>
        <v>16629.407999999999</v>
      </c>
      <c r="KFU52" s="7">
        <f t="shared" si="410"/>
        <v>16629.407999999999</v>
      </c>
      <c r="KFV52" s="7">
        <f t="shared" si="410"/>
        <v>16629.407999999999</v>
      </c>
      <c r="KFW52" s="7">
        <f t="shared" si="410"/>
        <v>16629.407999999999</v>
      </c>
      <c r="KFX52" s="7">
        <f t="shared" si="410"/>
        <v>16629.407999999999</v>
      </c>
      <c r="KFY52" s="7">
        <f t="shared" si="410"/>
        <v>16629.407999999999</v>
      </c>
      <c r="KFZ52" s="7">
        <f t="shared" si="410"/>
        <v>16629.407999999999</v>
      </c>
      <c r="KGA52" s="7">
        <f t="shared" si="410"/>
        <v>16629.407999999999</v>
      </c>
      <c r="KGB52" s="7">
        <f t="shared" si="410"/>
        <v>16629.407999999999</v>
      </c>
      <c r="KGC52" s="7">
        <f t="shared" si="410"/>
        <v>16629.407999999999</v>
      </c>
      <c r="KGD52" s="7">
        <f t="shared" si="410"/>
        <v>16629.407999999999</v>
      </c>
      <c r="KGE52" s="7">
        <f t="shared" si="410"/>
        <v>16629.407999999999</v>
      </c>
      <c r="KGF52" s="7">
        <f t="shared" si="410"/>
        <v>16629.407999999999</v>
      </c>
      <c r="KGG52" s="7">
        <f t="shared" si="410"/>
        <v>16629.407999999999</v>
      </c>
      <c r="KGH52" s="7">
        <f t="shared" ref="KGH52:KIS52" si="411">KGH47+KGG52</f>
        <v>16629.407999999999</v>
      </c>
      <c r="KGI52" s="7">
        <f t="shared" si="411"/>
        <v>16629.407999999999</v>
      </c>
      <c r="KGJ52" s="7">
        <f t="shared" si="411"/>
        <v>16629.407999999999</v>
      </c>
      <c r="KGK52" s="7">
        <f t="shared" si="411"/>
        <v>16629.407999999999</v>
      </c>
      <c r="KGL52" s="7">
        <f t="shared" si="411"/>
        <v>16629.407999999999</v>
      </c>
      <c r="KGM52" s="7">
        <f t="shared" si="411"/>
        <v>16629.407999999999</v>
      </c>
      <c r="KGN52" s="7">
        <f t="shared" si="411"/>
        <v>16629.407999999999</v>
      </c>
      <c r="KGO52" s="7">
        <f t="shared" si="411"/>
        <v>16629.407999999999</v>
      </c>
      <c r="KGP52" s="7">
        <f t="shared" si="411"/>
        <v>16629.407999999999</v>
      </c>
      <c r="KGQ52" s="7">
        <f t="shared" si="411"/>
        <v>16629.407999999999</v>
      </c>
      <c r="KGR52" s="7">
        <f t="shared" si="411"/>
        <v>16629.407999999999</v>
      </c>
      <c r="KGS52" s="7">
        <f t="shared" si="411"/>
        <v>16629.407999999999</v>
      </c>
      <c r="KGT52" s="7">
        <f t="shared" si="411"/>
        <v>16629.407999999999</v>
      </c>
      <c r="KGU52" s="7">
        <f t="shared" si="411"/>
        <v>16629.407999999999</v>
      </c>
      <c r="KGV52" s="7">
        <f t="shared" si="411"/>
        <v>16629.407999999999</v>
      </c>
      <c r="KGW52" s="7">
        <f t="shared" si="411"/>
        <v>16629.407999999999</v>
      </c>
      <c r="KGX52" s="7">
        <f t="shared" si="411"/>
        <v>16629.407999999999</v>
      </c>
      <c r="KGY52" s="7">
        <f t="shared" si="411"/>
        <v>16629.407999999999</v>
      </c>
      <c r="KGZ52" s="7">
        <f t="shared" si="411"/>
        <v>16629.407999999999</v>
      </c>
      <c r="KHA52" s="7">
        <f t="shared" si="411"/>
        <v>16629.407999999999</v>
      </c>
      <c r="KHB52" s="7">
        <f t="shared" si="411"/>
        <v>16629.407999999999</v>
      </c>
      <c r="KHC52" s="7">
        <f t="shared" si="411"/>
        <v>16629.407999999999</v>
      </c>
      <c r="KHD52" s="7">
        <f t="shared" si="411"/>
        <v>16629.407999999999</v>
      </c>
      <c r="KHE52" s="7">
        <f t="shared" si="411"/>
        <v>16629.407999999999</v>
      </c>
      <c r="KHF52" s="7">
        <f t="shared" si="411"/>
        <v>16629.407999999999</v>
      </c>
      <c r="KHG52" s="7">
        <f t="shared" si="411"/>
        <v>16629.407999999999</v>
      </c>
      <c r="KHH52" s="7">
        <f t="shared" si="411"/>
        <v>16629.407999999999</v>
      </c>
      <c r="KHI52" s="7">
        <f t="shared" si="411"/>
        <v>16629.407999999999</v>
      </c>
      <c r="KHJ52" s="7">
        <f t="shared" si="411"/>
        <v>16629.407999999999</v>
      </c>
      <c r="KHK52" s="7">
        <f t="shared" si="411"/>
        <v>16629.407999999999</v>
      </c>
      <c r="KHL52" s="7">
        <f t="shared" si="411"/>
        <v>16629.407999999999</v>
      </c>
      <c r="KHM52" s="7">
        <f t="shared" si="411"/>
        <v>16629.407999999999</v>
      </c>
      <c r="KHN52" s="7">
        <f t="shared" si="411"/>
        <v>16629.407999999999</v>
      </c>
      <c r="KHO52" s="7">
        <f t="shared" si="411"/>
        <v>16629.407999999999</v>
      </c>
      <c r="KHP52" s="7">
        <f t="shared" si="411"/>
        <v>16629.407999999999</v>
      </c>
      <c r="KHQ52" s="7">
        <f t="shared" si="411"/>
        <v>16629.407999999999</v>
      </c>
      <c r="KHR52" s="7">
        <f t="shared" si="411"/>
        <v>16629.407999999999</v>
      </c>
      <c r="KHS52" s="7">
        <f t="shared" si="411"/>
        <v>16629.407999999999</v>
      </c>
      <c r="KHT52" s="7">
        <f t="shared" si="411"/>
        <v>16629.407999999999</v>
      </c>
      <c r="KHU52" s="7">
        <f t="shared" si="411"/>
        <v>16629.407999999999</v>
      </c>
      <c r="KHV52" s="7">
        <f t="shared" si="411"/>
        <v>16629.407999999999</v>
      </c>
      <c r="KHW52" s="7">
        <f t="shared" si="411"/>
        <v>16629.407999999999</v>
      </c>
      <c r="KHX52" s="7">
        <f t="shared" si="411"/>
        <v>16629.407999999999</v>
      </c>
      <c r="KHY52" s="7">
        <f t="shared" si="411"/>
        <v>16629.407999999999</v>
      </c>
      <c r="KHZ52" s="7">
        <f t="shared" si="411"/>
        <v>16629.407999999999</v>
      </c>
      <c r="KIA52" s="7">
        <f t="shared" si="411"/>
        <v>16629.407999999999</v>
      </c>
      <c r="KIB52" s="7">
        <f t="shared" si="411"/>
        <v>16629.407999999999</v>
      </c>
      <c r="KIC52" s="7">
        <f t="shared" si="411"/>
        <v>16629.407999999999</v>
      </c>
      <c r="KID52" s="7">
        <f t="shared" si="411"/>
        <v>16629.407999999999</v>
      </c>
      <c r="KIE52" s="7">
        <f t="shared" si="411"/>
        <v>16629.407999999999</v>
      </c>
      <c r="KIF52" s="7">
        <f t="shared" si="411"/>
        <v>16629.407999999999</v>
      </c>
      <c r="KIG52" s="7">
        <f t="shared" si="411"/>
        <v>16629.407999999999</v>
      </c>
      <c r="KIH52" s="7">
        <f t="shared" si="411"/>
        <v>16629.407999999999</v>
      </c>
      <c r="KII52" s="7">
        <f t="shared" si="411"/>
        <v>16629.407999999999</v>
      </c>
      <c r="KIJ52" s="7">
        <f t="shared" si="411"/>
        <v>16629.407999999999</v>
      </c>
      <c r="KIK52" s="7">
        <f t="shared" si="411"/>
        <v>16629.407999999999</v>
      </c>
      <c r="KIL52" s="7">
        <f t="shared" si="411"/>
        <v>16629.407999999999</v>
      </c>
      <c r="KIM52" s="7">
        <f t="shared" si="411"/>
        <v>16629.407999999999</v>
      </c>
      <c r="KIN52" s="7">
        <f t="shared" si="411"/>
        <v>16629.407999999999</v>
      </c>
      <c r="KIO52" s="7">
        <f t="shared" si="411"/>
        <v>16629.407999999999</v>
      </c>
      <c r="KIP52" s="7">
        <f t="shared" si="411"/>
        <v>16629.407999999999</v>
      </c>
      <c r="KIQ52" s="7">
        <f t="shared" si="411"/>
        <v>16629.407999999999</v>
      </c>
      <c r="KIR52" s="7">
        <f t="shared" si="411"/>
        <v>16629.407999999999</v>
      </c>
      <c r="KIS52" s="7">
        <f t="shared" si="411"/>
        <v>16629.407999999999</v>
      </c>
      <c r="KIT52" s="7">
        <f t="shared" ref="KIT52:KLE52" si="412">KIT47+KIS52</f>
        <v>16629.407999999999</v>
      </c>
      <c r="KIU52" s="7">
        <f t="shared" si="412"/>
        <v>16629.407999999999</v>
      </c>
      <c r="KIV52" s="7">
        <f t="shared" si="412"/>
        <v>16629.407999999999</v>
      </c>
      <c r="KIW52" s="7">
        <f t="shared" si="412"/>
        <v>16629.407999999999</v>
      </c>
      <c r="KIX52" s="7">
        <f t="shared" si="412"/>
        <v>16629.407999999999</v>
      </c>
      <c r="KIY52" s="7">
        <f t="shared" si="412"/>
        <v>16629.407999999999</v>
      </c>
      <c r="KIZ52" s="7">
        <f t="shared" si="412"/>
        <v>16629.407999999999</v>
      </c>
      <c r="KJA52" s="7">
        <f t="shared" si="412"/>
        <v>16629.407999999999</v>
      </c>
      <c r="KJB52" s="7">
        <f t="shared" si="412"/>
        <v>16629.407999999999</v>
      </c>
      <c r="KJC52" s="7">
        <f t="shared" si="412"/>
        <v>16629.407999999999</v>
      </c>
      <c r="KJD52" s="7">
        <f t="shared" si="412"/>
        <v>16629.407999999999</v>
      </c>
      <c r="KJE52" s="7">
        <f t="shared" si="412"/>
        <v>16629.407999999999</v>
      </c>
      <c r="KJF52" s="7">
        <f t="shared" si="412"/>
        <v>16629.407999999999</v>
      </c>
      <c r="KJG52" s="7">
        <f t="shared" si="412"/>
        <v>16629.407999999999</v>
      </c>
      <c r="KJH52" s="7">
        <f t="shared" si="412"/>
        <v>16629.407999999999</v>
      </c>
      <c r="KJI52" s="7">
        <f t="shared" si="412"/>
        <v>16629.407999999999</v>
      </c>
      <c r="KJJ52" s="7">
        <f t="shared" si="412"/>
        <v>16629.407999999999</v>
      </c>
      <c r="KJK52" s="7">
        <f t="shared" si="412"/>
        <v>16629.407999999999</v>
      </c>
      <c r="KJL52" s="7">
        <f t="shared" si="412"/>
        <v>16629.407999999999</v>
      </c>
      <c r="KJM52" s="7">
        <f t="shared" si="412"/>
        <v>16629.407999999999</v>
      </c>
      <c r="KJN52" s="7">
        <f t="shared" si="412"/>
        <v>16629.407999999999</v>
      </c>
      <c r="KJO52" s="7">
        <f t="shared" si="412"/>
        <v>16629.407999999999</v>
      </c>
      <c r="KJP52" s="7">
        <f t="shared" si="412"/>
        <v>16629.407999999999</v>
      </c>
      <c r="KJQ52" s="7">
        <f t="shared" si="412"/>
        <v>16629.407999999999</v>
      </c>
      <c r="KJR52" s="7">
        <f t="shared" si="412"/>
        <v>16629.407999999999</v>
      </c>
      <c r="KJS52" s="7">
        <f t="shared" si="412"/>
        <v>16629.407999999999</v>
      </c>
      <c r="KJT52" s="7">
        <f t="shared" si="412"/>
        <v>16629.407999999999</v>
      </c>
      <c r="KJU52" s="7">
        <f t="shared" si="412"/>
        <v>16629.407999999999</v>
      </c>
      <c r="KJV52" s="7">
        <f t="shared" si="412"/>
        <v>16629.407999999999</v>
      </c>
      <c r="KJW52" s="7">
        <f t="shared" si="412"/>
        <v>16629.407999999999</v>
      </c>
      <c r="KJX52" s="7">
        <f t="shared" si="412"/>
        <v>16629.407999999999</v>
      </c>
      <c r="KJY52" s="7">
        <f t="shared" si="412"/>
        <v>16629.407999999999</v>
      </c>
      <c r="KJZ52" s="7">
        <f t="shared" si="412"/>
        <v>16629.407999999999</v>
      </c>
      <c r="KKA52" s="7">
        <f t="shared" si="412"/>
        <v>16629.407999999999</v>
      </c>
      <c r="KKB52" s="7">
        <f t="shared" si="412"/>
        <v>16629.407999999999</v>
      </c>
      <c r="KKC52" s="7">
        <f t="shared" si="412"/>
        <v>16629.407999999999</v>
      </c>
      <c r="KKD52" s="7">
        <f t="shared" si="412"/>
        <v>16629.407999999999</v>
      </c>
      <c r="KKE52" s="7">
        <f t="shared" si="412"/>
        <v>16629.407999999999</v>
      </c>
      <c r="KKF52" s="7">
        <f t="shared" si="412"/>
        <v>16629.407999999999</v>
      </c>
      <c r="KKG52" s="7">
        <f t="shared" si="412"/>
        <v>16629.407999999999</v>
      </c>
      <c r="KKH52" s="7">
        <f t="shared" si="412"/>
        <v>16629.407999999999</v>
      </c>
      <c r="KKI52" s="7">
        <f t="shared" si="412"/>
        <v>16629.407999999999</v>
      </c>
      <c r="KKJ52" s="7">
        <f t="shared" si="412"/>
        <v>16629.407999999999</v>
      </c>
      <c r="KKK52" s="7">
        <f t="shared" si="412"/>
        <v>16629.407999999999</v>
      </c>
      <c r="KKL52" s="7">
        <f t="shared" si="412"/>
        <v>16629.407999999999</v>
      </c>
      <c r="KKM52" s="7">
        <f t="shared" si="412"/>
        <v>16629.407999999999</v>
      </c>
      <c r="KKN52" s="7">
        <f t="shared" si="412"/>
        <v>16629.407999999999</v>
      </c>
      <c r="KKO52" s="7">
        <f t="shared" si="412"/>
        <v>16629.407999999999</v>
      </c>
      <c r="KKP52" s="7">
        <f t="shared" si="412"/>
        <v>16629.407999999999</v>
      </c>
      <c r="KKQ52" s="7">
        <f t="shared" si="412"/>
        <v>16629.407999999999</v>
      </c>
      <c r="KKR52" s="7">
        <f t="shared" si="412"/>
        <v>16629.407999999999</v>
      </c>
      <c r="KKS52" s="7">
        <f t="shared" si="412"/>
        <v>16629.407999999999</v>
      </c>
      <c r="KKT52" s="7">
        <f t="shared" si="412"/>
        <v>16629.407999999999</v>
      </c>
      <c r="KKU52" s="7">
        <f t="shared" si="412"/>
        <v>16629.407999999999</v>
      </c>
      <c r="KKV52" s="7">
        <f t="shared" si="412"/>
        <v>16629.407999999999</v>
      </c>
      <c r="KKW52" s="7">
        <f t="shared" si="412"/>
        <v>16629.407999999999</v>
      </c>
      <c r="KKX52" s="7">
        <f t="shared" si="412"/>
        <v>16629.407999999999</v>
      </c>
      <c r="KKY52" s="7">
        <f t="shared" si="412"/>
        <v>16629.407999999999</v>
      </c>
      <c r="KKZ52" s="7">
        <f t="shared" si="412"/>
        <v>16629.407999999999</v>
      </c>
      <c r="KLA52" s="7">
        <f t="shared" si="412"/>
        <v>16629.407999999999</v>
      </c>
      <c r="KLB52" s="7">
        <f t="shared" si="412"/>
        <v>16629.407999999999</v>
      </c>
      <c r="KLC52" s="7">
        <f t="shared" si="412"/>
        <v>16629.407999999999</v>
      </c>
      <c r="KLD52" s="7">
        <f t="shared" si="412"/>
        <v>16629.407999999999</v>
      </c>
      <c r="KLE52" s="7">
        <f t="shared" si="412"/>
        <v>16629.407999999999</v>
      </c>
      <c r="KLF52" s="7">
        <f t="shared" ref="KLF52:KNQ52" si="413">KLF47+KLE52</f>
        <v>16629.407999999999</v>
      </c>
      <c r="KLG52" s="7">
        <f t="shared" si="413"/>
        <v>16629.407999999999</v>
      </c>
      <c r="KLH52" s="7">
        <f t="shared" si="413"/>
        <v>16629.407999999999</v>
      </c>
      <c r="KLI52" s="7">
        <f t="shared" si="413"/>
        <v>16629.407999999999</v>
      </c>
      <c r="KLJ52" s="7">
        <f t="shared" si="413"/>
        <v>16629.407999999999</v>
      </c>
      <c r="KLK52" s="7">
        <f t="shared" si="413"/>
        <v>16629.407999999999</v>
      </c>
      <c r="KLL52" s="7">
        <f t="shared" si="413"/>
        <v>16629.407999999999</v>
      </c>
      <c r="KLM52" s="7">
        <f t="shared" si="413"/>
        <v>16629.407999999999</v>
      </c>
      <c r="KLN52" s="7">
        <f t="shared" si="413"/>
        <v>16629.407999999999</v>
      </c>
      <c r="KLO52" s="7">
        <f t="shared" si="413"/>
        <v>16629.407999999999</v>
      </c>
      <c r="KLP52" s="7">
        <f t="shared" si="413"/>
        <v>16629.407999999999</v>
      </c>
      <c r="KLQ52" s="7">
        <f t="shared" si="413"/>
        <v>16629.407999999999</v>
      </c>
      <c r="KLR52" s="7">
        <f t="shared" si="413"/>
        <v>16629.407999999999</v>
      </c>
      <c r="KLS52" s="7">
        <f t="shared" si="413"/>
        <v>16629.407999999999</v>
      </c>
      <c r="KLT52" s="7">
        <f t="shared" si="413"/>
        <v>16629.407999999999</v>
      </c>
      <c r="KLU52" s="7">
        <f t="shared" si="413"/>
        <v>16629.407999999999</v>
      </c>
      <c r="KLV52" s="7">
        <f t="shared" si="413"/>
        <v>16629.407999999999</v>
      </c>
      <c r="KLW52" s="7">
        <f t="shared" si="413"/>
        <v>16629.407999999999</v>
      </c>
      <c r="KLX52" s="7">
        <f t="shared" si="413"/>
        <v>16629.407999999999</v>
      </c>
      <c r="KLY52" s="7">
        <f t="shared" si="413"/>
        <v>16629.407999999999</v>
      </c>
      <c r="KLZ52" s="7">
        <f t="shared" si="413"/>
        <v>16629.407999999999</v>
      </c>
      <c r="KMA52" s="7">
        <f t="shared" si="413"/>
        <v>16629.407999999999</v>
      </c>
      <c r="KMB52" s="7">
        <f t="shared" si="413"/>
        <v>16629.407999999999</v>
      </c>
      <c r="KMC52" s="7">
        <f t="shared" si="413"/>
        <v>16629.407999999999</v>
      </c>
      <c r="KMD52" s="7">
        <f t="shared" si="413"/>
        <v>16629.407999999999</v>
      </c>
      <c r="KME52" s="7">
        <f t="shared" si="413"/>
        <v>16629.407999999999</v>
      </c>
      <c r="KMF52" s="7">
        <f t="shared" si="413"/>
        <v>16629.407999999999</v>
      </c>
      <c r="KMG52" s="7">
        <f t="shared" si="413"/>
        <v>16629.407999999999</v>
      </c>
      <c r="KMH52" s="7">
        <f t="shared" si="413"/>
        <v>16629.407999999999</v>
      </c>
      <c r="KMI52" s="7">
        <f t="shared" si="413"/>
        <v>16629.407999999999</v>
      </c>
      <c r="KMJ52" s="7">
        <f t="shared" si="413"/>
        <v>16629.407999999999</v>
      </c>
      <c r="KMK52" s="7">
        <f t="shared" si="413"/>
        <v>16629.407999999999</v>
      </c>
      <c r="KML52" s="7">
        <f t="shared" si="413"/>
        <v>16629.407999999999</v>
      </c>
      <c r="KMM52" s="7">
        <f t="shared" si="413"/>
        <v>16629.407999999999</v>
      </c>
      <c r="KMN52" s="7">
        <f t="shared" si="413"/>
        <v>16629.407999999999</v>
      </c>
      <c r="KMO52" s="7">
        <f t="shared" si="413"/>
        <v>16629.407999999999</v>
      </c>
      <c r="KMP52" s="7">
        <f t="shared" si="413"/>
        <v>16629.407999999999</v>
      </c>
      <c r="KMQ52" s="7">
        <f t="shared" si="413"/>
        <v>16629.407999999999</v>
      </c>
      <c r="KMR52" s="7">
        <f t="shared" si="413"/>
        <v>16629.407999999999</v>
      </c>
      <c r="KMS52" s="7">
        <f t="shared" si="413"/>
        <v>16629.407999999999</v>
      </c>
      <c r="KMT52" s="7">
        <f t="shared" si="413"/>
        <v>16629.407999999999</v>
      </c>
      <c r="KMU52" s="7">
        <f t="shared" si="413"/>
        <v>16629.407999999999</v>
      </c>
      <c r="KMV52" s="7">
        <f t="shared" si="413"/>
        <v>16629.407999999999</v>
      </c>
      <c r="KMW52" s="7">
        <f t="shared" si="413"/>
        <v>16629.407999999999</v>
      </c>
      <c r="KMX52" s="7">
        <f t="shared" si="413"/>
        <v>16629.407999999999</v>
      </c>
      <c r="KMY52" s="7">
        <f t="shared" si="413"/>
        <v>16629.407999999999</v>
      </c>
      <c r="KMZ52" s="7">
        <f t="shared" si="413"/>
        <v>16629.407999999999</v>
      </c>
      <c r="KNA52" s="7">
        <f t="shared" si="413"/>
        <v>16629.407999999999</v>
      </c>
      <c r="KNB52" s="7">
        <f t="shared" si="413"/>
        <v>16629.407999999999</v>
      </c>
      <c r="KNC52" s="7">
        <f t="shared" si="413"/>
        <v>16629.407999999999</v>
      </c>
      <c r="KND52" s="7">
        <f t="shared" si="413"/>
        <v>16629.407999999999</v>
      </c>
      <c r="KNE52" s="7">
        <f t="shared" si="413"/>
        <v>16629.407999999999</v>
      </c>
      <c r="KNF52" s="7">
        <f t="shared" si="413"/>
        <v>16629.407999999999</v>
      </c>
      <c r="KNG52" s="7">
        <f t="shared" si="413"/>
        <v>16629.407999999999</v>
      </c>
      <c r="KNH52" s="7">
        <f t="shared" si="413"/>
        <v>16629.407999999999</v>
      </c>
      <c r="KNI52" s="7">
        <f t="shared" si="413"/>
        <v>16629.407999999999</v>
      </c>
      <c r="KNJ52" s="7">
        <f t="shared" si="413"/>
        <v>16629.407999999999</v>
      </c>
      <c r="KNK52" s="7">
        <f t="shared" si="413"/>
        <v>16629.407999999999</v>
      </c>
      <c r="KNL52" s="7">
        <f t="shared" si="413"/>
        <v>16629.407999999999</v>
      </c>
      <c r="KNM52" s="7">
        <f t="shared" si="413"/>
        <v>16629.407999999999</v>
      </c>
      <c r="KNN52" s="7">
        <f t="shared" si="413"/>
        <v>16629.407999999999</v>
      </c>
      <c r="KNO52" s="7">
        <f t="shared" si="413"/>
        <v>16629.407999999999</v>
      </c>
      <c r="KNP52" s="7">
        <f t="shared" si="413"/>
        <v>16629.407999999999</v>
      </c>
      <c r="KNQ52" s="7">
        <f t="shared" si="413"/>
        <v>16629.407999999999</v>
      </c>
      <c r="KNR52" s="7">
        <f t="shared" ref="KNR52:KQC52" si="414">KNR47+KNQ52</f>
        <v>16629.407999999999</v>
      </c>
      <c r="KNS52" s="7">
        <f t="shared" si="414"/>
        <v>16629.407999999999</v>
      </c>
      <c r="KNT52" s="7">
        <f t="shared" si="414"/>
        <v>16629.407999999999</v>
      </c>
      <c r="KNU52" s="7">
        <f t="shared" si="414"/>
        <v>16629.407999999999</v>
      </c>
      <c r="KNV52" s="7">
        <f t="shared" si="414"/>
        <v>16629.407999999999</v>
      </c>
      <c r="KNW52" s="7">
        <f t="shared" si="414"/>
        <v>16629.407999999999</v>
      </c>
      <c r="KNX52" s="7">
        <f t="shared" si="414"/>
        <v>16629.407999999999</v>
      </c>
      <c r="KNY52" s="7">
        <f t="shared" si="414"/>
        <v>16629.407999999999</v>
      </c>
      <c r="KNZ52" s="7">
        <f t="shared" si="414"/>
        <v>16629.407999999999</v>
      </c>
      <c r="KOA52" s="7">
        <f t="shared" si="414"/>
        <v>16629.407999999999</v>
      </c>
      <c r="KOB52" s="7">
        <f t="shared" si="414"/>
        <v>16629.407999999999</v>
      </c>
      <c r="KOC52" s="7">
        <f t="shared" si="414"/>
        <v>16629.407999999999</v>
      </c>
      <c r="KOD52" s="7">
        <f t="shared" si="414"/>
        <v>16629.407999999999</v>
      </c>
      <c r="KOE52" s="7">
        <f t="shared" si="414"/>
        <v>16629.407999999999</v>
      </c>
      <c r="KOF52" s="7">
        <f t="shared" si="414"/>
        <v>16629.407999999999</v>
      </c>
      <c r="KOG52" s="7">
        <f t="shared" si="414"/>
        <v>16629.407999999999</v>
      </c>
      <c r="KOH52" s="7">
        <f t="shared" si="414"/>
        <v>16629.407999999999</v>
      </c>
      <c r="KOI52" s="7">
        <f t="shared" si="414"/>
        <v>16629.407999999999</v>
      </c>
      <c r="KOJ52" s="7">
        <f t="shared" si="414"/>
        <v>16629.407999999999</v>
      </c>
      <c r="KOK52" s="7">
        <f t="shared" si="414"/>
        <v>16629.407999999999</v>
      </c>
      <c r="KOL52" s="7">
        <f t="shared" si="414"/>
        <v>16629.407999999999</v>
      </c>
      <c r="KOM52" s="7">
        <f t="shared" si="414"/>
        <v>16629.407999999999</v>
      </c>
      <c r="KON52" s="7">
        <f t="shared" si="414"/>
        <v>16629.407999999999</v>
      </c>
      <c r="KOO52" s="7">
        <f t="shared" si="414"/>
        <v>16629.407999999999</v>
      </c>
      <c r="KOP52" s="7">
        <f t="shared" si="414"/>
        <v>16629.407999999999</v>
      </c>
      <c r="KOQ52" s="7">
        <f t="shared" si="414"/>
        <v>16629.407999999999</v>
      </c>
      <c r="KOR52" s="7">
        <f t="shared" si="414"/>
        <v>16629.407999999999</v>
      </c>
      <c r="KOS52" s="7">
        <f t="shared" si="414"/>
        <v>16629.407999999999</v>
      </c>
      <c r="KOT52" s="7">
        <f t="shared" si="414"/>
        <v>16629.407999999999</v>
      </c>
      <c r="KOU52" s="7">
        <f t="shared" si="414"/>
        <v>16629.407999999999</v>
      </c>
      <c r="KOV52" s="7">
        <f t="shared" si="414"/>
        <v>16629.407999999999</v>
      </c>
      <c r="KOW52" s="7">
        <f t="shared" si="414"/>
        <v>16629.407999999999</v>
      </c>
      <c r="KOX52" s="7">
        <f t="shared" si="414"/>
        <v>16629.407999999999</v>
      </c>
      <c r="KOY52" s="7">
        <f t="shared" si="414"/>
        <v>16629.407999999999</v>
      </c>
      <c r="KOZ52" s="7">
        <f t="shared" si="414"/>
        <v>16629.407999999999</v>
      </c>
      <c r="KPA52" s="7">
        <f t="shared" si="414"/>
        <v>16629.407999999999</v>
      </c>
      <c r="KPB52" s="7">
        <f t="shared" si="414"/>
        <v>16629.407999999999</v>
      </c>
      <c r="KPC52" s="7">
        <f t="shared" si="414"/>
        <v>16629.407999999999</v>
      </c>
      <c r="KPD52" s="7">
        <f t="shared" si="414"/>
        <v>16629.407999999999</v>
      </c>
      <c r="KPE52" s="7">
        <f t="shared" si="414"/>
        <v>16629.407999999999</v>
      </c>
      <c r="KPF52" s="7">
        <f t="shared" si="414"/>
        <v>16629.407999999999</v>
      </c>
      <c r="KPG52" s="7">
        <f t="shared" si="414"/>
        <v>16629.407999999999</v>
      </c>
      <c r="KPH52" s="7">
        <f t="shared" si="414"/>
        <v>16629.407999999999</v>
      </c>
      <c r="KPI52" s="7">
        <f t="shared" si="414"/>
        <v>16629.407999999999</v>
      </c>
      <c r="KPJ52" s="7">
        <f t="shared" si="414"/>
        <v>16629.407999999999</v>
      </c>
      <c r="KPK52" s="7">
        <f t="shared" si="414"/>
        <v>16629.407999999999</v>
      </c>
      <c r="KPL52" s="7">
        <f t="shared" si="414"/>
        <v>16629.407999999999</v>
      </c>
      <c r="KPM52" s="7">
        <f t="shared" si="414"/>
        <v>16629.407999999999</v>
      </c>
      <c r="KPN52" s="7">
        <f t="shared" si="414"/>
        <v>16629.407999999999</v>
      </c>
      <c r="KPO52" s="7">
        <f t="shared" si="414"/>
        <v>16629.407999999999</v>
      </c>
      <c r="KPP52" s="7">
        <f t="shared" si="414"/>
        <v>16629.407999999999</v>
      </c>
      <c r="KPQ52" s="7">
        <f t="shared" si="414"/>
        <v>16629.407999999999</v>
      </c>
      <c r="KPR52" s="7">
        <f t="shared" si="414"/>
        <v>16629.407999999999</v>
      </c>
      <c r="KPS52" s="7">
        <f t="shared" si="414"/>
        <v>16629.407999999999</v>
      </c>
      <c r="KPT52" s="7">
        <f t="shared" si="414"/>
        <v>16629.407999999999</v>
      </c>
      <c r="KPU52" s="7">
        <f t="shared" si="414"/>
        <v>16629.407999999999</v>
      </c>
      <c r="KPV52" s="7">
        <f t="shared" si="414"/>
        <v>16629.407999999999</v>
      </c>
      <c r="KPW52" s="7">
        <f t="shared" si="414"/>
        <v>16629.407999999999</v>
      </c>
      <c r="KPX52" s="7">
        <f t="shared" si="414"/>
        <v>16629.407999999999</v>
      </c>
      <c r="KPY52" s="7">
        <f t="shared" si="414"/>
        <v>16629.407999999999</v>
      </c>
      <c r="KPZ52" s="7">
        <f t="shared" si="414"/>
        <v>16629.407999999999</v>
      </c>
      <c r="KQA52" s="7">
        <f t="shared" si="414"/>
        <v>16629.407999999999</v>
      </c>
      <c r="KQB52" s="7">
        <f t="shared" si="414"/>
        <v>16629.407999999999</v>
      </c>
      <c r="KQC52" s="7">
        <f t="shared" si="414"/>
        <v>16629.407999999999</v>
      </c>
      <c r="KQD52" s="7">
        <f t="shared" ref="KQD52:KSO52" si="415">KQD47+KQC52</f>
        <v>16629.407999999999</v>
      </c>
      <c r="KQE52" s="7">
        <f t="shared" si="415"/>
        <v>16629.407999999999</v>
      </c>
      <c r="KQF52" s="7">
        <f t="shared" si="415"/>
        <v>16629.407999999999</v>
      </c>
      <c r="KQG52" s="7">
        <f t="shared" si="415"/>
        <v>16629.407999999999</v>
      </c>
      <c r="KQH52" s="7">
        <f t="shared" si="415"/>
        <v>16629.407999999999</v>
      </c>
      <c r="KQI52" s="7">
        <f t="shared" si="415"/>
        <v>16629.407999999999</v>
      </c>
      <c r="KQJ52" s="7">
        <f t="shared" si="415"/>
        <v>16629.407999999999</v>
      </c>
      <c r="KQK52" s="7">
        <f t="shared" si="415"/>
        <v>16629.407999999999</v>
      </c>
      <c r="KQL52" s="7">
        <f t="shared" si="415"/>
        <v>16629.407999999999</v>
      </c>
      <c r="KQM52" s="7">
        <f t="shared" si="415"/>
        <v>16629.407999999999</v>
      </c>
      <c r="KQN52" s="7">
        <f t="shared" si="415"/>
        <v>16629.407999999999</v>
      </c>
      <c r="KQO52" s="7">
        <f t="shared" si="415"/>
        <v>16629.407999999999</v>
      </c>
      <c r="KQP52" s="7">
        <f t="shared" si="415"/>
        <v>16629.407999999999</v>
      </c>
      <c r="KQQ52" s="7">
        <f t="shared" si="415"/>
        <v>16629.407999999999</v>
      </c>
      <c r="KQR52" s="7">
        <f t="shared" si="415"/>
        <v>16629.407999999999</v>
      </c>
      <c r="KQS52" s="7">
        <f t="shared" si="415"/>
        <v>16629.407999999999</v>
      </c>
      <c r="KQT52" s="7">
        <f t="shared" si="415"/>
        <v>16629.407999999999</v>
      </c>
      <c r="KQU52" s="7">
        <f t="shared" si="415"/>
        <v>16629.407999999999</v>
      </c>
      <c r="KQV52" s="7">
        <f t="shared" si="415"/>
        <v>16629.407999999999</v>
      </c>
      <c r="KQW52" s="7">
        <f t="shared" si="415"/>
        <v>16629.407999999999</v>
      </c>
      <c r="KQX52" s="7">
        <f t="shared" si="415"/>
        <v>16629.407999999999</v>
      </c>
      <c r="KQY52" s="7">
        <f t="shared" si="415"/>
        <v>16629.407999999999</v>
      </c>
      <c r="KQZ52" s="7">
        <f t="shared" si="415"/>
        <v>16629.407999999999</v>
      </c>
      <c r="KRA52" s="7">
        <f t="shared" si="415"/>
        <v>16629.407999999999</v>
      </c>
      <c r="KRB52" s="7">
        <f t="shared" si="415"/>
        <v>16629.407999999999</v>
      </c>
      <c r="KRC52" s="7">
        <f t="shared" si="415"/>
        <v>16629.407999999999</v>
      </c>
      <c r="KRD52" s="7">
        <f t="shared" si="415"/>
        <v>16629.407999999999</v>
      </c>
      <c r="KRE52" s="7">
        <f t="shared" si="415"/>
        <v>16629.407999999999</v>
      </c>
      <c r="KRF52" s="7">
        <f t="shared" si="415"/>
        <v>16629.407999999999</v>
      </c>
      <c r="KRG52" s="7">
        <f t="shared" si="415"/>
        <v>16629.407999999999</v>
      </c>
      <c r="KRH52" s="7">
        <f t="shared" si="415"/>
        <v>16629.407999999999</v>
      </c>
      <c r="KRI52" s="7">
        <f t="shared" si="415"/>
        <v>16629.407999999999</v>
      </c>
      <c r="KRJ52" s="7">
        <f t="shared" si="415"/>
        <v>16629.407999999999</v>
      </c>
      <c r="KRK52" s="7">
        <f t="shared" si="415"/>
        <v>16629.407999999999</v>
      </c>
      <c r="KRL52" s="7">
        <f t="shared" si="415"/>
        <v>16629.407999999999</v>
      </c>
      <c r="KRM52" s="7">
        <f t="shared" si="415"/>
        <v>16629.407999999999</v>
      </c>
      <c r="KRN52" s="7">
        <f t="shared" si="415"/>
        <v>16629.407999999999</v>
      </c>
      <c r="KRO52" s="7">
        <f t="shared" si="415"/>
        <v>16629.407999999999</v>
      </c>
      <c r="KRP52" s="7">
        <f t="shared" si="415"/>
        <v>16629.407999999999</v>
      </c>
      <c r="KRQ52" s="7">
        <f t="shared" si="415"/>
        <v>16629.407999999999</v>
      </c>
      <c r="KRR52" s="7">
        <f t="shared" si="415"/>
        <v>16629.407999999999</v>
      </c>
      <c r="KRS52" s="7">
        <f t="shared" si="415"/>
        <v>16629.407999999999</v>
      </c>
      <c r="KRT52" s="7">
        <f t="shared" si="415"/>
        <v>16629.407999999999</v>
      </c>
      <c r="KRU52" s="7">
        <f t="shared" si="415"/>
        <v>16629.407999999999</v>
      </c>
      <c r="KRV52" s="7">
        <f t="shared" si="415"/>
        <v>16629.407999999999</v>
      </c>
      <c r="KRW52" s="7">
        <f t="shared" si="415"/>
        <v>16629.407999999999</v>
      </c>
      <c r="KRX52" s="7">
        <f t="shared" si="415"/>
        <v>16629.407999999999</v>
      </c>
      <c r="KRY52" s="7">
        <f t="shared" si="415"/>
        <v>16629.407999999999</v>
      </c>
      <c r="KRZ52" s="7">
        <f t="shared" si="415"/>
        <v>16629.407999999999</v>
      </c>
      <c r="KSA52" s="7">
        <f t="shared" si="415"/>
        <v>16629.407999999999</v>
      </c>
      <c r="KSB52" s="7">
        <f t="shared" si="415"/>
        <v>16629.407999999999</v>
      </c>
      <c r="KSC52" s="7">
        <f t="shared" si="415"/>
        <v>16629.407999999999</v>
      </c>
      <c r="KSD52" s="7">
        <f t="shared" si="415"/>
        <v>16629.407999999999</v>
      </c>
      <c r="KSE52" s="7">
        <f t="shared" si="415"/>
        <v>16629.407999999999</v>
      </c>
      <c r="KSF52" s="7">
        <f t="shared" si="415"/>
        <v>16629.407999999999</v>
      </c>
      <c r="KSG52" s="7">
        <f t="shared" si="415"/>
        <v>16629.407999999999</v>
      </c>
      <c r="KSH52" s="7">
        <f t="shared" si="415"/>
        <v>16629.407999999999</v>
      </c>
      <c r="KSI52" s="7">
        <f t="shared" si="415"/>
        <v>16629.407999999999</v>
      </c>
      <c r="KSJ52" s="7">
        <f t="shared" si="415"/>
        <v>16629.407999999999</v>
      </c>
      <c r="KSK52" s="7">
        <f t="shared" si="415"/>
        <v>16629.407999999999</v>
      </c>
      <c r="KSL52" s="7">
        <f t="shared" si="415"/>
        <v>16629.407999999999</v>
      </c>
      <c r="KSM52" s="7">
        <f t="shared" si="415"/>
        <v>16629.407999999999</v>
      </c>
      <c r="KSN52" s="7">
        <f t="shared" si="415"/>
        <v>16629.407999999999</v>
      </c>
      <c r="KSO52" s="7">
        <f t="shared" si="415"/>
        <v>16629.407999999999</v>
      </c>
      <c r="KSP52" s="7">
        <f t="shared" ref="KSP52:KVA52" si="416">KSP47+KSO52</f>
        <v>16629.407999999999</v>
      </c>
      <c r="KSQ52" s="7">
        <f t="shared" si="416"/>
        <v>16629.407999999999</v>
      </c>
      <c r="KSR52" s="7">
        <f t="shared" si="416"/>
        <v>16629.407999999999</v>
      </c>
      <c r="KSS52" s="7">
        <f t="shared" si="416"/>
        <v>16629.407999999999</v>
      </c>
      <c r="KST52" s="7">
        <f t="shared" si="416"/>
        <v>16629.407999999999</v>
      </c>
      <c r="KSU52" s="7">
        <f t="shared" si="416"/>
        <v>16629.407999999999</v>
      </c>
      <c r="KSV52" s="7">
        <f t="shared" si="416"/>
        <v>16629.407999999999</v>
      </c>
      <c r="KSW52" s="7">
        <f t="shared" si="416"/>
        <v>16629.407999999999</v>
      </c>
      <c r="KSX52" s="7">
        <f t="shared" si="416"/>
        <v>16629.407999999999</v>
      </c>
      <c r="KSY52" s="7">
        <f t="shared" si="416"/>
        <v>16629.407999999999</v>
      </c>
      <c r="KSZ52" s="7">
        <f t="shared" si="416"/>
        <v>16629.407999999999</v>
      </c>
      <c r="KTA52" s="7">
        <f t="shared" si="416"/>
        <v>16629.407999999999</v>
      </c>
      <c r="KTB52" s="7">
        <f t="shared" si="416"/>
        <v>16629.407999999999</v>
      </c>
      <c r="KTC52" s="7">
        <f t="shared" si="416"/>
        <v>16629.407999999999</v>
      </c>
      <c r="KTD52" s="7">
        <f t="shared" si="416"/>
        <v>16629.407999999999</v>
      </c>
      <c r="KTE52" s="7">
        <f t="shared" si="416"/>
        <v>16629.407999999999</v>
      </c>
      <c r="KTF52" s="7">
        <f t="shared" si="416"/>
        <v>16629.407999999999</v>
      </c>
      <c r="KTG52" s="7">
        <f t="shared" si="416"/>
        <v>16629.407999999999</v>
      </c>
      <c r="KTH52" s="7">
        <f t="shared" si="416"/>
        <v>16629.407999999999</v>
      </c>
      <c r="KTI52" s="7">
        <f t="shared" si="416"/>
        <v>16629.407999999999</v>
      </c>
      <c r="KTJ52" s="7">
        <f t="shared" si="416"/>
        <v>16629.407999999999</v>
      </c>
      <c r="KTK52" s="7">
        <f t="shared" si="416"/>
        <v>16629.407999999999</v>
      </c>
      <c r="KTL52" s="7">
        <f t="shared" si="416"/>
        <v>16629.407999999999</v>
      </c>
      <c r="KTM52" s="7">
        <f t="shared" si="416"/>
        <v>16629.407999999999</v>
      </c>
      <c r="KTN52" s="7">
        <f t="shared" si="416"/>
        <v>16629.407999999999</v>
      </c>
      <c r="KTO52" s="7">
        <f t="shared" si="416"/>
        <v>16629.407999999999</v>
      </c>
      <c r="KTP52" s="7">
        <f t="shared" si="416"/>
        <v>16629.407999999999</v>
      </c>
      <c r="KTQ52" s="7">
        <f t="shared" si="416"/>
        <v>16629.407999999999</v>
      </c>
      <c r="KTR52" s="7">
        <f t="shared" si="416"/>
        <v>16629.407999999999</v>
      </c>
      <c r="KTS52" s="7">
        <f t="shared" si="416"/>
        <v>16629.407999999999</v>
      </c>
      <c r="KTT52" s="7">
        <f t="shared" si="416"/>
        <v>16629.407999999999</v>
      </c>
      <c r="KTU52" s="7">
        <f t="shared" si="416"/>
        <v>16629.407999999999</v>
      </c>
      <c r="KTV52" s="7">
        <f t="shared" si="416"/>
        <v>16629.407999999999</v>
      </c>
      <c r="KTW52" s="7">
        <f t="shared" si="416"/>
        <v>16629.407999999999</v>
      </c>
      <c r="KTX52" s="7">
        <f t="shared" si="416"/>
        <v>16629.407999999999</v>
      </c>
      <c r="KTY52" s="7">
        <f t="shared" si="416"/>
        <v>16629.407999999999</v>
      </c>
      <c r="KTZ52" s="7">
        <f t="shared" si="416"/>
        <v>16629.407999999999</v>
      </c>
      <c r="KUA52" s="7">
        <f t="shared" si="416"/>
        <v>16629.407999999999</v>
      </c>
      <c r="KUB52" s="7">
        <f t="shared" si="416"/>
        <v>16629.407999999999</v>
      </c>
      <c r="KUC52" s="7">
        <f t="shared" si="416"/>
        <v>16629.407999999999</v>
      </c>
      <c r="KUD52" s="7">
        <f t="shared" si="416"/>
        <v>16629.407999999999</v>
      </c>
      <c r="KUE52" s="7">
        <f t="shared" si="416"/>
        <v>16629.407999999999</v>
      </c>
      <c r="KUF52" s="7">
        <f t="shared" si="416"/>
        <v>16629.407999999999</v>
      </c>
      <c r="KUG52" s="7">
        <f t="shared" si="416"/>
        <v>16629.407999999999</v>
      </c>
      <c r="KUH52" s="7">
        <f t="shared" si="416"/>
        <v>16629.407999999999</v>
      </c>
      <c r="KUI52" s="7">
        <f t="shared" si="416"/>
        <v>16629.407999999999</v>
      </c>
      <c r="KUJ52" s="7">
        <f t="shared" si="416"/>
        <v>16629.407999999999</v>
      </c>
      <c r="KUK52" s="7">
        <f t="shared" si="416"/>
        <v>16629.407999999999</v>
      </c>
      <c r="KUL52" s="7">
        <f t="shared" si="416"/>
        <v>16629.407999999999</v>
      </c>
      <c r="KUM52" s="7">
        <f t="shared" si="416"/>
        <v>16629.407999999999</v>
      </c>
      <c r="KUN52" s="7">
        <f t="shared" si="416"/>
        <v>16629.407999999999</v>
      </c>
      <c r="KUO52" s="7">
        <f t="shared" si="416"/>
        <v>16629.407999999999</v>
      </c>
      <c r="KUP52" s="7">
        <f t="shared" si="416"/>
        <v>16629.407999999999</v>
      </c>
      <c r="KUQ52" s="7">
        <f t="shared" si="416"/>
        <v>16629.407999999999</v>
      </c>
      <c r="KUR52" s="7">
        <f t="shared" si="416"/>
        <v>16629.407999999999</v>
      </c>
      <c r="KUS52" s="7">
        <f t="shared" si="416"/>
        <v>16629.407999999999</v>
      </c>
      <c r="KUT52" s="7">
        <f t="shared" si="416"/>
        <v>16629.407999999999</v>
      </c>
      <c r="KUU52" s="7">
        <f t="shared" si="416"/>
        <v>16629.407999999999</v>
      </c>
      <c r="KUV52" s="7">
        <f t="shared" si="416"/>
        <v>16629.407999999999</v>
      </c>
      <c r="KUW52" s="7">
        <f t="shared" si="416"/>
        <v>16629.407999999999</v>
      </c>
      <c r="KUX52" s="7">
        <f t="shared" si="416"/>
        <v>16629.407999999999</v>
      </c>
      <c r="KUY52" s="7">
        <f t="shared" si="416"/>
        <v>16629.407999999999</v>
      </c>
      <c r="KUZ52" s="7">
        <f t="shared" si="416"/>
        <v>16629.407999999999</v>
      </c>
      <c r="KVA52" s="7">
        <f t="shared" si="416"/>
        <v>16629.407999999999</v>
      </c>
      <c r="KVB52" s="7">
        <f t="shared" ref="KVB52:KXM52" si="417">KVB47+KVA52</f>
        <v>16629.407999999999</v>
      </c>
      <c r="KVC52" s="7">
        <f t="shared" si="417"/>
        <v>16629.407999999999</v>
      </c>
      <c r="KVD52" s="7">
        <f t="shared" si="417"/>
        <v>16629.407999999999</v>
      </c>
      <c r="KVE52" s="7">
        <f t="shared" si="417"/>
        <v>16629.407999999999</v>
      </c>
      <c r="KVF52" s="7">
        <f t="shared" si="417"/>
        <v>16629.407999999999</v>
      </c>
      <c r="KVG52" s="7">
        <f t="shared" si="417"/>
        <v>16629.407999999999</v>
      </c>
      <c r="KVH52" s="7">
        <f t="shared" si="417"/>
        <v>16629.407999999999</v>
      </c>
      <c r="KVI52" s="7">
        <f t="shared" si="417"/>
        <v>16629.407999999999</v>
      </c>
      <c r="KVJ52" s="7">
        <f t="shared" si="417"/>
        <v>16629.407999999999</v>
      </c>
      <c r="KVK52" s="7">
        <f t="shared" si="417"/>
        <v>16629.407999999999</v>
      </c>
      <c r="KVL52" s="7">
        <f t="shared" si="417"/>
        <v>16629.407999999999</v>
      </c>
      <c r="KVM52" s="7">
        <f t="shared" si="417"/>
        <v>16629.407999999999</v>
      </c>
      <c r="KVN52" s="7">
        <f t="shared" si="417"/>
        <v>16629.407999999999</v>
      </c>
      <c r="KVO52" s="7">
        <f t="shared" si="417"/>
        <v>16629.407999999999</v>
      </c>
      <c r="KVP52" s="7">
        <f t="shared" si="417"/>
        <v>16629.407999999999</v>
      </c>
      <c r="KVQ52" s="7">
        <f t="shared" si="417"/>
        <v>16629.407999999999</v>
      </c>
      <c r="KVR52" s="7">
        <f t="shared" si="417"/>
        <v>16629.407999999999</v>
      </c>
      <c r="KVS52" s="7">
        <f t="shared" si="417"/>
        <v>16629.407999999999</v>
      </c>
      <c r="KVT52" s="7">
        <f t="shared" si="417"/>
        <v>16629.407999999999</v>
      </c>
      <c r="KVU52" s="7">
        <f t="shared" si="417"/>
        <v>16629.407999999999</v>
      </c>
      <c r="KVV52" s="7">
        <f t="shared" si="417"/>
        <v>16629.407999999999</v>
      </c>
      <c r="KVW52" s="7">
        <f t="shared" si="417"/>
        <v>16629.407999999999</v>
      </c>
      <c r="KVX52" s="7">
        <f t="shared" si="417"/>
        <v>16629.407999999999</v>
      </c>
      <c r="KVY52" s="7">
        <f t="shared" si="417"/>
        <v>16629.407999999999</v>
      </c>
      <c r="KVZ52" s="7">
        <f t="shared" si="417"/>
        <v>16629.407999999999</v>
      </c>
      <c r="KWA52" s="7">
        <f t="shared" si="417"/>
        <v>16629.407999999999</v>
      </c>
      <c r="KWB52" s="7">
        <f t="shared" si="417"/>
        <v>16629.407999999999</v>
      </c>
      <c r="KWC52" s="7">
        <f t="shared" si="417"/>
        <v>16629.407999999999</v>
      </c>
      <c r="KWD52" s="7">
        <f t="shared" si="417"/>
        <v>16629.407999999999</v>
      </c>
      <c r="KWE52" s="7">
        <f t="shared" si="417"/>
        <v>16629.407999999999</v>
      </c>
      <c r="KWF52" s="7">
        <f t="shared" si="417"/>
        <v>16629.407999999999</v>
      </c>
      <c r="KWG52" s="7">
        <f t="shared" si="417"/>
        <v>16629.407999999999</v>
      </c>
      <c r="KWH52" s="7">
        <f t="shared" si="417"/>
        <v>16629.407999999999</v>
      </c>
      <c r="KWI52" s="7">
        <f t="shared" si="417"/>
        <v>16629.407999999999</v>
      </c>
      <c r="KWJ52" s="7">
        <f t="shared" si="417"/>
        <v>16629.407999999999</v>
      </c>
      <c r="KWK52" s="7">
        <f t="shared" si="417"/>
        <v>16629.407999999999</v>
      </c>
      <c r="KWL52" s="7">
        <f t="shared" si="417"/>
        <v>16629.407999999999</v>
      </c>
      <c r="KWM52" s="7">
        <f t="shared" si="417"/>
        <v>16629.407999999999</v>
      </c>
      <c r="KWN52" s="7">
        <f t="shared" si="417"/>
        <v>16629.407999999999</v>
      </c>
      <c r="KWO52" s="7">
        <f t="shared" si="417"/>
        <v>16629.407999999999</v>
      </c>
      <c r="KWP52" s="7">
        <f t="shared" si="417"/>
        <v>16629.407999999999</v>
      </c>
      <c r="KWQ52" s="7">
        <f t="shared" si="417"/>
        <v>16629.407999999999</v>
      </c>
      <c r="KWR52" s="7">
        <f t="shared" si="417"/>
        <v>16629.407999999999</v>
      </c>
      <c r="KWS52" s="7">
        <f t="shared" si="417"/>
        <v>16629.407999999999</v>
      </c>
      <c r="KWT52" s="7">
        <f t="shared" si="417"/>
        <v>16629.407999999999</v>
      </c>
      <c r="KWU52" s="7">
        <f t="shared" si="417"/>
        <v>16629.407999999999</v>
      </c>
      <c r="KWV52" s="7">
        <f t="shared" si="417"/>
        <v>16629.407999999999</v>
      </c>
      <c r="KWW52" s="7">
        <f t="shared" si="417"/>
        <v>16629.407999999999</v>
      </c>
      <c r="KWX52" s="7">
        <f t="shared" si="417"/>
        <v>16629.407999999999</v>
      </c>
      <c r="KWY52" s="7">
        <f t="shared" si="417"/>
        <v>16629.407999999999</v>
      </c>
      <c r="KWZ52" s="7">
        <f t="shared" si="417"/>
        <v>16629.407999999999</v>
      </c>
      <c r="KXA52" s="7">
        <f t="shared" si="417"/>
        <v>16629.407999999999</v>
      </c>
      <c r="KXB52" s="7">
        <f t="shared" si="417"/>
        <v>16629.407999999999</v>
      </c>
      <c r="KXC52" s="7">
        <f t="shared" si="417"/>
        <v>16629.407999999999</v>
      </c>
      <c r="KXD52" s="7">
        <f t="shared" si="417"/>
        <v>16629.407999999999</v>
      </c>
      <c r="KXE52" s="7">
        <f t="shared" si="417"/>
        <v>16629.407999999999</v>
      </c>
      <c r="KXF52" s="7">
        <f t="shared" si="417"/>
        <v>16629.407999999999</v>
      </c>
      <c r="KXG52" s="7">
        <f t="shared" si="417"/>
        <v>16629.407999999999</v>
      </c>
      <c r="KXH52" s="7">
        <f t="shared" si="417"/>
        <v>16629.407999999999</v>
      </c>
      <c r="KXI52" s="7">
        <f t="shared" si="417"/>
        <v>16629.407999999999</v>
      </c>
      <c r="KXJ52" s="7">
        <f t="shared" si="417"/>
        <v>16629.407999999999</v>
      </c>
      <c r="KXK52" s="7">
        <f t="shared" si="417"/>
        <v>16629.407999999999</v>
      </c>
      <c r="KXL52" s="7">
        <f t="shared" si="417"/>
        <v>16629.407999999999</v>
      </c>
      <c r="KXM52" s="7">
        <f t="shared" si="417"/>
        <v>16629.407999999999</v>
      </c>
      <c r="KXN52" s="7">
        <f t="shared" ref="KXN52:KZY52" si="418">KXN47+KXM52</f>
        <v>16629.407999999999</v>
      </c>
      <c r="KXO52" s="7">
        <f t="shared" si="418"/>
        <v>16629.407999999999</v>
      </c>
      <c r="KXP52" s="7">
        <f t="shared" si="418"/>
        <v>16629.407999999999</v>
      </c>
      <c r="KXQ52" s="7">
        <f t="shared" si="418"/>
        <v>16629.407999999999</v>
      </c>
      <c r="KXR52" s="7">
        <f t="shared" si="418"/>
        <v>16629.407999999999</v>
      </c>
      <c r="KXS52" s="7">
        <f t="shared" si="418"/>
        <v>16629.407999999999</v>
      </c>
      <c r="KXT52" s="7">
        <f t="shared" si="418"/>
        <v>16629.407999999999</v>
      </c>
      <c r="KXU52" s="7">
        <f t="shared" si="418"/>
        <v>16629.407999999999</v>
      </c>
      <c r="KXV52" s="7">
        <f t="shared" si="418"/>
        <v>16629.407999999999</v>
      </c>
      <c r="KXW52" s="7">
        <f t="shared" si="418"/>
        <v>16629.407999999999</v>
      </c>
      <c r="KXX52" s="7">
        <f t="shared" si="418"/>
        <v>16629.407999999999</v>
      </c>
      <c r="KXY52" s="7">
        <f t="shared" si="418"/>
        <v>16629.407999999999</v>
      </c>
      <c r="KXZ52" s="7">
        <f t="shared" si="418"/>
        <v>16629.407999999999</v>
      </c>
      <c r="KYA52" s="7">
        <f t="shared" si="418"/>
        <v>16629.407999999999</v>
      </c>
      <c r="KYB52" s="7">
        <f t="shared" si="418"/>
        <v>16629.407999999999</v>
      </c>
      <c r="KYC52" s="7">
        <f t="shared" si="418"/>
        <v>16629.407999999999</v>
      </c>
      <c r="KYD52" s="7">
        <f t="shared" si="418"/>
        <v>16629.407999999999</v>
      </c>
      <c r="KYE52" s="7">
        <f t="shared" si="418"/>
        <v>16629.407999999999</v>
      </c>
      <c r="KYF52" s="7">
        <f t="shared" si="418"/>
        <v>16629.407999999999</v>
      </c>
      <c r="KYG52" s="7">
        <f t="shared" si="418"/>
        <v>16629.407999999999</v>
      </c>
      <c r="KYH52" s="7">
        <f t="shared" si="418"/>
        <v>16629.407999999999</v>
      </c>
      <c r="KYI52" s="7">
        <f t="shared" si="418"/>
        <v>16629.407999999999</v>
      </c>
      <c r="KYJ52" s="7">
        <f t="shared" si="418"/>
        <v>16629.407999999999</v>
      </c>
      <c r="KYK52" s="7">
        <f t="shared" si="418"/>
        <v>16629.407999999999</v>
      </c>
      <c r="KYL52" s="7">
        <f t="shared" si="418"/>
        <v>16629.407999999999</v>
      </c>
      <c r="KYM52" s="7">
        <f t="shared" si="418"/>
        <v>16629.407999999999</v>
      </c>
      <c r="KYN52" s="7">
        <f t="shared" si="418"/>
        <v>16629.407999999999</v>
      </c>
      <c r="KYO52" s="7">
        <f t="shared" si="418"/>
        <v>16629.407999999999</v>
      </c>
      <c r="KYP52" s="7">
        <f t="shared" si="418"/>
        <v>16629.407999999999</v>
      </c>
      <c r="KYQ52" s="7">
        <f t="shared" si="418"/>
        <v>16629.407999999999</v>
      </c>
      <c r="KYR52" s="7">
        <f t="shared" si="418"/>
        <v>16629.407999999999</v>
      </c>
      <c r="KYS52" s="7">
        <f t="shared" si="418"/>
        <v>16629.407999999999</v>
      </c>
      <c r="KYT52" s="7">
        <f t="shared" si="418"/>
        <v>16629.407999999999</v>
      </c>
      <c r="KYU52" s="7">
        <f t="shared" si="418"/>
        <v>16629.407999999999</v>
      </c>
      <c r="KYV52" s="7">
        <f t="shared" si="418"/>
        <v>16629.407999999999</v>
      </c>
      <c r="KYW52" s="7">
        <f t="shared" si="418"/>
        <v>16629.407999999999</v>
      </c>
      <c r="KYX52" s="7">
        <f t="shared" si="418"/>
        <v>16629.407999999999</v>
      </c>
      <c r="KYY52" s="7">
        <f t="shared" si="418"/>
        <v>16629.407999999999</v>
      </c>
      <c r="KYZ52" s="7">
        <f t="shared" si="418"/>
        <v>16629.407999999999</v>
      </c>
      <c r="KZA52" s="7">
        <f t="shared" si="418"/>
        <v>16629.407999999999</v>
      </c>
      <c r="KZB52" s="7">
        <f t="shared" si="418"/>
        <v>16629.407999999999</v>
      </c>
      <c r="KZC52" s="7">
        <f t="shared" si="418"/>
        <v>16629.407999999999</v>
      </c>
      <c r="KZD52" s="7">
        <f t="shared" si="418"/>
        <v>16629.407999999999</v>
      </c>
      <c r="KZE52" s="7">
        <f t="shared" si="418"/>
        <v>16629.407999999999</v>
      </c>
      <c r="KZF52" s="7">
        <f t="shared" si="418"/>
        <v>16629.407999999999</v>
      </c>
      <c r="KZG52" s="7">
        <f t="shared" si="418"/>
        <v>16629.407999999999</v>
      </c>
      <c r="KZH52" s="7">
        <f t="shared" si="418"/>
        <v>16629.407999999999</v>
      </c>
      <c r="KZI52" s="7">
        <f t="shared" si="418"/>
        <v>16629.407999999999</v>
      </c>
      <c r="KZJ52" s="7">
        <f t="shared" si="418"/>
        <v>16629.407999999999</v>
      </c>
      <c r="KZK52" s="7">
        <f t="shared" si="418"/>
        <v>16629.407999999999</v>
      </c>
      <c r="KZL52" s="7">
        <f t="shared" si="418"/>
        <v>16629.407999999999</v>
      </c>
      <c r="KZM52" s="7">
        <f t="shared" si="418"/>
        <v>16629.407999999999</v>
      </c>
      <c r="KZN52" s="7">
        <f t="shared" si="418"/>
        <v>16629.407999999999</v>
      </c>
      <c r="KZO52" s="7">
        <f t="shared" si="418"/>
        <v>16629.407999999999</v>
      </c>
      <c r="KZP52" s="7">
        <f t="shared" si="418"/>
        <v>16629.407999999999</v>
      </c>
      <c r="KZQ52" s="7">
        <f t="shared" si="418"/>
        <v>16629.407999999999</v>
      </c>
      <c r="KZR52" s="7">
        <f t="shared" si="418"/>
        <v>16629.407999999999</v>
      </c>
      <c r="KZS52" s="7">
        <f t="shared" si="418"/>
        <v>16629.407999999999</v>
      </c>
      <c r="KZT52" s="7">
        <f t="shared" si="418"/>
        <v>16629.407999999999</v>
      </c>
      <c r="KZU52" s="7">
        <f t="shared" si="418"/>
        <v>16629.407999999999</v>
      </c>
      <c r="KZV52" s="7">
        <f t="shared" si="418"/>
        <v>16629.407999999999</v>
      </c>
      <c r="KZW52" s="7">
        <f t="shared" si="418"/>
        <v>16629.407999999999</v>
      </c>
      <c r="KZX52" s="7">
        <f t="shared" si="418"/>
        <v>16629.407999999999</v>
      </c>
      <c r="KZY52" s="7">
        <f t="shared" si="418"/>
        <v>16629.407999999999</v>
      </c>
      <c r="KZZ52" s="7">
        <f t="shared" ref="KZZ52:LCK52" si="419">KZZ47+KZY52</f>
        <v>16629.407999999999</v>
      </c>
      <c r="LAA52" s="7">
        <f t="shared" si="419"/>
        <v>16629.407999999999</v>
      </c>
      <c r="LAB52" s="7">
        <f t="shared" si="419"/>
        <v>16629.407999999999</v>
      </c>
      <c r="LAC52" s="7">
        <f t="shared" si="419"/>
        <v>16629.407999999999</v>
      </c>
      <c r="LAD52" s="7">
        <f t="shared" si="419"/>
        <v>16629.407999999999</v>
      </c>
      <c r="LAE52" s="7">
        <f t="shared" si="419"/>
        <v>16629.407999999999</v>
      </c>
      <c r="LAF52" s="7">
        <f t="shared" si="419"/>
        <v>16629.407999999999</v>
      </c>
      <c r="LAG52" s="7">
        <f t="shared" si="419"/>
        <v>16629.407999999999</v>
      </c>
      <c r="LAH52" s="7">
        <f t="shared" si="419"/>
        <v>16629.407999999999</v>
      </c>
      <c r="LAI52" s="7">
        <f t="shared" si="419"/>
        <v>16629.407999999999</v>
      </c>
      <c r="LAJ52" s="7">
        <f t="shared" si="419"/>
        <v>16629.407999999999</v>
      </c>
      <c r="LAK52" s="7">
        <f t="shared" si="419"/>
        <v>16629.407999999999</v>
      </c>
      <c r="LAL52" s="7">
        <f t="shared" si="419"/>
        <v>16629.407999999999</v>
      </c>
      <c r="LAM52" s="7">
        <f t="shared" si="419"/>
        <v>16629.407999999999</v>
      </c>
      <c r="LAN52" s="7">
        <f t="shared" si="419"/>
        <v>16629.407999999999</v>
      </c>
      <c r="LAO52" s="7">
        <f t="shared" si="419"/>
        <v>16629.407999999999</v>
      </c>
      <c r="LAP52" s="7">
        <f t="shared" si="419"/>
        <v>16629.407999999999</v>
      </c>
      <c r="LAQ52" s="7">
        <f t="shared" si="419"/>
        <v>16629.407999999999</v>
      </c>
      <c r="LAR52" s="7">
        <f t="shared" si="419"/>
        <v>16629.407999999999</v>
      </c>
      <c r="LAS52" s="7">
        <f t="shared" si="419"/>
        <v>16629.407999999999</v>
      </c>
      <c r="LAT52" s="7">
        <f t="shared" si="419"/>
        <v>16629.407999999999</v>
      </c>
      <c r="LAU52" s="7">
        <f t="shared" si="419"/>
        <v>16629.407999999999</v>
      </c>
      <c r="LAV52" s="7">
        <f t="shared" si="419"/>
        <v>16629.407999999999</v>
      </c>
      <c r="LAW52" s="7">
        <f t="shared" si="419"/>
        <v>16629.407999999999</v>
      </c>
      <c r="LAX52" s="7">
        <f t="shared" si="419"/>
        <v>16629.407999999999</v>
      </c>
      <c r="LAY52" s="7">
        <f t="shared" si="419"/>
        <v>16629.407999999999</v>
      </c>
      <c r="LAZ52" s="7">
        <f t="shared" si="419"/>
        <v>16629.407999999999</v>
      </c>
      <c r="LBA52" s="7">
        <f t="shared" si="419"/>
        <v>16629.407999999999</v>
      </c>
      <c r="LBB52" s="7">
        <f t="shared" si="419"/>
        <v>16629.407999999999</v>
      </c>
      <c r="LBC52" s="7">
        <f t="shared" si="419"/>
        <v>16629.407999999999</v>
      </c>
      <c r="LBD52" s="7">
        <f t="shared" si="419"/>
        <v>16629.407999999999</v>
      </c>
      <c r="LBE52" s="7">
        <f t="shared" si="419"/>
        <v>16629.407999999999</v>
      </c>
      <c r="LBF52" s="7">
        <f t="shared" si="419"/>
        <v>16629.407999999999</v>
      </c>
      <c r="LBG52" s="7">
        <f t="shared" si="419"/>
        <v>16629.407999999999</v>
      </c>
      <c r="LBH52" s="7">
        <f t="shared" si="419"/>
        <v>16629.407999999999</v>
      </c>
      <c r="LBI52" s="7">
        <f t="shared" si="419"/>
        <v>16629.407999999999</v>
      </c>
      <c r="LBJ52" s="7">
        <f t="shared" si="419"/>
        <v>16629.407999999999</v>
      </c>
      <c r="LBK52" s="7">
        <f t="shared" si="419"/>
        <v>16629.407999999999</v>
      </c>
      <c r="LBL52" s="7">
        <f t="shared" si="419"/>
        <v>16629.407999999999</v>
      </c>
      <c r="LBM52" s="7">
        <f t="shared" si="419"/>
        <v>16629.407999999999</v>
      </c>
      <c r="LBN52" s="7">
        <f t="shared" si="419"/>
        <v>16629.407999999999</v>
      </c>
      <c r="LBO52" s="7">
        <f t="shared" si="419"/>
        <v>16629.407999999999</v>
      </c>
      <c r="LBP52" s="7">
        <f t="shared" si="419"/>
        <v>16629.407999999999</v>
      </c>
      <c r="LBQ52" s="7">
        <f t="shared" si="419"/>
        <v>16629.407999999999</v>
      </c>
      <c r="LBR52" s="7">
        <f t="shared" si="419"/>
        <v>16629.407999999999</v>
      </c>
      <c r="LBS52" s="7">
        <f t="shared" si="419"/>
        <v>16629.407999999999</v>
      </c>
      <c r="LBT52" s="7">
        <f t="shared" si="419"/>
        <v>16629.407999999999</v>
      </c>
      <c r="LBU52" s="7">
        <f t="shared" si="419"/>
        <v>16629.407999999999</v>
      </c>
      <c r="LBV52" s="7">
        <f t="shared" si="419"/>
        <v>16629.407999999999</v>
      </c>
      <c r="LBW52" s="7">
        <f t="shared" si="419"/>
        <v>16629.407999999999</v>
      </c>
      <c r="LBX52" s="7">
        <f t="shared" si="419"/>
        <v>16629.407999999999</v>
      </c>
      <c r="LBY52" s="7">
        <f t="shared" si="419"/>
        <v>16629.407999999999</v>
      </c>
      <c r="LBZ52" s="7">
        <f t="shared" si="419"/>
        <v>16629.407999999999</v>
      </c>
      <c r="LCA52" s="7">
        <f t="shared" si="419"/>
        <v>16629.407999999999</v>
      </c>
      <c r="LCB52" s="7">
        <f t="shared" si="419"/>
        <v>16629.407999999999</v>
      </c>
      <c r="LCC52" s="7">
        <f t="shared" si="419"/>
        <v>16629.407999999999</v>
      </c>
      <c r="LCD52" s="7">
        <f t="shared" si="419"/>
        <v>16629.407999999999</v>
      </c>
      <c r="LCE52" s="7">
        <f t="shared" si="419"/>
        <v>16629.407999999999</v>
      </c>
      <c r="LCF52" s="7">
        <f t="shared" si="419"/>
        <v>16629.407999999999</v>
      </c>
      <c r="LCG52" s="7">
        <f t="shared" si="419"/>
        <v>16629.407999999999</v>
      </c>
      <c r="LCH52" s="7">
        <f t="shared" si="419"/>
        <v>16629.407999999999</v>
      </c>
      <c r="LCI52" s="7">
        <f t="shared" si="419"/>
        <v>16629.407999999999</v>
      </c>
      <c r="LCJ52" s="7">
        <f t="shared" si="419"/>
        <v>16629.407999999999</v>
      </c>
      <c r="LCK52" s="7">
        <f t="shared" si="419"/>
        <v>16629.407999999999</v>
      </c>
      <c r="LCL52" s="7">
        <f t="shared" ref="LCL52:LEW52" si="420">LCL47+LCK52</f>
        <v>16629.407999999999</v>
      </c>
      <c r="LCM52" s="7">
        <f t="shared" si="420"/>
        <v>16629.407999999999</v>
      </c>
      <c r="LCN52" s="7">
        <f t="shared" si="420"/>
        <v>16629.407999999999</v>
      </c>
      <c r="LCO52" s="7">
        <f t="shared" si="420"/>
        <v>16629.407999999999</v>
      </c>
      <c r="LCP52" s="7">
        <f t="shared" si="420"/>
        <v>16629.407999999999</v>
      </c>
      <c r="LCQ52" s="7">
        <f t="shared" si="420"/>
        <v>16629.407999999999</v>
      </c>
      <c r="LCR52" s="7">
        <f t="shared" si="420"/>
        <v>16629.407999999999</v>
      </c>
      <c r="LCS52" s="7">
        <f t="shared" si="420"/>
        <v>16629.407999999999</v>
      </c>
      <c r="LCT52" s="7">
        <f t="shared" si="420"/>
        <v>16629.407999999999</v>
      </c>
      <c r="LCU52" s="7">
        <f t="shared" si="420"/>
        <v>16629.407999999999</v>
      </c>
      <c r="LCV52" s="7">
        <f t="shared" si="420"/>
        <v>16629.407999999999</v>
      </c>
      <c r="LCW52" s="7">
        <f t="shared" si="420"/>
        <v>16629.407999999999</v>
      </c>
      <c r="LCX52" s="7">
        <f t="shared" si="420"/>
        <v>16629.407999999999</v>
      </c>
      <c r="LCY52" s="7">
        <f t="shared" si="420"/>
        <v>16629.407999999999</v>
      </c>
      <c r="LCZ52" s="7">
        <f t="shared" si="420"/>
        <v>16629.407999999999</v>
      </c>
      <c r="LDA52" s="7">
        <f t="shared" si="420"/>
        <v>16629.407999999999</v>
      </c>
      <c r="LDB52" s="7">
        <f t="shared" si="420"/>
        <v>16629.407999999999</v>
      </c>
      <c r="LDC52" s="7">
        <f t="shared" si="420"/>
        <v>16629.407999999999</v>
      </c>
      <c r="LDD52" s="7">
        <f t="shared" si="420"/>
        <v>16629.407999999999</v>
      </c>
      <c r="LDE52" s="7">
        <f t="shared" si="420"/>
        <v>16629.407999999999</v>
      </c>
      <c r="LDF52" s="7">
        <f t="shared" si="420"/>
        <v>16629.407999999999</v>
      </c>
      <c r="LDG52" s="7">
        <f t="shared" si="420"/>
        <v>16629.407999999999</v>
      </c>
      <c r="LDH52" s="7">
        <f t="shared" si="420"/>
        <v>16629.407999999999</v>
      </c>
      <c r="LDI52" s="7">
        <f t="shared" si="420"/>
        <v>16629.407999999999</v>
      </c>
      <c r="LDJ52" s="7">
        <f t="shared" si="420"/>
        <v>16629.407999999999</v>
      </c>
      <c r="LDK52" s="7">
        <f t="shared" si="420"/>
        <v>16629.407999999999</v>
      </c>
      <c r="LDL52" s="7">
        <f t="shared" si="420"/>
        <v>16629.407999999999</v>
      </c>
      <c r="LDM52" s="7">
        <f t="shared" si="420"/>
        <v>16629.407999999999</v>
      </c>
      <c r="LDN52" s="7">
        <f t="shared" si="420"/>
        <v>16629.407999999999</v>
      </c>
      <c r="LDO52" s="7">
        <f t="shared" si="420"/>
        <v>16629.407999999999</v>
      </c>
      <c r="LDP52" s="7">
        <f t="shared" si="420"/>
        <v>16629.407999999999</v>
      </c>
      <c r="LDQ52" s="7">
        <f t="shared" si="420"/>
        <v>16629.407999999999</v>
      </c>
      <c r="LDR52" s="7">
        <f t="shared" si="420"/>
        <v>16629.407999999999</v>
      </c>
      <c r="LDS52" s="7">
        <f t="shared" si="420"/>
        <v>16629.407999999999</v>
      </c>
      <c r="LDT52" s="7">
        <f t="shared" si="420"/>
        <v>16629.407999999999</v>
      </c>
      <c r="LDU52" s="7">
        <f t="shared" si="420"/>
        <v>16629.407999999999</v>
      </c>
      <c r="LDV52" s="7">
        <f t="shared" si="420"/>
        <v>16629.407999999999</v>
      </c>
      <c r="LDW52" s="7">
        <f t="shared" si="420"/>
        <v>16629.407999999999</v>
      </c>
      <c r="LDX52" s="7">
        <f t="shared" si="420"/>
        <v>16629.407999999999</v>
      </c>
      <c r="LDY52" s="7">
        <f t="shared" si="420"/>
        <v>16629.407999999999</v>
      </c>
      <c r="LDZ52" s="7">
        <f t="shared" si="420"/>
        <v>16629.407999999999</v>
      </c>
      <c r="LEA52" s="7">
        <f t="shared" si="420"/>
        <v>16629.407999999999</v>
      </c>
      <c r="LEB52" s="7">
        <f t="shared" si="420"/>
        <v>16629.407999999999</v>
      </c>
      <c r="LEC52" s="7">
        <f t="shared" si="420"/>
        <v>16629.407999999999</v>
      </c>
      <c r="LED52" s="7">
        <f t="shared" si="420"/>
        <v>16629.407999999999</v>
      </c>
      <c r="LEE52" s="7">
        <f t="shared" si="420"/>
        <v>16629.407999999999</v>
      </c>
      <c r="LEF52" s="7">
        <f t="shared" si="420"/>
        <v>16629.407999999999</v>
      </c>
      <c r="LEG52" s="7">
        <f t="shared" si="420"/>
        <v>16629.407999999999</v>
      </c>
      <c r="LEH52" s="7">
        <f t="shared" si="420"/>
        <v>16629.407999999999</v>
      </c>
      <c r="LEI52" s="7">
        <f t="shared" si="420"/>
        <v>16629.407999999999</v>
      </c>
      <c r="LEJ52" s="7">
        <f t="shared" si="420"/>
        <v>16629.407999999999</v>
      </c>
      <c r="LEK52" s="7">
        <f t="shared" si="420"/>
        <v>16629.407999999999</v>
      </c>
      <c r="LEL52" s="7">
        <f t="shared" si="420"/>
        <v>16629.407999999999</v>
      </c>
      <c r="LEM52" s="7">
        <f t="shared" si="420"/>
        <v>16629.407999999999</v>
      </c>
      <c r="LEN52" s="7">
        <f t="shared" si="420"/>
        <v>16629.407999999999</v>
      </c>
      <c r="LEO52" s="7">
        <f t="shared" si="420"/>
        <v>16629.407999999999</v>
      </c>
      <c r="LEP52" s="7">
        <f t="shared" si="420"/>
        <v>16629.407999999999</v>
      </c>
      <c r="LEQ52" s="7">
        <f t="shared" si="420"/>
        <v>16629.407999999999</v>
      </c>
      <c r="LER52" s="7">
        <f t="shared" si="420"/>
        <v>16629.407999999999</v>
      </c>
      <c r="LES52" s="7">
        <f t="shared" si="420"/>
        <v>16629.407999999999</v>
      </c>
      <c r="LET52" s="7">
        <f t="shared" si="420"/>
        <v>16629.407999999999</v>
      </c>
      <c r="LEU52" s="7">
        <f t="shared" si="420"/>
        <v>16629.407999999999</v>
      </c>
      <c r="LEV52" s="7">
        <f t="shared" si="420"/>
        <v>16629.407999999999</v>
      </c>
      <c r="LEW52" s="7">
        <f t="shared" si="420"/>
        <v>16629.407999999999</v>
      </c>
      <c r="LEX52" s="7">
        <f t="shared" ref="LEX52:LHI52" si="421">LEX47+LEW52</f>
        <v>16629.407999999999</v>
      </c>
      <c r="LEY52" s="7">
        <f t="shared" si="421"/>
        <v>16629.407999999999</v>
      </c>
      <c r="LEZ52" s="7">
        <f t="shared" si="421"/>
        <v>16629.407999999999</v>
      </c>
      <c r="LFA52" s="7">
        <f t="shared" si="421"/>
        <v>16629.407999999999</v>
      </c>
      <c r="LFB52" s="7">
        <f t="shared" si="421"/>
        <v>16629.407999999999</v>
      </c>
      <c r="LFC52" s="7">
        <f t="shared" si="421"/>
        <v>16629.407999999999</v>
      </c>
      <c r="LFD52" s="7">
        <f t="shared" si="421"/>
        <v>16629.407999999999</v>
      </c>
      <c r="LFE52" s="7">
        <f t="shared" si="421"/>
        <v>16629.407999999999</v>
      </c>
      <c r="LFF52" s="7">
        <f t="shared" si="421"/>
        <v>16629.407999999999</v>
      </c>
      <c r="LFG52" s="7">
        <f t="shared" si="421"/>
        <v>16629.407999999999</v>
      </c>
      <c r="LFH52" s="7">
        <f t="shared" si="421"/>
        <v>16629.407999999999</v>
      </c>
      <c r="LFI52" s="7">
        <f t="shared" si="421"/>
        <v>16629.407999999999</v>
      </c>
      <c r="LFJ52" s="7">
        <f t="shared" si="421"/>
        <v>16629.407999999999</v>
      </c>
      <c r="LFK52" s="7">
        <f t="shared" si="421"/>
        <v>16629.407999999999</v>
      </c>
      <c r="LFL52" s="7">
        <f t="shared" si="421"/>
        <v>16629.407999999999</v>
      </c>
      <c r="LFM52" s="7">
        <f t="shared" si="421"/>
        <v>16629.407999999999</v>
      </c>
      <c r="LFN52" s="7">
        <f t="shared" si="421"/>
        <v>16629.407999999999</v>
      </c>
      <c r="LFO52" s="7">
        <f t="shared" si="421"/>
        <v>16629.407999999999</v>
      </c>
      <c r="LFP52" s="7">
        <f t="shared" si="421"/>
        <v>16629.407999999999</v>
      </c>
      <c r="LFQ52" s="7">
        <f t="shared" si="421"/>
        <v>16629.407999999999</v>
      </c>
      <c r="LFR52" s="7">
        <f t="shared" si="421"/>
        <v>16629.407999999999</v>
      </c>
      <c r="LFS52" s="7">
        <f t="shared" si="421"/>
        <v>16629.407999999999</v>
      </c>
      <c r="LFT52" s="7">
        <f t="shared" si="421"/>
        <v>16629.407999999999</v>
      </c>
      <c r="LFU52" s="7">
        <f t="shared" si="421"/>
        <v>16629.407999999999</v>
      </c>
      <c r="LFV52" s="7">
        <f t="shared" si="421"/>
        <v>16629.407999999999</v>
      </c>
      <c r="LFW52" s="7">
        <f t="shared" si="421"/>
        <v>16629.407999999999</v>
      </c>
      <c r="LFX52" s="7">
        <f t="shared" si="421"/>
        <v>16629.407999999999</v>
      </c>
      <c r="LFY52" s="7">
        <f t="shared" si="421"/>
        <v>16629.407999999999</v>
      </c>
      <c r="LFZ52" s="7">
        <f t="shared" si="421"/>
        <v>16629.407999999999</v>
      </c>
      <c r="LGA52" s="7">
        <f t="shared" si="421"/>
        <v>16629.407999999999</v>
      </c>
      <c r="LGB52" s="7">
        <f t="shared" si="421"/>
        <v>16629.407999999999</v>
      </c>
      <c r="LGC52" s="7">
        <f t="shared" si="421"/>
        <v>16629.407999999999</v>
      </c>
      <c r="LGD52" s="7">
        <f t="shared" si="421"/>
        <v>16629.407999999999</v>
      </c>
      <c r="LGE52" s="7">
        <f t="shared" si="421"/>
        <v>16629.407999999999</v>
      </c>
      <c r="LGF52" s="7">
        <f t="shared" si="421"/>
        <v>16629.407999999999</v>
      </c>
      <c r="LGG52" s="7">
        <f t="shared" si="421"/>
        <v>16629.407999999999</v>
      </c>
      <c r="LGH52" s="7">
        <f t="shared" si="421"/>
        <v>16629.407999999999</v>
      </c>
      <c r="LGI52" s="7">
        <f t="shared" si="421"/>
        <v>16629.407999999999</v>
      </c>
      <c r="LGJ52" s="7">
        <f t="shared" si="421"/>
        <v>16629.407999999999</v>
      </c>
      <c r="LGK52" s="7">
        <f t="shared" si="421"/>
        <v>16629.407999999999</v>
      </c>
      <c r="LGL52" s="7">
        <f t="shared" si="421"/>
        <v>16629.407999999999</v>
      </c>
      <c r="LGM52" s="7">
        <f t="shared" si="421"/>
        <v>16629.407999999999</v>
      </c>
      <c r="LGN52" s="7">
        <f t="shared" si="421"/>
        <v>16629.407999999999</v>
      </c>
      <c r="LGO52" s="7">
        <f t="shared" si="421"/>
        <v>16629.407999999999</v>
      </c>
      <c r="LGP52" s="7">
        <f t="shared" si="421"/>
        <v>16629.407999999999</v>
      </c>
      <c r="LGQ52" s="7">
        <f t="shared" si="421"/>
        <v>16629.407999999999</v>
      </c>
      <c r="LGR52" s="7">
        <f t="shared" si="421"/>
        <v>16629.407999999999</v>
      </c>
      <c r="LGS52" s="7">
        <f t="shared" si="421"/>
        <v>16629.407999999999</v>
      </c>
      <c r="LGT52" s="7">
        <f t="shared" si="421"/>
        <v>16629.407999999999</v>
      </c>
      <c r="LGU52" s="7">
        <f t="shared" si="421"/>
        <v>16629.407999999999</v>
      </c>
      <c r="LGV52" s="7">
        <f t="shared" si="421"/>
        <v>16629.407999999999</v>
      </c>
      <c r="LGW52" s="7">
        <f t="shared" si="421"/>
        <v>16629.407999999999</v>
      </c>
      <c r="LGX52" s="7">
        <f t="shared" si="421"/>
        <v>16629.407999999999</v>
      </c>
      <c r="LGY52" s="7">
        <f t="shared" si="421"/>
        <v>16629.407999999999</v>
      </c>
      <c r="LGZ52" s="7">
        <f t="shared" si="421"/>
        <v>16629.407999999999</v>
      </c>
      <c r="LHA52" s="7">
        <f t="shared" si="421"/>
        <v>16629.407999999999</v>
      </c>
      <c r="LHB52" s="7">
        <f t="shared" si="421"/>
        <v>16629.407999999999</v>
      </c>
      <c r="LHC52" s="7">
        <f t="shared" si="421"/>
        <v>16629.407999999999</v>
      </c>
      <c r="LHD52" s="7">
        <f t="shared" si="421"/>
        <v>16629.407999999999</v>
      </c>
      <c r="LHE52" s="7">
        <f t="shared" si="421"/>
        <v>16629.407999999999</v>
      </c>
      <c r="LHF52" s="7">
        <f t="shared" si="421"/>
        <v>16629.407999999999</v>
      </c>
      <c r="LHG52" s="7">
        <f t="shared" si="421"/>
        <v>16629.407999999999</v>
      </c>
      <c r="LHH52" s="7">
        <f t="shared" si="421"/>
        <v>16629.407999999999</v>
      </c>
      <c r="LHI52" s="7">
        <f t="shared" si="421"/>
        <v>16629.407999999999</v>
      </c>
      <c r="LHJ52" s="7">
        <f t="shared" ref="LHJ52:LJU52" si="422">LHJ47+LHI52</f>
        <v>16629.407999999999</v>
      </c>
      <c r="LHK52" s="7">
        <f t="shared" si="422"/>
        <v>16629.407999999999</v>
      </c>
      <c r="LHL52" s="7">
        <f t="shared" si="422"/>
        <v>16629.407999999999</v>
      </c>
      <c r="LHM52" s="7">
        <f t="shared" si="422"/>
        <v>16629.407999999999</v>
      </c>
      <c r="LHN52" s="7">
        <f t="shared" si="422"/>
        <v>16629.407999999999</v>
      </c>
      <c r="LHO52" s="7">
        <f t="shared" si="422"/>
        <v>16629.407999999999</v>
      </c>
      <c r="LHP52" s="7">
        <f t="shared" si="422"/>
        <v>16629.407999999999</v>
      </c>
      <c r="LHQ52" s="7">
        <f t="shared" si="422"/>
        <v>16629.407999999999</v>
      </c>
      <c r="LHR52" s="7">
        <f t="shared" si="422"/>
        <v>16629.407999999999</v>
      </c>
      <c r="LHS52" s="7">
        <f t="shared" si="422"/>
        <v>16629.407999999999</v>
      </c>
      <c r="LHT52" s="7">
        <f t="shared" si="422"/>
        <v>16629.407999999999</v>
      </c>
      <c r="LHU52" s="7">
        <f t="shared" si="422"/>
        <v>16629.407999999999</v>
      </c>
      <c r="LHV52" s="7">
        <f t="shared" si="422"/>
        <v>16629.407999999999</v>
      </c>
      <c r="LHW52" s="7">
        <f t="shared" si="422"/>
        <v>16629.407999999999</v>
      </c>
      <c r="LHX52" s="7">
        <f t="shared" si="422"/>
        <v>16629.407999999999</v>
      </c>
      <c r="LHY52" s="7">
        <f t="shared" si="422"/>
        <v>16629.407999999999</v>
      </c>
      <c r="LHZ52" s="7">
        <f t="shared" si="422"/>
        <v>16629.407999999999</v>
      </c>
      <c r="LIA52" s="7">
        <f t="shared" si="422"/>
        <v>16629.407999999999</v>
      </c>
      <c r="LIB52" s="7">
        <f t="shared" si="422"/>
        <v>16629.407999999999</v>
      </c>
      <c r="LIC52" s="7">
        <f t="shared" si="422"/>
        <v>16629.407999999999</v>
      </c>
      <c r="LID52" s="7">
        <f t="shared" si="422"/>
        <v>16629.407999999999</v>
      </c>
      <c r="LIE52" s="7">
        <f t="shared" si="422"/>
        <v>16629.407999999999</v>
      </c>
      <c r="LIF52" s="7">
        <f t="shared" si="422"/>
        <v>16629.407999999999</v>
      </c>
      <c r="LIG52" s="7">
        <f t="shared" si="422"/>
        <v>16629.407999999999</v>
      </c>
      <c r="LIH52" s="7">
        <f t="shared" si="422"/>
        <v>16629.407999999999</v>
      </c>
      <c r="LII52" s="7">
        <f t="shared" si="422"/>
        <v>16629.407999999999</v>
      </c>
      <c r="LIJ52" s="7">
        <f t="shared" si="422"/>
        <v>16629.407999999999</v>
      </c>
      <c r="LIK52" s="7">
        <f t="shared" si="422"/>
        <v>16629.407999999999</v>
      </c>
      <c r="LIL52" s="7">
        <f t="shared" si="422"/>
        <v>16629.407999999999</v>
      </c>
      <c r="LIM52" s="7">
        <f t="shared" si="422"/>
        <v>16629.407999999999</v>
      </c>
      <c r="LIN52" s="7">
        <f t="shared" si="422"/>
        <v>16629.407999999999</v>
      </c>
      <c r="LIO52" s="7">
        <f t="shared" si="422"/>
        <v>16629.407999999999</v>
      </c>
      <c r="LIP52" s="7">
        <f t="shared" si="422"/>
        <v>16629.407999999999</v>
      </c>
      <c r="LIQ52" s="7">
        <f t="shared" si="422"/>
        <v>16629.407999999999</v>
      </c>
      <c r="LIR52" s="7">
        <f t="shared" si="422"/>
        <v>16629.407999999999</v>
      </c>
      <c r="LIS52" s="7">
        <f t="shared" si="422"/>
        <v>16629.407999999999</v>
      </c>
      <c r="LIT52" s="7">
        <f t="shared" si="422"/>
        <v>16629.407999999999</v>
      </c>
      <c r="LIU52" s="7">
        <f t="shared" si="422"/>
        <v>16629.407999999999</v>
      </c>
      <c r="LIV52" s="7">
        <f t="shared" si="422"/>
        <v>16629.407999999999</v>
      </c>
      <c r="LIW52" s="7">
        <f t="shared" si="422"/>
        <v>16629.407999999999</v>
      </c>
      <c r="LIX52" s="7">
        <f t="shared" si="422"/>
        <v>16629.407999999999</v>
      </c>
      <c r="LIY52" s="7">
        <f t="shared" si="422"/>
        <v>16629.407999999999</v>
      </c>
      <c r="LIZ52" s="7">
        <f t="shared" si="422"/>
        <v>16629.407999999999</v>
      </c>
      <c r="LJA52" s="7">
        <f t="shared" si="422"/>
        <v>16629.407999999999</v>
      </c>
      <c r="LJB52" s="7">
        <f t="shared" si="422"/>
        <v>16629.407999999999</v>
      </c>
      <c r="LJC52" s="7">
        <f t="shared" si="422"/>
        <v>16629.407999999999</v>
      </c>
      <c r="LJD52" s="7">
        <f t="shared" si="422"/>
        <v>16629.407999999999</v>
      </c>
      <c r="LJE52" s="7">
        <f t="shared" si="422"/>
        <v>16629.407999999999</v>
      </c>
      <c r="LJF52" s="7">
        <f t="shared" si="422"/>
        <v>16629.407999999999</v>
      </c>
      <c r="LJG52" s="7">
        <f t="shared" si="422"/>
        <v>16629.407999999999</v>
      </c>
      <c r="LJH52" s="7">
        <f t="shared" si="422"/>
        <v>16629.407999999999</v>
      </c>
      <c r="LJI52" s="7">
        <f t="shared" si="422"/>
        <v>16629.407999999999</v>
      </c>
      <c r="LJJ52" s="7">
        <f t="shared" si="422"/>
        <v>16629.407999999999</v>
      </c>
      <c r="LJK52" s="7">
        <f t="shared" si="422"/>
        <v>16629.407999999999</v>
      </c>
      <c r="LJL52" s="7">
        <f t="shared" si="422"/>
        <v>16629.407999999999</v>
      </c>
      <c r="LJM52" s="7">
        <f t="shared" si="422"/>
        <v>16629.407999999999</v>
      </c>
      <c r="LJN52" s="7">
        <f t="shared" si="422"/>
        <v>16629.407999999999</v>
      </c>
      <c r="LJO52" s="7">
        <f t="shared" si="422"/>
        <v>16629.407999999999</v>
      </c>
      <c r="LJP52" s="7">
        <f t="shared" si="422"/>
        <v>16629.407999999999</v>
      </c>
      <c r="LJQ52" s="7">
        <f t="shared" si="422"/>
        <v>16629.407999999999</v>
      </c>
      <c r="LJR52" s="7">
        <f t="shared" si="422"/>
        <v>16629.407999999999</v>
      </c>
      <c r="LJS52" s="7">
        <f t="shared" si="422"/>
        <v>16629.407999999999</v>
      </c>
      <c r="LJT52" s="7">
        <f t="shared" si="422"/>
        <v>16629.407999999999</v>
      </c>
      <c r="LJU52" s="7">
        <f t="shared" si="422"/>
        <v>16629.407999999999</v>
      </c>
      <c r="LJV52" s="7">
        <f t="shared" ref="LJV52:LMG52" si="423">LJV47+LJU52</f>
        <v>16629.407999999999</v>
      </c>
      <c r="LJW52" s="7">
        <f t="shared" si="423"/>
        <v>16629.407999999999</v>
      </c>
      <c r="LJX52" s="7">
        <f t="shared" si="423"/>
        <v>16629.407999999999</v>
      </c>
      <c r="LJY52" s="7">
        <f t="shared" si="423"/>
        <v>16629.407999999999</v>
      </c>
      <c r="LJZ52" s="7">
        <f t="shared" si="423"/>
        <v>16629.407999999999</v>
      </c>
      <c r="LKA52" s="7">
        <f t="shared" si="423"/>
        <v>16629.407999999999</v>
      </c>
      <c r="LKB52" s="7">
        <f t="shared" si="423"/>
        <v>16629.407999999999</v>
      </c>
      <c r="LKC52" s="7">
        <f t="shared" si="423"/>
        <v>16629.407999999999</v>
      </c>
      <c r="LKD52" s="7">
        <f t="shared" si="423"/>
        <v>16629.407999999999</v>
      </c>
      <c r="LKE52" s="7">
        <f t="shared" si="423"/>
        <v>16629.407999999999</v>
      </c>
      <c r="LKF52" s="7">
        <f t="shared" si="423"/>
        <v>16629.407999999999</v>
      </c>
      <c r="LKG52" s="7">
        <f t="shared" si="423"/>
        <v>16629.407999999999</v>
      </c>
      <c r="LKH52" s="7">
        <f t="shared" si="423"/>
        <v>16629.407999999999</v>
      </c>
      <c r="LKI52" s="7">
        <f t="shared" si="423"/>
        <v>16629.407999999999</v>
      </c>
      <c r="LKJ52" s="7">
        <f t="shared" si="423"/>
        <v>16629.407999999999</v>
      </c>
      <c r="LKK52" s="7">
        <f t="shared" si="423"/>
        <v>16629.407999999999</v>
      </c>
      <c r="LKL52" s="7">
        <f t="shared" si="423"/>
        <v>16629.407999999999</v>
      </c>
      <c r="LKM52" s="7">
        <f t="shared" si="423"/>
        <v>16629.407999999999</v>
      </c>
      <c r="LKN52" s="7">
        <f t="shared" si="423"/>
        <v>16629.407999999999</v>
      </c>
      <c r="LKO52" s="7">
        <f t="shared" si="423"/>
        <v>16629.407999999999</v>
      </c>
      <c r="LKP52" s="7">
        <f t="shared" si="423"/>
        <v>16629.407999999999</v>
      </c>
      <c r="LKQ52" s="7">
        <f t="shared" si="423"/>
        <v>16629.407999999999</v>
      </c>
      <c r="LKR52" s="7">
        <f t="shared" si="423"/>
        <v>16629.407999999999</v>
      </c>
      <c r="LKS52" s="7">
        <f t="shared" si="423"/>
        <v>16629.407999999999</v>
      </c>
      <c r="LKT52" s="7">
        <f t="shared" si="423"/>
        <v>16629.407999999999</v>
      </c>
      <c r="LKU52" s="7">
        <f t="shared" si="423"/>
        <v>16629.407999999999</v>
      </c>
      <c r="LKV52" s="7">
        <f t="shared" si="423"/>
        <v>16629.407999999999</v>
      </c>
      <c r="LKW52" s="7">
        <f t="shared" si="423"/>
        <v>16629.407999999999</v>
      </c>
      <c r="LKX52" s="7">
        <f t="shared" si="423"/>
        <v>16629.407999999999</v>
      </c>
      <c r="LKY52" s="7">
        <f t="shared" si="423"/>
        <v>16629.407999999999</v>
      </c>
      <c r="LKZ52" s="7">
        <f t="shared" si="423"/>
        <v>16629.407999999999</v>
      </c>
      <c r="LLA52" s="7">
        <f t="shared" si="423"/>
        <v>16629.407999999999</v>
      </c>
      <c r="LLB52" s="7">
        <f t="shared" si="423"/>
        <v>16629.407999999999</v>
      </c>
      <c r="LLC52" s="7">
        <f t="shared" si="423"/>
        <v>16629.407999999999</v>
      </c>
      <c r="LLD52" s="7">
        <f t="shared" si="423"/>
        <v>16629.407999999999</v>
      </c>
      <c r="LLE52" s="7">
        <f t="shared" si="423"/>
        <v>16629.407999999999</v>
      </c>
      <c r="LLF52" s="7">
        <f t="shared" si="423"/>
        <v>16629.407999999999</v>
      </c>
      <c r="LLG52" s="7">
        <f t="shared" si="423"/>
        <v>16629.407999999999</v>
      </c>
      <c r="LLH52" s="7">
        <f t="shared" si="423"/>
        <v>16629.407999999999</v>
      </c>
      <c r="LLI52" s="7">
        <f t="shared" si="423"/>
        <v>16629.407999999999</v>
      </c>
      <c r="LLJ52" s="7">
        <f t="shared" si="423"/>
        <v>16629.407999999999</v>
      </c>
      <c r="LLK52" s="7">
        <f t="shared" si="423"/>
        <v>16629.407999999999</v>
      </c>
      <c r="LLL52" s="7">
        <f t="shared" si="423"/>
        <v>16629.407999999999</v>
      </c>
      <c r="LLM52" s="7">
        <f t="shared" si="423"/>
        <v>16629.407999999999</v>
      </c>
      <c r="LLN52" s="7">
        <f t="shared" si="423"/>
        <v>16629.407999999999</v>
      </c>
      <c r="LLO52" s="7">
        <f t="shared" si="423"/>
        <v>16629.407999999999</v>
      </c>
      <c r="LLP52" s="7">
        <f t="shared" si="423"/>
        <v>16629.407999999999</v>
      </c>
      <c r="LLQ52" s="7">
        <f t="shared" si="423"/>
        <v>16629.407999999999</v>
      </c>
      <c r="LLR52" s="7">
        <f t="shared" si="423"/>
        <v>16629.407999999999</v>
      </c>
      <c r="LLS52" s="7">
        <f t="shared" si="423"/>
        <v>16629.407999999999</v>
      </c>
      <c r="LLT52" s="7">
        <f t="shared" si="423"/>
        <v>16629.407999999999</v>
      </c>
      <c r="LLU52" s="7">
        <f t="shared" si="423"/>
        <v>16629.407999999999</v>
      </c>
      <c r="LLV52" s="7">
        <f t="shared" si="423"/>
        <v>16629.407999999999</v>
      </c>
      <c r="LLW52" s="7">
        <f t="shared" si="423"/>
        <v>16629.407999999999</v>
      </c>
      <c r="LLX52" s="7">
        <f t="shared" si="423"/>
        <v>16629.407999999999</v>
      </c>
      <c r="LLY52" s="7">
        <f t="shared" si="423"/>
        <v>16629.407999999999</v>
      </c>
      <c r="LLZ52" s="7">
        <f t="shared" si="423"/>
        <v>16629.407999999999</v>
      </c>
      <c r="LMA52" s="7">
        <f t="shared" si="423"/>
        <v>16629.407999999999</v>
      </c>
      <c r="LMB52" s="7">
        <f t="shared" si="423"/>
        <v>16629.407999999999</v>
      </c>
      <c r="LMC52" s="7">
        <f t="shared" si="423"/>
        <v>16629.407999999999</v>
      </c>
      <c r="LMD52" s="7">
        <f t="shared" si="423"/>
        <v>16629.407999999999</v>
      </c>
      <c r="LME52" s="7">
        <f t="shared" si="423"/>
        <v>16629.407999999999</v>
      </c>
      <c r="LMF52" s="7">
        <f t="shared" si="423"/>
        <v>16629.407999999999</v>
      </c>
      <c r="LMG52" s="7">
        <f t="shared" si="423"/>
        <v>16629.407999999999</v>
      </c>
      <c r="LMH52" s="7">
        <f t="shared" ref="LMH52:LOS52" si="424">LMH47+LMG52</f>
        <v>16629.407999999999</v>
      </c>
      <c r="LMI52" s="7">
        <f t="shared" si="424"/>
        <v>16629.407999999999</v>
      </c>
      <c r="LMJ52" s="7">
        <f t="shared" si="424"/>
        <v>16629.407999999999</v>
      </c>
      <c r="LMK52" s="7">
        <f t="shared" si="424"/>
        <v>16629.407999999999</v>
      </c>
      <c r="LML52" s="7">
        <f t="shared" si="424"/>
        <v>16629.407999999999</v>
      </c>
      <c r="LMM52" s="7">
        <f t="shared" si="424"/>
        <v>16629.407999999999</v>
      </c>
      <c r="LMN52" s="7">
        <f t="shared" si="424"/>
        <v>16629.407999999999</v>
      </c>
      <c r="LMO52" s="7">
        <f t="shared" si="424"/>
        <v>16629.407999999999</v>
      </c>
      <c r="LMP52" s="7">
        <f t="shared" si="424"/>
        <v>16629.407999999999</v>
      </c>
      <c r="LMQ52" s="7">
        <f t="shared" si="424"/>
        <v>16629.407999999999</v>
      </c>
      <c r="LMR52" s="7">
        <f t="shared" si="424"/>
        <v>16629.407999999999</v>
      </c>
      <c r="LMS52" s="7">
        <f t="shared" si="424"/>
        <v>16629.407999999999</v>
      </c>
      <c r="LMT52" s="7">
        <f t="shared" si="424"/>
        <v>16629.407999999999</v>
      </c>
      <c r="LMU52" s="7">
        <f t="shared" si="424"/>
        <v>16629.407999999999</v>
      </c>
      <c r="LMV52" s="7">
        <f t="shared" si="424"/>
        <v>16629.407999999999</v>
      </c>
      <c r="LMW52" s="7">
        <f t="shared" si="424"/>
        <v>16629.407999999999</v>
      </c>
      <c r="LMX52" s="7">
        <f t="shared" si="424"/>
        <v>16629.407999999999</v>
      </c>
      <c r="LMY52" s="7">
        <f t="shared" si="424"/>
        <v>16629.407999999999</v>
      </c>
      <c r="LMZ52" s="7">
        <f t="shared" si="424"/>
        <v>16629.407999999999</v>
      </c>
      <c r="LNA52" s="7">
        <f t="shared" si="424"/>
        <v>16629.407999999999</v>
      </c>
      <c r="LNB52" s="7">
        <f t="shared" si="424"/>
        <v>16629.407999999999</v>
      </c>
      <c r="LNC52" s="7">
        <f t="shared" si="424"/>
        <v>16629.407999999999</v>
      </c>
      <c r="LND52" s="7">
        <f t="shared" si="424"/>
        <v>16629.407999999999</v>
      </c>
      <c r="LNE52" s="7">
        <f t="shared" si="424"/>
        <v>16629.407999999999</v>
      </c>
      <c r="LNF52" s="7">
        <f t="shared" si="424"/>
        <v>16629.407999999999</v>
      </c>
      <c r="LNG52" s="7">
        <f t="shared" si="424"/>
        <v>16629.407999999999</v>
      </c>
      <c r="LNH52" s="7">
        <f t="shared" si="424"/>
        <v>16629.407999999999</v>
      </c>
      <c r="LNI52" s="7">
        <f t="shared" si="424"/>
        <v>16629.407999999999</v>
      </c>
      <c r="LNJ52" s="7">
        <f t="shared" si="424"/>
        <v>16629.407999999999</v>
      </c>
      <c r="LNK52" s="7">
        <f t="shared" si="424"/>
        <v>16629.407999999999</v>
      </c>
      <c r="LNL52" s="7">
        <f t="shared" si="424"/>
        <v>16629.407999999999</v>
      </c>
      <c r="LNM52" s="7">
        <f t="shared" si="424"/>
        <v>16629.407999999999</v>
      </c>
      <c r="LNN52" s="7">
        <f t="shared" si="424"/>
        <v>16629.407999999999</v>
      </c>
      <c r="LNO52" s="7">
        <f t="shared" si="424"/>
        <v>16629.407999999999</v>
      </c>
      <c r="LNP52" s="7">
        <f t="shared" si="424"/>
        <v>16629.407999999999</v>
      </c>
      <c r="LNQ52" s="7">
        <f t="shared" si="424"/>
        <v>16629.407999999999</v>
      </c>
      <c r="LNR52" s="7">
        <f t="shared" si="424"/>
        <v>16629.407999999999</v>
      </c>
      <c r="LNS52" s="7">
        <f t="shared" si="424"/>
        <v>16629.407999999999</v>
      </c>
      <c r="LNT52" s="7">
        <f t="shared" si="424"/>
        <v>16629.407999999999</v>
      </c>
      <c r="LNU52" s="7">
        <f t="shared" si="424"/>
        <v>16629.407999999999</v>
      </c>
      <c r="LNV52" s="7">
        <f t="shared" si="424"/>
        <v>16629.407999999999</v>
      </c>
      <c r="LNW52" s="7">
        <f t="shared" si="424"/>
        <v>16629.407999999999</v>
      </c>
      <c r="LNX52" s="7">
        <f t="shared" si="424"/>
        <v>16629.407999999999</v>
      </c>
      <c r="LNY52" s="7">
        <f t="shared" si="424"/>
        <v>16629.407999999999</v>
      </c>
      <c r="LNZ52" s="7">
        <f t="shared" si="424"/>
        <v>16629.407999999999</v>
      </c>
      <c r="LOA52" s="7">
        <f t="shared" si="424"/>
        <v>16629.407999999999</v>
      </c>
      <c r="LOB52" s="7">
        <f t="shared" si="424"/>
        <v>16629.407999999999</v>
      </c>
      <c r="LOC52" s="7">
        <f t="shared" si="424"/>
        <v>16629.407999999999</v>
      </c>
      <c r="LOD52" s="7">
        <f t="shared" si="424"/>
        <v>16629.407999999999</v>
      </c>
      <c r="LOE52" s="7">
        <f t="shared" si="424"/>
        <v>16629.407999999999</v>
      </c>
      <c r="LOF52" s="7">
        <f t="shared" si="424"/>
        <v>16629.407999999999</v>
      </c>
      <c r="LOG52" s="7">
        <f t="shared" si="424"/>
        <v>16629.407999999999</v>
      </c>
      <c r="LOH52" s="7">
        <f t="shared" si="424"/>
        <v>16629.407999999999</v>
      </c>
      <c r="LOI52" s="7">
        <f t="shared" si="424"/>
        <v>16629.407999999999</v>
      </c>
      <c r="LOJ52" s="7">
        <f t="shared" si="424"/>
        <v>16629.407999999999</v>
      </c>
      <c r="LOK52" s="7">
        <f t="shared" si="424"/>
        <v>16629.407999999999</v>
      </c>
      <c r="LOL52" s="7">
        <f t="shared" si="424"/>
        <v>16629.407999999999</v>
      </c>
      <c r="LOM52" s="7">
        <f t="shared" si="424"/>
        <v>16629.407999999999</v>
      </c>
      <c r="LON52" s="7">
        <f t="shared" si="424"/>
        <v>16629.407999999999</v>
      </c>
      <c r="LOO52" s="7">
        <f t="shared" si="424"/>
        <v>16629.407999999999</v>
      </c>
      <c r="LOP52" s="7">
        <f t="shared" si="424"/>
        <v>16629.407999999999</v>
      </c>
      <c r="LOQ52" s="7">
        <f t="shared" si="424"/>
        <v>16629.407999999999</v>
      </c>
      <c r="LOR52" s="7">
        <f t="shared" si="424"/>
        <v>16629.407999999999</v>
      </c>
      <c r="LOS52" s="7">
        <f t="shared" si="424"/>
        <v>16629.407999999999</v>
      </c>
      <c r="LOT52" s="7">
        <f t="shared" ref="LOT52:LRE52" si="425">LOT47+LOS52</f>
        <v>16629.407999999999</v>
      </c>
      <c r="LOU52" s="7">
        <f t="shared" si="425"/>
        <v>16629.407999999999</v>
      </c>
      <c r="LOV52" s="7">
        <f t="shared" si="425"/>
        <v>16629.407999999999</v>
      </c>
      <c r="LOW52" s="7">
        <f t="shared" si="425"/>
        <v>16629.407999999999</v>
      </c>
      <c r="LOX52" s="7">
        <f t="shared" si="425"/>
        <v>16629.407999999999</v>
      </c>
      <c r="LOY52" s="7">
        <f t="shared" si="425"/>
        <v>16629.407999999999</v>
      </c>
      <c r="LOZ52" s="7">
        <f t="shared" si="425"/>
        <v>16629.407999999999</v>
      </c>
      <c r="LPA52" s="7">
        <f t="shared" si="425"/>
        <v>16629.407999999999</v>
      </c>
      <c r="LPB52" s="7">
        <f t="shared" si="425"/>
        <v>16629.407999999999</v>
      </c>
      <c r="LPC52" s="7">
        <f t="shared" si="425"/>
        <v>16629.407999999999</v>
      </c>
      <c r="LPD52" s="7">
        <f t="shared" si="425"/>
        <v>16629.407999999999</v>
      </c>
      <c r="LPE52" s="7">
        <f t="shared" si="425"/>
        <v>16629.407999999999</v>
      </c>
      <c r="LPF52" s="7">
        <f t="shared" si="425"/>
        <v>16629.407999999999</v>
      </c>
      <c r="LPG52" s="7">
        <f t="shared" si="425"/>
        <v>16629.407999999999</v>
      </c>
      <c r="LPH52" s="7">
        <f t="shared" si="425"/>
        <v>16629.407999999999</v>
      </c>
      <c r="LPI52" s="7">
        <f t="shared" si="425"/>
        <v>16629.407999999999</v>
      </c>
      <c r="LPJ52" s="7">
        <f t="shared" si="425"/>
        <v>16629.407999999999</v>
      </c>
      <c r="LPK52" s="7">
        <f t="shared" si="425"/>
        <v>16629.407999999999</v>
      </c>
      <c r="LPL52" s="7">
        <f t="shared" si="425"/>
        <v>16629.407999999999</v>
      </c>
      <c r="LPM52" s="7">
        <f t="shared" si="425"/>
        <v>16629.407999999999</v>
      </c>
      <c r="LPN52" s="7">
        <f t="shared" si="425"/>
        <v>16629.407999999999</v>
      </c>
      <c r="LPO52" s="7">
        <f t="shared" si="425"/>
        <v>16629.407999999999</v>
      </c>
      <c r="LPP52" s="7">
        <f t="shared" si="425"/>
        <v>16629.407999999999</v>
      </c>
      <c r="LPQ52" s="7">
        <f t="shared" si="425"/>
        <v>16629.407999999999</v>
      </c>
      <c r="LPR52" s="7">
        <f t="shared" si="425"/>
        <v>16629.407999999999</v>
      </c>
      <c r="LPS52" s="7">
        <f t="shared" si="425"/>
        <v>16629.407999999999</v>
      </c>
      <c r="LPT52" s="7">
        <f t="shared" si="425"/>
        <v>16629.407999999999</v>
      </c>
      <c r="LPU52" s="7">
        <f t="shared" si="425"/>
        <v>16629.407999999999</v>
      </c>
      <c r="LPV52" s="7">
        <f t="shared" si="425"/>
        <v>16629.407999999999</v>
      </c>
      <c r="LPW52" s="7">
        <f t="shared" si="425"/>
        <v>16629.407999999999</v>
      </c>
      <c r="LPX52" s="7">
        <f t="shared" si="425"/>
        <v>16629.407999999999</v>
      </c>
      <c r="LPY52" s="7">
        <f t="shared" si="425"/>
        <v>16629.407999999999</v>
      </c>
      <c r="LPZ52" s="7">
        <f t="shared" si="425"/>
        <v>16629.407999999999</v>
      </c>
      <c r="LQA52" s="7">
        <f t="shared" si="425"/>
        <v>16629.407999999999</v>
      </c>
      <c r="LQB52" s="7">
        <f t="shared" si="425"/>
        <v>16629.407999999999</v>
      </c>
      <c r="LQC52" s="7">
        <f t="shared" si="425"/>
        <v>16629.407999999999</v>
      </c>
      <c r="LQD52" s="7">
        <f t="shared" si="425"/>
        <v>16629.407999999999</v>
      </c>
      <c r="LQE52" s="7">
        <f t="shared" si="425"/>
        <v>16629.407999999999</v>
      </c>
      <c r="LQF52" s="7">
        <f t="shared" si="425"/>
        <v>16629.407999999999</v>
      </c>
      <c r="LQG52" s="7">
        <f t="shared" si="425"/>
        <v>16629.407999999999</v>
      </c>
      <c r="LQH52" s="7">
        <f t="shared" si="425"/>
        <v>16629.407999999999</v>
      </c>
      <c r="LQI52" s="7">
        <f t="shared" si="425"/>
        <v>16629.407999999999</v>
      </c>
      <c r="LQJ52" s="7">
        <f t="shared" si="425"/>
        <v>16629.407999999999</v>
      </c>
      <c r="LQK52" s="7">
        <f t="shared" si="425"/>
        <v>16629.407999999999</v>
      </c>
      <c r="LQL52" s="7">
        <f t="shared" si="425"/>
        <v>16629.407999999999</v>
      </c>
      <c r="LQM52" s="7">
        <f t="shared" si="425"/>
        <v>16629.407999999999</v>
      </c>
      <c r="LQN52" s="7">
        <f t="shared" si="425"/>
        <v>16629.407999999999</v>
      </c>
      <c r="LQO52" s="7">
        <f t="shared" si="425"/>
        <v>16629.407999999999</v>
      </c>
      <c r="LQP52" s="7">
        <f t="shared" si="425"/>
        <v>16629.407999999999</v>
      </c>
      <c r="LQQ52" s="7">
        <f t="shared" si="425"/>
        <v>16629.407999999999</v>
      </c>
      <c r="LQR52" s="7">
        <f t="shared" si="425"/>
        <v>16629.407999999999</v>
      </c>
      <c r="LQS52" s="7">
        <f t="shared" si="425"/>
        <v>16629.407999999999</v>
      </c>
      <c r="LQT52" s="7">
        <f t="shared" si="425"/>
        <v>16629.407999999999</v>
      </c>
      <c r="LQU52" s="7">
        <f t="shared" si="425"/>
        <v>16629.407999999999</v>
      </c>
      <c r="LQV52" s="7">
        <f t="shared" si="425"/>
        <v>16629.407999999999</v>
      </c>
      <c r="LQW52" s="7">
        <f t="shared" si="425"/>
        <v>16629.407999999999</v>
      </c>
      <c r="LQX52" s="7">
        <f t="shared" si="425"/>
        <v>16629.407999999999</v>
      </c>
      <c r="LQY52" s="7">
        <f t="shared" si="425"/>
        <v>16629.407999999999</v>
      </c>
      <c r="LQZ52" s="7">
        <f t="shared" si="425"/>
        <v>16629.407999999999</v>
      </c>
      <c r="LRA52" s="7">
        <f t="shared" si="425"/>
        <v>16629.407999999999</v>
      </c>
      <c r="LRB52" s="7">
        <f t="shared" si="425"/>
        <v>16629.407999999999</v>
      </c>
      <c r="LRC52" s="7">
        <f t="shared" si="425"/>
        <v>16629.407999999999</v>
      </c>
      <c r="LRD52" s="7">
        <f t="shared" si="425"/>
        <v>16629.407999999999</v>
      </c>
      <c r="LRE52" s="7">
        <f t="shared" si="425"/>
        <v>16629.407999999999</v>
      </c>
      <c r="LRF52" s="7">
        <f t="shared" ref="LRF52:LTQ52" si="426">LRF47+LRE52</f>
        <v>16629.407999999999</v>
      </c>
      <c r="LRG52" s="7">
        <f t="shared" si="426"/>
        <v>16629.407999999999</v>
      </c>
      <c r="LRH52" s="7">
        <f t="shared" si="426"/>
        <v>16629.407999999999</v>
      </c>
      <c r="LRI52" s="7">
        <f t="shared" si="426"/>
        <v>16629.407999999999</v>
      </c>
      <c r="LRJ52" s="7">
        <f t="shared" si="426"/>
        <v>16629.407999999999</v>
      </c>
      <c r="LRK52" s="7">
        <f t="shared" si="426"/>
        <v>16629.407999999999</v>
      </c>
      <c r="LRL52" s="7">
        <f t="shared" si="426"/>
        <v>16629.407999999999</v>
      </c>
      <c r="LRM52" s="7">
        <f t="shared" si="426"/>
        <v>16629.407999999999</v>
      </c>
      <c r="LRN52" s="7">
        <f t="shared" si="426"/>
        <v>16629.407999999999</v>
      </c>
      <c r="LRO52" s="7">
        <f t="shared" si="426"/>
        <v>16629.407999999999</v>
      </c>
      <c r="LRP52" s="7">
        <f t="shared" si="426"/>
        <v>16629.407999999999</v>
      </c>
      <c r="LRQ52" s="7">
        <f t="shared" si="426"/>
        <v>16629.407999999999</v>
      </c>
      <c r="LRR52" s="7">
        <f t="shared" si="426"/>
        <v>16629.407999999999</v>
      </c>
      <c r="LRS52" s="7">
        <f t="shared" si="426"/>
        <v>16629.407999999999</v>
      </c>
      <c r="LRT52" s="7">
        <f t="shared" si="426"/>
        <v>16629.407999999999</v>
      </c>
      <c r="LRU52" s="7">
        <f t="shared" si="426"/>
        <v>16629.407999999999</v>
      </c>
      <c r="LRV52" s="7">
        <f t="shared" si="426"/>
        <v>16629.407999999999</v>
      </c>
      <c r="LRW52" s="7">
        <f t="shared" si="426"/>
        <v>16629.407999999999</v>
      </c>
      <c r="LRX52" s="7">
        <f t="shared" si="426"/>
        <v>16629.407999999999</v>
      </c>
      <c r="LRY52" s="7">
        <f t="shared" si="426"/>
        <v>16629.407999999999</v>
      </c>
      <c r="LRZ52" s="7">
        <f t="shared" si="426"/>
        <v>16629.407999999999</v>
      </c>
      <c r="LSA52" s="7">
        <f t="shared" si="426"/>
        <v>16629.407999999999</v>
      </c>
      <c r="LSB52" s="7">
        <f t="shared" si="426"/>
        <v>16629.407999999999</v>
      </c>
      <c r="LSC52" s="7">
        <f t="shared" si="426"/>
        <v>16629.407999999999</v>
      </c>
      <c r="LSD52" s="7">
        <f t="shared" si="426"/>
        <v>16629.407999999999</v>
      </c>
      <c r="LSE52" s="7">
        <f t="shared" si="426"/>
        <v>16629.407999999999</v>
      </c>
      <c r="LSF52" s="7">
        <f t="shared" si="426"/>
        <v>16629.407999999999</v>
      </c>
      <c r="LSG52" s="7">
        <f t="shared" si="426"/>
        <v>16629.407999999999</v>
      </c>
      <c r="LSH52" s="7">
        <f t="shared" si="426"/>
        <v>16629.407999999999</v>
      </c>
      <c r="LSI52" s="7">
        <f t="shared" si="426"/>
        <v>16629.407999999999</v>
      </c>
      <c r="LSJ52" s="7">
        <f t="shared" si="426"/>
        <v>16629.407999999999</v>
      </c>
      <c r="LSK52" s="7">
        <f t="shared" si="426"/>
        <v>16629.407999999999</v>
      </c>
      <c r="LSL52" s="7">
        <f t="shared" si="426"/>
        <v>16629.407999999999</v>
      </c>
      <c r="LSM52" s="7">
        <f t="shared" si="426"/>
        <v>16629.407999999999</v>
      </c>
      <c r="LSN52" s="7">
        <f t="shared" si="426"/>
        <v>16629.407999999999</v>
      </c>
      <c r="LSO52" s="7">
        <f t="shared" si="426"/>
        <v>16629.407999999999</v>
      </c>
      <c r="LSP52" s="7">
        <f t="shared" si="426"/>
        <v>16629.407999999999</v>
      </c>
      <c r="LSQ52" s="7">
        <f t="shared" si="426"/>
        <v>16629.407999999999</v>
      </c>
      <c r="LSR52" s="7">
        <f t="shared" si="426"/>
        <v>16629.407999999999</v>
      </c>
      <c r="LSS52" s="7">
        <f t="shared" si="426"/>
        <v>16629.407999999999</v>
      </c>
      <c r="LST52" s="7">
        <f t="shared" si="426"/>
        <v>16629.407999999999</v>
      </c>
      <c r="LSU52" s="7">
        <f t="shared" si="426"/>
        <v>16629.407999999999</v>
      </c>
      <c r="LSV52" s="7">
        <f t="shared" si="426"/>
        <v>16629.407999999999</v>
      </c>
      <c r="LSW52" s="7">
        <f t="shared" si="426"/>
        <v>16629.407999999999</v>
      </c>
      <c r="LSX52" s="7">
        <f t="shared" si="426"/>
        <v>16629.407999999999</v>
      </c>
      <c r="LSY52" s="7">
        <f t="shared" si="426"/>
        <v>16629.407999999999</v>
      </c>
      <c r="LSZ52" s="7">
        <f t="shared" si="426"/>
        <v>16629.407999999999</v>
      </c>
      <c r="LTA52" s="7">
        <f t="shared" si="426"/>
        <v>16629.407999999999</v>
      </c>
      <c r="LTB52" s="7">
        <f t="shared" si="426"/>
        <v>16629.407999999999</v>
      </c>
      <c r="LTC52" s="7">
        <f t="shared" si="426"/>
        <v>16629.407999999999</v>
      </c>
      <c r="LTD52" s="7">
        <f t="shared" si="426"/>
        <v>16629.407999999999</v>
      </c>
      <c r="LTE52" s="7">
        <f t="shared" si="426"/>
        <v>16629.407999999999</v>
      </c>
      <c r="LTF52" s="7">
        <f t="shared" si="426"/>
        <v>16629.407999999999</v>
      </c>
      <c r="LTG52" s="7">
        <f t="shared" si="426"/>
        <v>16629.407999999999</v>
      </c>
      <c r="LTH52" s="7">
        <f t="shared" si="426"/>
        <v>16629.407999999999</v>
      </c>
      <c r="LTI52" s="7">
        <f t="shared" si="426"/>
        <v>16629.407999999999</v>
      </c>
      <c r="LTJ52" s="7">
        <f t="shared" si="426"/>
        <v>16629.407999999999</v>
      </c>
      <c r="LTK52" s="7">
        <f t="shared" si="426"/>
        <v>16629.407999999999</v>
      </c>
      <c r="LTL52" s="7">
        <f t="shared" si="426"/>
        <v>16629.407999999999</v>
      </c>
      <c r="LTM52" s="7">
        <f t="shared" si="426"/>
        <v>16629.407999999999</v>
      </c>
      <c r="LTN52" s="7">
        <f t="shared" si="426"/>
        <v>16629.407999999999</v>
      </c>
      <c r="LTO52" s="7">
        <f t="shared" si="426"/>
        <v>16629.407999999999</v>
      </c>
      <c r="LTP52" s="7">
        <f t="shared" si="426"/>
        <v>16629.407999999999</v>
      </c>
      <c r="LTQ52" s="7">
        <f t="shared" si="426"/>
        <v>16629.407999999999</v>
      </c>
      <c r="LTR52" s="7">
        <f t="shared" ref="LTR52:LWC52" si="427">LTR47+LTQ52</f>
        <v>16629.407999999999</v>
      </c>
      <c r="LTS52" s="7">
        <f t="shared" si="427"/>
        <v>16629.407999999999</v>
      </c>
      <c r="LTT52" s="7">
        <f t="shared" si="427"/>
        <v>16629.407999999999</v>
      </c>
      <c r="LTU52" s="7">
        <f t="shared" si="427"/>
        <v>16629.407999999999</v>
      </c>
      <c r="LTV52" s="7">
        <f t="shared" si="427"/>
        <v>16629.407999999999</v>
      </c>
      <c r="LTW52" s="7">
        <f t="shared" si="427"/>
        <v>16629.407999999999</v>
      </c>
      <c r="LTX52" s="7">
        <f t="shared" si="427"/>
        <v>16629.407999999999</v>
      </c>
      <c r="LTY52" s="7">
        <f t="shared" si="427"/>
        <v>16629.407999999999</v>
      </c>
      <c r="LTZ52" s="7">
        <f t="shared" si="427"/>
        <v>16629.407999999999</v>
      </c>
      <c r="LUA52" s="7">
        <f t="shared" si="427"/>
        <v>16629.407999999999</v>
      </c>
      <c r="LUB52" s="7">
        <f t="shared" si="427"/>
        <v>16629.407999999999</v>
      </c>
      <c r="LUC52" s="7">
        <f t="shared" si="427"/>
        <v>16629.407999999999</v>
      </c>
      <c r="LUD52" s="7">
        <f t="shared" si="427"/>
        <v>16629.407999999999</v>
      </c>
      <c r="LUE52" s="7">
        <f t="shared" si="427"/>
        <v>16629.407999999999</v>
      </c>
      <c r="LUF52" s="7">
        <f t="shared" si="427"/>
        <v>16629.407999999999</v>
      </c>
      <c r="LUG52" s="7">
        <f t="shared" si="427"/>
        <v>16629.407999999999</v>
      </c>
      <c r="LUH52" s="7">
        <f t="shared" si="427"/>
        <v>16629.407999999999</v>
      </c>
      <c r="LUI52" s="7">
        <f t="shared" si="427"/>
        <v>16629.407999999999</v>
      </c>
      <c r="LUJ52" s="7">
        <f t="shared" si="427"/>
        <v>16629.407999999999</v>
      </c>
      <c r="LUK52" s="7">
        <f t="shared" si="427"/>
        <v>16629.407999999999</v>
      </c>
      <c r="LUL52" s="7">
        <f t="shared" si="427"/>
        <v>16629.407999999999</v>
      </c>
      <c r="LUM52" s="7">
        <f t="shared" si="427"/>
        <v>16629.407999999999</v>
      </c>
      <c r="LUN52" s="7">
        <f t="shared" si="427"/>
        <v>16629.407999999999</v>
      </c>
      <c r="LUO52" s="7">
        <f t="shared" si="427"/>
        <v>16629.407999999999</v>
      </c>
      <c r="LUP52" s="7">
        <f t="shared" si="427"/>
        <v>16629.407999999999</v>
      </c>
      <c r="LUQ52" s="7">
        <f t="shared" si="427"/>
        <v>16629.407999999999</v>
      </c>
      <c r="LUR52" s="7">
        <f t="shared" si="427"/>
        <v>16629.407999999999</v>
      </c>
      <c r="LUS52" s="7">
        <f t="shared" si="427"/>
        <v>16629.407999999999</v>
      </c>
      <c r="LUT52" s="7">
        <f t="shared" si="427"/>
        <v>16629.407999999999</v>
      </c>
      <c r="LUU52" s="7">
        <f t="shared" si="427"/>
        <v>16629.407999999999</v>
      </c>
      <c r="LUV52" s="7">
        <f t="shared" si="427"/>
        <v>16629.407999999999</v>
      </c>
      <c r="LUW52" s="7">
        <f t="shared" si="427"/>
        <v>16629.407999999999</v>
      </c>
      <c r="LUX52" s="7">
        <f t="shared" si="427"/>
        <v>16629.407999999999</v>
      </c>
      <c r="LUY52" s="7">
        <f t="shared" si="427"/>
        <v>16629.407999999999</v>
      </c>
      <c r="LUZ52" s="7">
        <f t="shared" si="427"/>
        <v>16629.407999999999</v>
      </c>
      <c r="LVA52" s="7">
        <f t="shared" si="427"/>
        <v>16629.407999999999</v>
      </c>
      <c r="LVB52" s="7">
        <f t="shared" si="427"/>
        <v>16629.407999999999</v>
      </c>
      <c r="LVC52" s="7">
        <f t="shared" si="427"/>
        <v>16629.407999999999</v>
      </c>
      <c r="LVD52" s="7">
        <f t="shared" si="427"/>
        <v>16629.407999999999</v>
      </c>
      <c r="LVE52" s="7">
        <f t="shared" si="427"/>
        <v>16629.407999999999</v>
      </c>
      <c r="LVF52" s="7">
        <f t="shared" si="427"/>
        <v>16629.407999999999</v>
      </c>
      <c r="LVG52" s="7">
        <f t="shared" si="427"/>
        <v>16629.407999999999</v>
      </c>
      <c r="LVH52" s="7">
        <f t="shared" si="427"/>
        <v>16629.407999999999</v>
      </c>
      <c r="LVI52" s="7">
        <f t="shared" si="427"/>
        <v>16629.407999999999</v>
      </c>
      <c r="LVJ52" s="7">
        <f t="shared" si="427"/>
        <v>16629.407999999999</v>
      </c>
      <c r="LVK52" s="7">
        <f t="shared" si="427"/>
        <v>16629.407999999999</v>
      </c>
      <c r="LVL52" s="7">
        <f t="shared" si="427"/>
        <v>16629.407999999999</v>
      </c>
      <c r="LVM52" s="7">
        <f t="shared" si="427"/>
        <v>16629.407999999999</v>
      </c>
      <c r="LVN52" s="7">
        <f t="shared" si="427"/>
        <v>16629.407999999999</v>
      </c>
      <c r="LVO52" s="7">
        <f t="shared" si="427"/>
        <v>16629.407999999999</v>
      </c>
      <c r="LVP52" s="7">
        <f t="shared" si="427"/>
        <v>16629.407999999999</v>
      </c>
      <c r="LVQ52" s="7">
        <f t="shared" si="427"/>
        <v>16629.407999999999</v>
      </c>
      <c r="LVR52" s="7">
        <f t="shared" si="427"/>
        <v>16629.407999999999</v>
      </c>
      <c r="LVS52" s="7">
        <f t="shared" si="427"/>
        <v>16629.407999999999</v>
      </c>
      <c r="LVT52" s="7">
        <f t="shared" si="427"/>
        <v>16629.407999999999</v>
      </c>
      <c r="LVU52" s="7">
        <f t="shared" si="427"/>
        <v>16629.407999999999</v>
      </c>
      <c r="LVV52" s="7">
        <f t="shared" si="427"/>
        <v>16629.407999999999</v>
      </c>
      <c r="LVW52" s="7">
        <f t="shared" si="427"/>
        <v>16629.407999999999</v>
      </c>
      <c r="LVX52" s="7">
        <f t="shared" si="427"/>
        <v>16629.407999999999</v>
      </c>
      <c r="LVY52" s="7">
        <f t="shared" si="427"/>
        <v>16629.407999999999</v>
      </c>
      <c r="LVZ52" s="7">
        <f t="shared" si="427"/>
        <v>16629.407999999999</v>
      </c>
      <c r="LWA52" s="7">
        <f t="shared" si="427"/>
        <v>16629.407999999999</v>
      </c>
      <c r="LWB52" s="7">
        <f t="shared" si="427"/>
        <v>16629.407999999999</v>
      </c>
      <c r="LWC52" s="7">
        <f t="shared" si="427"/>
        <v>16629.407999999999</v>
      </c>
      <c r="LWD52" s="7">
        <f t="shared" ref="LWD52:LYO52" si="428">LWD47+LWC52</f>
        <v>16629.407999999999</v>
      </c>
      <c r="LWE52" s="7">
        <f t="shared" si="428"/>
        <v>16629.407999999999</v>
      </c>
      <c r="LWF52" s="7">
        <f t="shared" si="428"/>
        <v>16629.407999999999</v>
      </c>
      <c r="LWG52" s="7">
        <f t="shared" si="428"/>
        <v>16629.407999999999</v>
      </c>
      <c r="LWH52" s="7">
        <f t="shared" si="428"/>
        <v>16629.407999999999</v>
      </c>
      <c r="LWI52" s="7">
        <f t="shared" si="428"/>
        <v>16629.407999999999</v>
      </c>
      <c r="LWJ52" s="7">
        <f t="shared" si="428"/>
        <v>16629.407999999999</v>
      </c>
      <c r="LWK52" s="7">
        <f t="shared" si="428"/>
        <v>16629.407999999999</v>
      </c>
      <c r="LWL52" s="7">
        <f t="shared" si="428"/>
        <v>16629.407999999999</v>
      </c>
      <c r="LWM52" s="7">
        <f t="shared" si="428"/>
        <v>16629.407999999999</v>
      </c>
      <c r="LWN52" s="7">
        <f t="shared" si="428"/>
        <v>16629.407999999999</v>
      </c>
      <c r="LWO52" s="7">
        <f t="shared" si="428"/>
        <v>16629.407999999999</v>
      </c>
      <c r="LWP52" s="7">
        <f t="shared" si="428"/>
        <v>16629.407999999999</v>
      </c>
      <c r="LWQ52" s="7">
        <f t="shared" si="428"/>
        <v>16629.407999999999</v>
      </c>
      <c r="LWR52" s="7">
        <f t="shared" si="428"/>
        <v>16629.407999999999</v>
      </c>
      <c r="LWS52" s="7">
        <f t="shared" si="428"/>
        <v>16629.407999999999</v>
      </c>
      <c r="LWT52" s="7">
        <f t="shared" si="428"/>
        <v>16629.407999999999</v>
      </c>
      <c r="LWU52" s="7">
        <f t="shared" si="428"/>
        <v>16629.407999999999</v>
      </c>
      <c r="LWV52" s="7">
        <f t="shared" si="428"/>
        <v>16629.407999999999</v>
      </c>
      <c r="LWW52" s="7">
        <f t="shared" si="428"/>
        <v>16629.407999999999</v>
      </c>
      <c r="LWX52" s="7">
        <f t="shared" si="428"/>
        <v>16629.407999999999</v>
      </c>
      <c r="LWY52" s="7">
        <f t="shared" si="428"/>
        <v>16629.407999999999</v>
      </c>
      <c r="LWZ52" s="7">
        <f t="shared" si="428"/>
        <v>16629.407999999999</v>
      </c>
      <c r="LXA52" s="7">
        <f t="shared" si="428"/>
        <v>16629.407999999999</v>
      </c>
      <c r="LXB52" s="7">
        <f t="shared" si="428"/>
        <v>16629.407999999999</v>
      </c>
      <c r="LXC52" s="7">
        <f t="shared" si="428"/>
        <v>16629.407999999999</v>
      </c>
      <c r="LXD52" s="7">
        <f t="shared" si="428"/>
        <v>16629.407999999999</v>
      </c>
      <c r="LXE52" s="7">
        <f t="shared" si="428"/>
        <v>16629.407999999999</v>
      </c>
      <c r="LXF52" s="7">
        <f t="shared" si="428"/>
        <v>16629.407999999999</v>
      </c>
      <c r="LXG52" s="7">
        <f t="shared" si="428"/>
        <v>16629.407999999999</v>
      </c>
      <c r="LXH52" s="7">
        <f t="shared" si="428"/>
        <v>16629.407999999999</v>
      </c>
      <c r="LXI52" s="7">
        <f t="shared" si="428"/>
        <v>16629.407999999999</v>
      </c>
      <c r="LXJ52" s="7">
        <f t="shared" si="428"/>
        <v>16629.407999999999</v>
      </c>
      <c r="LXK52" s="7">
        <f t="shared" si="428"/>
        <v>16629.407999999999</v>
      </c>
      <c r="LXL52" s="7">
        <f t="shared" si="428"/>
        <v>16629.407999999999</v>
      </c>
      <c r="LXM52" s="7">
        <f t="shared" si="428"/>
        <v>16629.407999999999</v>
      </c>
      <c r="LXN52" s="7">
        <f t="shared" si="428"/>
        <v>16629.407999999999</v>
      </c>
      <c r="LXO52" s="7">
        <f t="shared" si="428"/>
        <v>16629.407999999999</v>
      </c>
      <c r="LXP52" s="7">
        <f t="shared" si="428"/>
        <v>16629.407999999999</v>
      </c>
      <c r="LXQ52" s="7">
        <f t="shared" si="428"/>
        <v>16629.407999999999</v>
      </c>
      <c r="LXR52" s="7">
        <f t="shared" si="428"/>
        <v>16629.407999999999</v>
      </c>
      <c r="LXS52" s="7">
        <f t="shared" si="428"/>
        <v>16629.407999999999</v>
      </c>
      <c r="LXT52" s="7">
        <f t="shared" si="428"/>
        <v>16629.407999999999</v>
      </c>
      <c r="LXU52" s="7">
        <f t="shared" si="428"/>
        <v>16629.407999999999</v>
      </c>
      <c r="LXV52" s="7">
        <f t="shared" si="428"/>
        <v>16629.407999999999</v>
      </c>
      <c r="LXW52" s="7">
        <f t="shared" si="428"/>
        <v>16629.407999999999</v>
      </c>
      <c r="LXX52" s="7">
        <f t="shared" si="428"/>
        <v>16629.407999999999</v>
      </c>
      <c r="LXY52" s="7">
        <f t="shared" si="428"/>
        <v>16629.407999999999</v>
      </c>
      <c r="LXZ52" s="7">
        <f t="shared" si="428"/>
        <v>16629.407999999999</v>
      </c>
      <c r="LYA52" s="7">
        <f t="shared" si="428"/>
        <v>16629.407999999999</v>
      </c>
      <c r="LYB52" s="7">
        <f t="shared" si="428"/>
        <v>16629.407999999999</v>
      </c>
      <c r="LYC52" s="7">
        <f t="shared" si="428"/>
        <v>16629.407999999999</v>
      </c>
      <c r="LYD52" s="7">
        <f t="shared" si="428"/>
        <v>16629.407999999999</v>
      </c>
      <c r="LYE52" s="7">
        <f t="shared" si="428"/>
        <v>16629.407999999999</v>
      </c>
      <c r="LYF52" s="7">
        <f t="shared" si="428"/>
        <v>16629.407999999999</v>
      </c>
      <c r="LYG52" s="7">
        <f t="shared" si="428"/>
        <v>16629.407999999999</v>
      </c>
      <c r="LYH52" s="7">
        <f t="shared" si="428"/>
        <v>16629.407999999999</v>
      </c>
      <c r="LYI52" s="7">
        <f t="shared" si="428"/>
        <v>16629.407999999999</v>
      </c>
      <c r="LYJ52" s="7">
        <f t="shared" si="428"/>
        <v>16629.407999999999</v>
      </c>
      <c r="LYK52" s="7">
        <f t="shared" si="428"/>
        <v>16629.407999999999</v>
      </c>
      <c r="LYL52" s="7">
        <f t="shared" si="428"/>
        <v>16629.407999999999</v>
      </c>
      <c r="LYM52" s="7">
        <f t="shared" si="428"/>
        <v>16629.407999999999</v>
      </c>
      <c r="LYN52" s="7">
        <f t="shared" si="428"/>
        <v>16629.407999999999</v>
      </c>
      <c r="LYO52" s="7">
        <f t="shared" si="428"/>
        <v>16629.407999999999</v>
      </c>
      <c r="LYP52" s="7">
        <f t="shared" ref="LYP52:MBA52" si="429">LYP47+LYO52</f>
        <v>16629.407999999999</v>
      </c>
      <c r="LYQ52" s="7">
        <f t="shared" si="429"/>
        <v>16629.407999999999</v>
      </c>
      <c r="LYR52" s="7">
        <f t="shared" si="429"/>
        <v>16629.407999999999</v>
      </c>
      <c r="LYS52" s="7">
        <f t="shared" si="429"/>
        <v>16629.407999999999</v>
      </c>
      <c r="LYT52" s="7">
        <f t="shared" si="429"/>
        <v>16629.407999999999</v>
      </c>
      <c r="LYU52" s="7">
        <f t="shared" si="429"/>
        <v>16629.407999999999</v>
      </c>
      <c r="LYV52" s="7">
        <f t="shared" si="429"/>
        <v>16629.407999999999</v>
      </c>
      <c r="LYW52" s="7">
        <f t="shared" si="429"/>
        <v>16629.407999999999</v>
      </c>
      <c r="LYX52" s="7">
        <f t="shared" si="429"/>
        <v>16629.407999999999</v>
      </c>
      <c r="LYY52" s="7">
        <f t="shared" si="429"/>
        <v>16629.407999999999</v>
      </c>
      <c r="LYZ52" s="7">
        <f t="shared" si="429"/>
        <v>16629.407999999999</v>
      </c>
      <c r="LZA52" s="7">
        <f t="shared" si="429"/>
        <v>16629.407999999999</v>
      </c>
      <c r="LZB52" s="7">
        <f t="shared" si="429"/>
        <v>16629.407999999999</v>
      </c>
      <c r="LZC52" s="7">
        <f t="shared" si="429"/>
        <v>16629.407999999999</v>
      </c>
      <c r="LZD52" s="7">
        <f t="shared" si="429"/>
        <v>16629.407999999999</v>
      </c>
      <c r="LZE52" s="7">
        <f t="shared" si="429"/>
        <v>16629.407999999999</v>
      </c>
      <c r="LZF52" s="7">
        <f t="shared" si="429"/>
        <v>16629.407999999999</v>
      </c>
      <c r="LZG52" s="7">
        <f t="shared" si="429"/>
        <v>16629.407999999999</v>
      </c>
      <c r="LZH52" s="7">
        <f t="shared" si="429"/>
        <v>16629.407999999999</v>
      </c>
      <c r="LZI52" s="7">
        <f t="shared" si="429"/>
        <v>16629.407999999999</v>
      </c>
      <c r="LZJ52" s="7">
        <f t="shared" si="429"/>
        <v>16629.407999999999</v>
      </c>
      <c r="LZK52" s="7">
        <f t="shared" si="429"/>
        <v>16629.407999999999</v>
      </c>
      <c r="LZL52" s="7">
        <f t="shared" si="429"/>
        <v>16629.407999999999</v>
      </c>
      <c r="LZM52" s="7">
        <f t="shared" si="429"/>
        <v>16629.407999999999</v>
      </c>
      <c r="LZN52" s="7">
        <f t="shared" si="429"/>
        <v>16629.407999999999</v>
      </c>
      <c r="LZO52" s="7">
        <f t="shared" si="429"/>
        <v>16629.407999999999</v>
      </c>
      <c r="LZP52" s="7">
        <f t="shared" si="429"/>
        <v>16629.407999999999</v>
      </c>
      <c r="LZQ52" s="7">
        <f t="shared" si="429"/>
        <v>16629.407999999999</v>
      </c>
      <c r="LZR52" s="7">
        <f t="shared" si="429"/>
        <v>16629.407999999999</v>
      </c>
      <c r="LZS52" s="7">
        <f t="shared" si="429"/>
        <v>16629.407999999999</v>
      </c>
      <c r="LZT52" s="7">
        <f t="shared" si="429"/>
        <v>16629.407999999999</v>
      </c>
      <c r="LZU52" s="7">
        <f t="shared" si="429"/>
        <v>16629.407999999999</v>
      </c>
      <c r="LZV52" s="7">
        <f t="shared" si="429"/>
        <v>16629.407999999999</v>
      </c>
      <c r="LZW52" s="7">
        <f t="shared" si="429"/>
        <v>16629.407999999999</v>
      </c>
      <c r="LZX52" s="7">
        <f t="shared" si="429"/>
        <v>16629.407999999999</v>
      </c>
      <c r="LZY52" s="7">
        <f t="shared" si="429"/>
        <v>16629.407999999999</v>
      </c>
      <c r="LZZ52" s="7">
        <f t="shared" si="429"/>
        <v>16629.407999999999</v>
      </c>
      <c r="MAA52" s="7">
        <f t="shared" si="429"/>
        <v>16629.407999999999</v>
      </c>
      <c r="MAB52" s="7">
        <f t="shared" si="429"/>
        <v>16629.407999999999</v>
      </c>
      <c r="MAC52" s="7">
        <f t="shared" si="429"/>
        <v>16629.407999999999</v>
      </c>
      <c r="MAD52" s="7">
        <f t="shared" si="429"/>
        <v>16629.407999999999</v>
      </c>
      <c r="MAE52" s="7">
        <f t="shared" si="429"/>
        <v>16629.407999999999</v>
      </c>
      <c r="MAF52" s="7">
        <f t="shared" si="429"/>
        <v>16629.407999999999</v>
      </c>
      <c r="MAG52" s="7">
        <f t="shared" si="429"/>
        <v>16629.407999999999</v>
      </c>
      <c r="MAH52" s="7">
        <f t="shared" si="429"/>
        <v>16629.407999999999</v>
      </c>
      <c r="MAI52" s="7">
        <f t="shared" si="429"/>
        <v>16629.407999999999</v>
      </c>
      <c r="MAJ52" s="7">
        <f t="shared" si="429"/>
        <v>16629.407999999999</v>
      </c>
      <c r="MAK52" s="7">
        <f t="shared" si="429"/>
        <v>16629.407999999999</v>
      </c>
      <c r="MAL52" s="7">
        <f t="shared" si="429"/>
        <v>16629.407999999999</v>
      </c>
      <c r="MAM52" s="7">
        <f t="shared" si="429"/>
        <v>16629.407999999999</v>
      </c>
      <c r="MAN52" s="7">
        <f t="shared" si="429"/>
        <v>16629.407999999999</v>
      </c>
      <c r="MAO52" s="7">
        <f t="shared" si="429"/>
        <v>16629.407999999999</v>
      </c>
      <c r="MAP52" s="7">
        <f t="shared" si="429"/>
        <v>16629.407999999999</v>
      </c>
      <c r="MAQ52" s="7">
        <f t="shared" si="429"/>
        <v>16629.407999999999</v>
      </c>
      <c r="MAR52" s="7">
        <f t="shared" si="429"/>
        <v>16629.407999999999</v>
      </c>
      <c r="MAS52" s="7">
        <f t="shared" si="429"/>
        <v>16629.407999999999</v>
      </c>
      <c r="MAT52" s="7">
        <f t="shared" si="429"/>
        <v>16629.407999999999</v>
      </c>
      <c r="MAU52" s="7">
        <f t="shared" si="429"/>
        <v>16629.407999999999</v>
      </c>
      <c r="MAV52" s="7">
        <f t="shared" si="429"/>
        <v>16629.407999999999</v>
      </c>
      <c r="MAW52" s="7">
        <f t="shared" si="429"/>
        <v>16629.407999999999</v>
      </c>
      <c r="MAX52" s="7">
        <f t="shared" si="429"/>
        <v>16629.407999999999</v>
      </c>
      <c r="MAY52" s="7">
        <f t="shared" si="429"/>
        <v>16629.407999999999</v>
      </c>
      <c r="MAZ52" s="7">
        <f t="shared" si="429"/>
        <v>16629.407999999999</v>
      </c>
      <c r="MBA52" s="7">
        <f t="shared" si="429"/>
        <v>16629.407999999999</v>
      </c>
      <c r="MBB52" s="7">
        <f t="shared" ref="MBB52:MDM52" si="430">MBB47+MBA52</f>
        <v>16629.407999999999</v>
      </c>
      <c r="MBC52" s="7">
        <f t="shared" si="430"/>
        <v>16629.407999999999</v>
      </c>
      <c r="MBD52" s="7">
        <f t="shared" si="430"/>
        <v>16629.407999999999</v>
      </c>
      <c r="MBE52" s="7">
        <f t="shared" si="430"/>
        <v>16629.407999999999</v>
      </c>
      <c r="MBF52" s="7">
        <f t="shared" si="430"/>
        <v>16629.407999999999</v>
      </c>
      <c r="MBG52" s="7">
        <f t="shared" si="430"/>
        <v>16629.407999999999</v>
      </c>
      <c r="MBH52" s="7">
        <f t="shared" si="430"/>
        <v>16629.407999999999</v>
      </c>
      <c r="MBI52" s="7">
        <f t="shared" si="430"/>
        <v>16629.407999999999</v>
      </c>
      <c r="MBJ52" s="7">
        <f t="shared" si="430"/>
        <v>16629.407999999999</v>
      </c>
      <c r="MBK52" s="7">
        <f t="shared" si="430"/>
        <v>16629.407999999999</v>
      </c>
      <c r="MBL52" s="7">
        <f t="shared" si="430"/>
        <v>16629.407999999999</v>
      </c>
      <c r="MBM52" s="7">
        <f t="shared" si="430"/>
        <v>16629.407999999999</v>
      </c>
      <c r="MBN52" s="7">
        <f t="shared" si="430"/>
        <v>16629.407999999999</v>
      </c>
      <c r="MBO52" s="7">
        <f t="shared" si="430"/>
        <v>16629.407999999999</v>
      </c>
      <c r="MBP52" s="7">
        <f t="shared" si="430"/>
        <v>16629.407999999999</v>
      </c>
      <c r="MBQ52" s="7">
        <f t="shared" si="430"/>
        <v>16629.407999999999</v>
      </c>
      <c r="MBR52" s="7">
        <f t="shared" si="430"/>
        <v>16629.407999999999</v>
      </c>
      <c r="MBS52" s="7">
        <f t="shared" si="430"/>
        <v>16629.407999999999</v>
      </c>
      <c r="MBT52" s="7">
        <f t="shared" si="430"/>
        <v>16629.407999999999</v>
      </c>
      <c r="MBU52" s="7">
        <f t="shared" si="430"/>
        <v>16629.407999999999</v>
      </c>
      <c r="MBV52" s="7">
        <f t="shared" si="430"/>
        <v>16629.407999999999</v>
      </c>
      <c r="MBW52" s="7">
        <f t="shared" si="430"/>
        <v>16629.407999999999</v>
      </c>
      <c r="MBX52" s="7">
        <f t="shared" si="430"/>
        <v>16629.407999999999</v>
      </c>
      <c r="MBY52" s="7">
        <f t="shared" si="430"/>
        <v>16629.407999999999</v>
      </c>
      <c r="MBZ52" s="7">
        <f t="shared" si="430"/>
        <v>16629.407999999999</v>
      </c>
      <c r="MCA52" s="7">
        <f t="shared" si="430"/>
        <v>16629.407999999999</v>
      </c>
      <c r="MCB52" s="7">
        <f t="shared" si="430"/>
        <v>16629.407999999999</v>
      </c>
      <c r="MCC52" s="7">
        <f t="shared" si="430"/>
        <v>16629.407999999999</v>
      </c>
      <c r="MCD52" s="7">
        <f t="shared" si="430"/>
        <v>16629.407999999999</v>
      </c>
      <c r="MCE52" s="7">
        <f t="shared" si="430"/>
        <v>16629.407999999999</v>
      </c>
      <c r="MCF52" s="7">
        <f t="shared" si="430"/>
        <v>16629.407999999999</v>
      </c>
      <c r="MCG52" s="7">
        <f t="shared" si="430"/>
        <v>16629.407999999999</v>
      </c>
      <c r="MCH52" s="7">
        <f t="shared" si="430"/>
        <v>16629.407999999999</v>
      </c>
      <c r="MCI52" s="7">
        <f t="shared" si="430"/>
        <v>16629.407999999999</v>
      </c>
      <c r="MCJ52" s="7">
        <f t="shared" si="430"/>
        <v>16629.407999999999</v>
      </c>
      <c r="MCK52" s="7">
        <f t="shared" si="430"/>
        <v>16629.407999999999</v>
      </c>
      <c r="MCL52" s="7">
        <f t="shared" si="430"/>
        <v>16629.407999999999</v>
      </c>
      <c r="MCM52" s="7">
        <f t="shared" si="430"/>
        <v>16629.407999999999</v>
      </c>
      <c r="MCN52" s="7">
        <f t="shared" si="430"/>
        <v>16629.407999999999</v>
      </c>
      <c r="MCO52" s="7">
        <f t="shared" si="430"/>
        <v>16629.407999999999</v>
      </c>
      <c r="MCP52" s="7">
        <f t="shared" si="430"/>
        <v>16629.407999999999</v>
      </c>
      <c r="MCQ52" s="7">
        <f t="shared" si="430"/>
        <v>16629.407999999999</v>
      </c>
      <c r="MCR52" s="7">
        <f t="shared" si="430"/>
        <v>16629.407999999999</v>
      </c>
      <c r="MCS52" s="7">
        <f t="shared" si="430"/>
        <v>16629.407999999999</v>
      </c>
      <c r="MCT52" s="7">
        <f t="shared" si="430"/>
        <v>16629.407999999999</v>
      </c>
      <c r="MCU52" s="7">
        <f t="shared" si="430"/>
        <v>16629.407999999999</v>
      </c>
      <c r="MCV52" s="7">
        <f t="shared" si="430"/>
        <v>16629.407999999999</v>
      </c>
      <c r="MCW52" s="7">
        <f t="shared" si="430"/>
        <v>16629.407999999999</v>
      </c>
      <c r="MCX52" s="7">
        <f t="shared" si="430"/>
        <v>16629.407999999999</v>
      </c>
      <c r="MCY52" s="7">
        <f t="shared" si="430"/>
        <v>16629.407999999999</v>
      </c>
      <c r="MCZ52" s="7">
        <f t="shared" si="430"/>
        <v>16629.407999999999</v>
      </c>
      <c r="MDA52" s="7">
        <f t="shared" si="430"/>
        <v>16629.407999999999</v>
      </c>
      <c r="MDB52" s="7">
        <f t="shared" si="430"/>
        <v>16629.407999999999</v>
      </c>
      <c r="MDC52" s="7">
        <f t="shared" si="430"/>
        <v>16629.407999999999</v>
      </c>
      <c r="MDD52" s="7">
        <f t="shared" si="430"/>
        <v>16629.407999999999</v>
      </c>
      <c r="MDE52" s="7">
        <f t="shared" si="430"/>
        <v>16629.407999999999</v>
      </c>
      <c r="MDF52" s="7">
        <f t="shared" si="430"/>
        <v>16629.407999999999</v>
      </c>
      <c r="MDG52" s="7">
        <f t="shared" si="430"/>
        <v>16629.407999999999</v>
      </c>
      <c r="MDH52" s="7">
        <f t="shared" si="430"/>
        <v>16629.407999999999</v>
      </c>
      <c r="MDI52" s="7">
        <f t="shared" si="430"/>
        <v>16629.407999999999</v>
      </c>
      <c r="MDJ52" s="7">
        <f t="shared" si="430"/>
        <v>16629.407999999999</v>
      </c>
      <c r="MDK52" s="7">
        <f t="shared" si="430"/>
        <v>16629.407999999999</v>
      </c>
      <c r="MDL52" s="7">
        <f t="shared" si="430"/>
        <v>16629.407999999999</v>
      </c>
      <c r="MDM52" s="7">
        <f t="shared" si="430"/>
        <v>16629.407999999999</v>
      </c>
      <c r="MDN52" s="7">
        <f t="shared" ref="MDN52:MFY52" si="431">MDN47+MDM52</f>
        <v>16629.407999999999</v>
      </c>
      <c r="MDO52" s="7">
        <f t="shared" si="431"/>
        <v>16629.407999999999</v>
      </c>
      <c r="MDP52" s="7">
        <f t="shared" si="431"/>
        <v>16629.407999999999</v>
      </c>
      <c r="MDQ52" s="7">
        <f t="shared" si="431"/>
        <v>16629.407999999999</v>
      </c>
      <c r="MDR52" s="7">
        <f t="shared" si="431"/>
        <v>16629.407999999999</v>
      </c>
      <c r="MDS52" s="7">
        <f t="shared" si="431"/>
        <v>16629.407999999999</v>
      </c>
      <c r="MDT52" s="7">
        <f t="shared" si="431"/>
        <v>16629.407999999999</v>
      </c>
      <c r="MDU52" s="7">
        <f t="shared" si="431"/>
        <v>16629.407999999999</v>
      </c>
      <c r="MDV52" s="7">
        <f t="shared" si="431"/>
        <v>16629.407999999999</v>
      </c>
      <c r="MDW52" s="7">
        <f t="shared" si="431"/>
        <v>16629.407999999999</v>
      </c>
      <c r="MDX52" s="7">
        <f t="shared" si="431"/>
        <v>16629.407999999999</v>
      </c>
      <c r="MDY52" s="7">
        <f t="shared" si="431"/>
        <v>16629.407999999999</v>
      </c>
      <c r="MDZ52" s="7">
        <f t="shared" si="431"/>
        <v>16629.407999999999</v>
      </c>
      <c r="MEA52" s="7">
        <f t="shared" si="431"/>
        <v>16629.407999999999</v>
      </c>
      <c r="MEB52" s="7">
        <f t="shared" si="431"/>
        <v>16629.407999999999</v>
      </c>
      <c r="MEC52" s="7">
        <f t="shared" si="431"/>
        <v>16629.407999999999</v>
      </c>
      <c r="MED52" s="7">
        <f t="shared" si="431"/>
        <v>16629.407999999999</v>
      </c>
      <c r="MEE52" s="7">
        <f t="shared" si="431"/>
        <v>16629.407999999999</v>
      </c>
      <c r="MEF52" s="7">
        <f t="shared" si="431"/>
        <v>16629.407999999999</v>
      </c>
      <c r="MEG52" s="7">
        <f t="shared" si="431"/>
        <v>16629.407999999999</v>
      </c>
      <c r="MEH52" s="7">
        <f t="shared" si="431"/>
        <v>16629.407999999999</v>
      </c>
      <c r="MEI52" s="7">
        <f t="shared" si="431"/>
        <v>16629.407999999999</v>
      </c>
      <c r="MEJ52" s="7">
        <f t="shared" si="431"/>
        <v>16629.407999999999</v>
      </c>
      <c r="MEK52" s="7">
        <f t="shared" si="431"/>
        <v>16629.407999999999</v>
      </c>
      <c r="MEL52" s="7">
        <f t="shared" si="431"/>
        <v>16629.407999999999</v>
      </c>
      <c r="MEM52" s="7">
        <f t="shared" si="431"/>
        <v>16629.407999999999</v>
      </c>
      <c r="MEN52" s="7">
        <f t="shared" si="431"/>
        <v>16629.407999999999</v>
      </c>
      <c r="MEO52" s="7">
        <f t="shared" si="431"/>
        <v>16629.407999999999</v>
      </c>
      <c r="MEP52" s="7">
        <f t="shared" si="431"/>
        <v>16629.407999999999</v>
      </c>
      <c r="MEQ52" s="7">
        <f t="shared" si="431"/>
        <v>16629.407999999999</v>
      </c>
      <c r="MER52" s="7">
        <f t="shared" si="431"/>
        <v>16629.407999999999</v>
      </c>
      <c r="MES52" s="7">
        <f t="shared" si="431"/>
        <v>16629.407999999999</v>
      </c>
      <c r="MET52" s="7">
        <f t="shared" si="431"/>
        <v>16629.407999999999</v>
      </c>
      <c r="MEU52" s="7">
        <f t="shared" si="431"/>
        <v>16629.407999999999</v>
      </c>
      <c r="MEV52" s="7">
        <f t="shared" si="431"/>
        <v>16629.407999999999</v>
      </c>
      <c r="MEW52" s="7">
        <f t="shared" si="431"/>
        <v>16629.407999999999</v>
      </c>
      <c r="MEX52" s="7">
        <f t="shared" si="431"/>
        <v>16629.407999999999</v>
      </c>
      <c r="MEY52" s="7">
        <f t="shared" si="431"/>
        <v>16629.407999999999</v>
      </c>
      <c r="MEZ52" s="7">
        <f t="shared" si="431"/>
        <v>16629.407999999999</v>
      </c>
      <c r="MFA52" s="7">
        <f t="shared" si="431"/>
        <v>16629.407999999999</v>
      </c>
      <c r="MFB52" s="7">
        <f t="shared" si="431"/>
        <v>16629.407999999999</v>
      </c>
      <c r="MFC52" s="7">
        <f t="shared" si="431"/>
        <v>16629.407999999999</v>
      </c>
      <c r="MFD52" s="7">
        <f t="shared" si="431"/>
        <v>16629.407999999999</v>
      </c>
      <c r="MFE52" s="7">
        <f t="shared" si="431"/>
        <v>16629.407999999999</v>
      </c>
      <c r="MFF52" s="7">
        <f t="shared" si="431"/>
        <v>16629.407999999999</v>
      </c>
      <c r="MFG52" s="7">
        <f t="shared" si="431"/>
        <v>16629.407999999999</v>
      </c>
      <c r="MFH52" s="7">
        <f t="shared" si="431"/>
        <v>16629.407999999999</v>
      </c>
      <c r="MFI52" s="7">
        <f t="shared" si="431"/>
        <v>16629.407999999999</v>
      </c>
      <c r="MFJ52" s="7">
        <f t="shared" si="431"/>
        <v>16629.407999999999</v>
      </c>
      <c r="MFK52" s="7">
        <f t="shared" si="431"/>
        <v>16629.407999999999</v>
      </c>
      <c r="MFL52" s="7">
        <f t="shared" si="431"/>
        <v>16629.407999999999</v>
      </c>
      <c r="MFM52" s="7">
        <f t="shared" si="431"/>
        <v>16629.407999999999</v>
      </c>
      <c r="MFN52" s="7">
        <f t="shared" si="431"/>
        <v>16629.407999999999</v>
      </c>
      <c r="MFO52" s="7">
        <f t="shared" si="431"/>
        <v>16629.407999999999</v>
      </c>
      <c r="MFP52" s="7">
        <f t="shared" si="431"/>
        <v>16629.407999999999</v>
      </c>
      <c r="MFQ52" s="7">
        <f t="shared" si="431"/>
        <v>16629.407999999999</v>
      </c>
      <c r="MFR52" s="7">
        <f t="shared" si="431"/>
        <v>16629.407999999999</v>
      </c>
      <c r="MFS52" s="7">
        <f t="shared" si="431"/>
        <v>16629.407999999999</v>
      </c>
      <c r="MFT52" s="7">
        <f t="shared" si="431"/>
        <v>16629.407999999999</v>
      </c>
      <c r="MFU52" s="7">
        <f t="shared" si="431"/>
        <v>16629.407999999999</v>
      </c>
      <c r="MFV52" s="7">
        <f t="shared" si="431"/>
        <v>16629.407999999999</v>
      </c>
      <c r="MFW52" s="7">
        <f t="shared" si="431"/>
        <v>16629.407999999999</v>
      </c>
      <c r="MFX52" s="7">
        <f t="shared" si="431"/>
        <v>16629.407999999999</v>
      </c>
      <c r="MFY52" s="7">
        <f t="shared" si="431"/>
        <v>16629.407999999999</v>
      </c>
      <c r="MFZ52" s="7">
        <f t="shared" ref="MFZ52:MIK52" si="432">MFZ47+MFY52</f>
        <v>16629.407999999999</v>
      </c>
      <c r="MGA52" s="7">
        <f t="shared" si="432"/>
        <v>16629.407999999999</v>
      </c>
      <c r="MGB52" s="7">
        <f t="shared" si="432"/>
        <v>16629.407999999999</v>
      </c>
      <c r="MGC52" s="7">
        <f t="shared" si="432"/>
        <v>16629.407999999999</v>
      </c>
      <c r="MGD52" s="7">
        <f t="shared" si="432"/>
        <v>16629.407999999999</v>
      </c>
      <c r="MGE52" s="7">
        <f t="shared" si="432"/>
        <v>16629.407999999999</v>
      </c>
      <c r="MGF52" s="7">
        <f t="shared" si="432"/>
        <v>16629.407999999999</v>
      </c>
      <c r="MGG52" s="7">
        <f t="shared" si="432"/>
        <v>16629.407999999999</v>
      </c>
      <c r="MGH52" s="7">
        <f t="shared" si="432"/>
        <v>16629.407999999999</v>
      </c>
      <c r="MGI52" s="7">
        <f t="shared" si="432"/>
        <v>16629.407999999999</v>
      </c>
      <c r="MGJ52" s="7">
        <f t="shared" si="432"/>
        <v>16629.407999999999</v>
      </c>
      <c r="MGK52" s="7">
        <f t="shared" si="432"/>
        <v>16629.407999999999</v>
      </c>
      <c r="MGL52" s="7">
        <f t="shared" si="432"/>
        <v>16629.407999999999</v>
      </c>
      <c r="MGM52" s="7">
        <f t="shared" si="432"/>
        <v>16629.407999999999</v>
      </c>
      <c r="MGN52" s="7">
        <f t="shared" si="432"/>
        <v>16629.407999999999</v>
      </c>
      <c r="MGO52" s="7">
        <f t="shared" si="432"/>
        <v>16629.407999999999</v>
      </c>
      <c r="MGP52" s="7">
        <f t="shared" si="432"/>
        <v>16629.407999999999</v>
      </c>
      <c r="MGQ52" s="7">
        <f t="shared" si="432"/>
        <v>16629.407999999999</v>
      </c>
      <c r="MGR52" s="7">
        <f t="shared" si="432"/>
        <v>16629.407999999999</v>
      </c>
      <c r="MGS52" s="7">
        <f t="shared" si="432"/>
        <v>16629.407999999999</v>
      </c>
      <c r="MGT52" s="7">
        <f t="shared" si="432"/>
        <v>16629.407999999999</v>
      </c>
      <c r="MGU52" s="7">
        <f t="shared" si="432"/>
        <v>16629.407999999999</v>
      </c>
      <c r="MGV52" s="7">
        <f t="shared" si="432"/>
        <v>16629.407999999999</v>
      </c>
      <c r="MGW52" s="7">
        <f t="shared" si="432"/>
        <v>16629.407999999999</v>
      </c>
      <c r="MGX52" s="7">
        <f t="shared" si="432"/>
        <v>16629.407999999999</v>
      </c>
      <c r="MGY52" s="7">
        <f t="shared" si="432"/>
        <v>16629.407999999999</v>
      </c>
      <c r="MGZ52" s="7">
        <f t="shared" si="432"/>
        <v>16629.407999999999</v>
      </c>
      <c r="MHA52" s="7">
        <f t="shared" si="432"/>
        <v>16629.407999999999</v>
      </c>
      <c r="MHB52" s="7">
        <f t="shared" si="432"/>
        <v>16629.407999999999</v>
      </c>
      <c r="MHC52" s="7">
        <f t="shared" si="432"/>
        <v>16629.407999999999</v>
      </c>
      <c r="MHD52" s="7">
        <f t="shared" si="432"/>
        <v>16629.407999999999</v>
      </c>
      <c r="MHE52" s="7">
        <f t="shared" si="432"/>
        <v>16629.407999999999</v>
      </c>
      <c r="MHF52" s="7">
        <f t="shared" si="432"/>
        <v>16629.407999999999</v>
      </c>
      <c r="MHG52" s="7">
        <f t="shared" si="432"/>
        <v>16629.407999999999</v>
      </c>
      <c r="MHH52" s="7">
        <f t="shared" si="432"/>
        <v>16629.407999999999</v>
      </c>
      <c r="MHI52" s="7">
        <f t="shared" si="432"/>
        <v>16629.407999999999</v>
      </c>
      <c r="MHJ52" s="7">
        <f t="shared" si="432"/>
        <v>16629.407999999999</v>
      </c>
      <c r="MHK52" s="7">
        <f t="shared" si="432"/>
        <v>16629.407999999999</v>
      </c>
      <c r="MHL52" s="7">
        <f t="shared" si="432"/>
        <v>16629.407999999999</v>
      </c>
      <c r="MHM52" s="7">
        <f t="shared" si="432"/>
        <v>16629.407999999999</v>
      </c>
      <c r="MHN52" s="7">
        <f t="shared" si="432"/>
        <v>16629.407999999999</v>
      </c>
      <c r="MHO52" s="7">
        <f t="shared" si="432"/>
        <v>16629.407999999999</v>
      </c>
      <c r="MHP52" s="7">
        <f t="shared" si="432"/>
        <v>16629.407999999999</v>
      </c>
      <c r="MHQ52" s="7">
        <f t="shared" si="432"/>
        <v>16629.407999999999</v>
      </c>
      <c r="MHR52" s="7">
        <f t="shared" si="432"/>
        <v>16629.407999999999</v>
      </c>
      <c r="MHS52" s="7">
        <f t="shared" si="432"/>
        <v>16629.407999999999</v>
      </c>
      <c r="MHT52" s="7">
        <f t="shared" si="432"/>
        <v>16629.407999999999</v>
      </c>
      <c r="MHU52" s="7">
        <f t="shared" si="432"/>
        <v>16629.407999999999</v>
      </c>
      <c r="MHV52" s="7">
        <f t="shared" si="432"/>
        <v>16629.407999999999</v>
      </c>
      <c r="MHW52" s="7">
        <f t="shared" si="432"/>
        <v>16629.407999999999</v>
      </c>
      <c r="MHX52" s="7">
        <f t="shared" si="432"/>
        <v>16629.407999999999</v>
      </c>
      <c r="MHY52" s="7">
        <f t="shared" si="432"/>
        <v>16629.407999999999</v>
      </c>
      <c r="MHZ52" s="7">
        <f t="shared" si="432"/>
        <v>16629.407999999999</v>
      </c>
      <c r="MIA52" s="7">
        <f t="shared" si="432"/>
        <v>16629.407999999999</v>
      </c>
      <c r="MIB52" s="7">
        <f t="shared" si="432"/>
        <v>16629.407999999999</v>
      </c>
      <c r="MIC52" s="7">
        <f t="shared" si="432"/>
        <v>16629.407999999999</v>
      </c>
      <c r="MID52" s="7">
        <f t="shared" si="432"/>
        <v>16629.407999999999</v>
      </c>
      <c r="MIE52" s="7">
        <f t="shared" si="432"/>
        <v>16629.407999999999</v>
      </c>
      <c r="MIF52" s="7">
        <f t="shared" si="432"/>
        <v>16629.407999999999</v>
      </c>
      <c r="MIG52" s="7">
        <f t="shared" si="432"/>
        <v>16629.407999999999</v>
      </c>
      <c r="MIH52" s="7">
        <f t="shared" si="432"/>
        <v>16629.407999999999</v>
      </c>
      <c r="MII52" s="7">
        <f t="shared" si="432"/>
        <v>16629.407999999999</v>
      </c>
      <c r="MIJ52" s="7">
        <f t="shared" si="432"/>
        <v>16629.407999999999</v>
      </c>
      <c r="MIK52" s="7">
        <f t="shared" si="432"/>
        <v>16629.407999999999</v>
      </c>
      <c r="MIL52" s="7">
        <f t="shared" ref="MIL52:MKW52" si="433">MIL47+MIK52</f>
        <v>16629.407999999999</v>
      </c>
      <c r="MIM52" s="7">
        <f t="shared" si="433"/>
        <v>16629.407999999999</v>
      </c>
      <c r="MIN52" s="7">
        <f t="shared" si="433"/>
        <v>16629.407999999999</v>
      </c>
      <c r="MIO52" s="7">
        <f t="shared" si="433"/>
        <v>16629.407999999999</v>
      </c>
      <c r="MIP52" s="7">
        <f t="shared" si="433"/>
        <v>16629.407999999999</v>
      </c>
      <c r="MIQ52" s="7">
        <f t="shared" si="433"/>
        <v>16629.407999999999</v>
      </c>
      <c r="MIR52" s="7">
        <f t="shared" si="433"/>
        <v>16629.407999999999</v>
      </c>
      <c r="MIS52" s="7">
        <f t="shared" si="433"/>
        <v>16629.407999999999</v>
      </c>
      <c r="MIT52" s="7">
        <f t="shared" si="433"/>
        <v>16629.407999999999</v>
      </c>
      <c r="MIU52" s="7">
        <f t="shared" si="433"/>
        <v>16629.407999999999</v>
      </c>
      <c r="MIV52" s="7">
        <f t="shared" si="433"/>
        <v>16629.407999999999</v>
      </c>
      <c r="MIW52" s="7">
        <f t="shared" si="433"/>
        <v>16629.407999999999</v>
      </c>
      <c r="MIX52" s="7">
        <f t="shared" si="433"/>
        <v>16629.407999999999</v>
      </c>
      <c r="MIY52" s="7">
        <f t="shared" si="433"/>
        <v>16629.407999999999</v>
      </c>
      <c r="MIZ52" s="7">
        <f t="shared" si="433"/>
        <v>16629.407999999999</v>
      </c>
      <c r="MJA52" s="7">
        <f t="shared" si="433"/>
        <v>16629.407999999999</v>
      </c>
      <c r="MJB52" s="7">
        <f t="shared" si="433"/>
        <v>16629.407999999999</v>
      </c>
      <c r="MJC52" s="7">
        <f t="shared" si="433"/>
        <v>16629.407999999999</v>
      </c>
      <c r="MJD52" s="7">
        <f t="shared" si="433"/>
        <v>16629.407999999999</v>
      </c>
      <c r="MJE52" s="7">
        <f t="shared" si="433"/>
        <v>16629.407999999999</v>
      </c>
      <c r="MJF52" s="7">
        <f t="shared" si="433"/>
        <v>16629.407999999999</v>
      </c>
      <c r="MJG52" s="7">
        <f t="shared" si="433"/>
        <v>16629.407999999999</v>
      </c>
      <c r="MJH52" s="7">
        <f t="shared" si="433"/>
        <v>16629.407999999999</v>
      </c>
      <c r="MJI52" s="7">
        <f t="shared" si="433"/>
        <v>16629.407999999999</v>
      </c>
      <c r="MJJ52" s="7">
        <f t="shared" si="433"/>
        <v>16629.407999999999</v>
      </c>
      <c r="MJK52" s="7">
        <f t="shared" si="433"/>
        <v>16629.407999999999</v>
      </c>
      <c r="MJL52" s="7">
        <f t="shared" si="433"/>
        <v>16629.407999999999</v>
      </c>
      <c r="MJM52" s="7">
        <f t="shared" si="433"/>
        <v>16629.407999999999</v>
      </c>
      <c r="MJN52" s="7">
        <f t="shared" si="433"/>
        <v>16629.407999999999</v>
      </c>
      <c r="MJO52" s="7">
        <f t="shared" si="433"/>
        <v>16629.407999999999</v>
      </c>
      <c r="MJP52" s="7">
        <f t="shared" si="433"/>
        <v>16629.407999999999</v>
      </c>
      <c r="MJQ52" s="7">
        <f t="shared" si="433"/>
        <v>16629.407999999999</v>
      </c>
      <c r="MJR52" s="7">
        <f t="shared" si="433"/>
        <v>16629.407999999999</v>
      </c>
      <c r="MJS52" s="7">
        <f t="shared" si="433"/>
        <v>16629.407999999999</v>
      </c>
      <c r="MJT52" s="7">
        <f t="shared" si="433"/>
        <v>16629.407999999999</v>
      </c>
      <c r="MJU52" s="7">
        <f t="shared" si="433"/>
        <v>16629.407999999999</v>
      </c>
      <c r="MJV52" s="7">
        <f t="shared" si="433"/>
        <v>16629.407999999999</v>
      </c>
      <c r="MJW52" s="7">
        <f t="shared" si="433"/>
        <v>16629.407999999999</v>
      </c>
      <c r="MJX52" s="7">
        <f t="shared" si="433"/>
        <v>16629.407999999999</v>
      </c>
      <c r="MJY52" s="7">
        <f t="shared" si="433"/>
        <v>16629.407999999999</v>
      </c>
      <c r="MJZ52" s="7">
        <f t="shared" si="433"/>
        <v>16629.407999999999</v>
      </c>
      <c r="MKA52" s="7">
        <f t="shared" si="433"/>
        <v>16629.407999999999</v>
      </c>
      <c r="MKB52" s="7">
        <f t="shared" si="433"/>
        <v>16629.407999999999</v>
      </c>
      <c r="MKC52" s="7">
        <f t="shared" si="433"/>
        <v>16629.407999999999</v>
      </c>
      <c r="MKD52" s="7">
        <f t="shared" si="433"/>
        <v>16629.407999999999</v>
      </c>
      <c r="MKE52" s="7">
        <f t="shared" si="433"/>
        <v>16629.407999999999</v>
      </c>
      <c r="MKF52" s="7">
        <f t="shared" si="433"/>
        <v>16629.407999999999</v>
      </c>
      <c r="MKG52" s="7">
        <f t="shared" si="433"/>
        <v>16629.407999999999</v>
      </c>
      <c r="MKH52" s="7">
        <f t="shared" si="433"/>
        <v>16629.407999999999</v>
      </c>
      <c r="MKI52" s="7">
        <f t="shared" si="433"/>
        <v>16629.407999999999</v>
      </c>
      <c r="MKJ52" s="7">
        <f t="shared" si="433"/>
        <v>16629.407999999999</v>
      </c>
      <c r="MKK52" s="7">
        <f t="shared" si="433"/>
        <v>16629.407999999999</v>
      </c>
      <c r="MKL52" s="7">
        <f t="shared" si="433"/>
        <v>16629.407999999999</v>
      </c>
      <c r="MKM52" s="7">
        <f t="shared" si="433"/>
        <v>16629.407999999999</v>
      </c>
      <c r="MKN52" s="7">
        <f t="shared" si="433"/>
        <v>16629.407999999999</v>
      </c>
      <c r="MKO52" s="7">
        <f t="shared" si="433"/>
        <v>16629.407999999999</v>
      </c>
      <c r="MKP52" s="7">
        <f t="shared" si="433"/>
        <v>16629.407999999999</v>
      </c>
      <c r="MKQ52" s="7">
        <f t="shared" si="433"/>
        <v>16629.407999999999</v>
      </c>
      <c r="MKR52" s="7">
        <f t="shared" si="433"/>
        <v>16629.407999999999</v>
      </c>
      <c r="MKS52" s="7">
        <f t="shared" si="433"/>
        <v>16629.407999999999</v>
      </c>
      <c r="MKT52" s="7">
        <f t="shared" si="433"/>
        <v>16629.407999999999</v>
      </c>
      <c r="MKU52" s="7">
        <f t="shared" si="433"/>
        <v>16629.407999999999</v>
      </c>
      <c r="MKV52" s="7">
        <f t="shared" si="433"/>
        <v>16629.407999999999</v>
      </c>
      <c r="MKW52" s="7">
        <f t="shared" si="433"/>
        <v>16629.407999999999</v>
      </c>
      <c r="MKX52" s="7">
        <f t="shared" ref="MKX52:MNI52" si="434">MKX47+MKW52</f>
        <v>16629.407999999999</v>
      </c>
      <c r="MKY52" s="7">
        <f t="shared" si="434"/>
        <v>16629.407999999999</v>
      </c>
      <c r="MKZ52" s="7">
        <f t="shared" si="434"/>
        <v>16629.407999999999</v>
      </c>
      <c r="MLA52" s="7">
        <f t="shared" si="434"/>
        <v>16629.407999999999</v>
      </c>
      <c r="MLB52" s="7">
        <f t="shared" si="434"/>
        <v>16629.407999999999</v>
      </c>
      <c r="MLC52" s="7">
        <f t="shared" si="434"/>
        <v>16629.407999999999</v>
      </c>
      <c r="MLD52" s="7">
        <f t="shared" si="434"/>
        <v>16629.407999999999</v>
      </c>
      <c r="MLE52" s="7">
        <f t="shared" si="434"/>
        <v>16629.407999999999</v>
      </c>
      <c r="MLF52" s="7">
        <f t="shared" si="434"/>
        <v>16629.407999999999</v>
      </c>
      <c r="MLG52" s="7">
        <f t="shared" si="434"/>
        <v>16629.407999999999</v>
      </c>
      <c r="MLH52" s="7">
        <f t="shared" si="434"/>
        <v>16629.407999999999</v>
      </c>
      <c r="MLI52" s="7">
        <f t="shared" si="434"/>
        <v>16629.407999999999</v>
      </c>
      <c r="MLJ52" s="7">
        <f t="shared" si="434"/>
        <v>16629.407999999999</v>
      </c>
      <c r="MLK52" s="7">
        <f t="shared" si="434"/>
        <v>16629.407999999999</v>
      </c>
      <c r="MLL52" s="7">
        <f t="shared" si="434"/>
        <v>16629.407999999999</v>
      </c>
      <c r="MLM52" s="7">
        <f t="shared" si="434"/>
        <v>16629.407999999999</v>
      </c>
      <c r="MLN52" s="7">
        <f t="shared" si="434"/>
        <v>16629.407999999999</v>
      </c>
      <c r="MLO52" s="7">
        <f t="shared" si="434"/>
        <v>16629.407999999999</v>
      </c>
      <c r="MLP52" s="7">
        <f t="shared" si="434"/>
        <v>16629.407999999999</v>
      </c>
      <c r="MLQ52" s="7">
        <f t="shared" si="434"/>
        <v>16629.407999999999</v>
      </c>
      <c r="MLR52" s="7">
        <f t="shared" si="434"/>
        <v>16629.407999999999</v>
      </c>
      <c r="MLS52" s="7">
        <f t="shared" si="434"/>
        <v>16629.407999999999</v>
      </c>
      <c r="MLT52" s="7">
        <f t="shared" si="434"/>
        <v>16629.407999999999</v>
      </c>
      <c r="MLU52" s="7">
        <f t="shared" si="434"/>
        <v>16629.407999999999</v>
      </c>
      <c r="MLV52" s="7">
        <f t="shared" si="434"/>
        <v>16629.407999999999</v>
      </c>
      <c r="MLW52" s="7">
        <f t="shared" si="434"/>
        <v>16629.407999999999</v>
      </c>
      <c r="MLX52" s="7">
        <f t="shared" si="434"/>
        <v>16629.407999999999</v>
      </c>
      <c r="MLY52" s="7">
        <f t="shared" si="434"/>
        <v>16629.407999999999</v>
      </c>
      <c r="MLZ52" s="7">
        <f t="shared" si="434"/>
        <v>16629.407999999999</v>
      </c>
      <c r="MMA52" s="7">
        <f t="shared" si="434"/>
        <v>16629.407999999999</v>
      </c>
      <c r="MMB52" s="7">
        <f t="shared" si="434"/>
        <v>16629.407999999999</v>
      </c>
      <c r="MMC52" s="7">
        <f t="shared" si="434"/>
        <v>16629.407999999999</v>
      </c>
      <c r="MMD52" s="7">
        <f t="shared" si="434"/>
        <v>16629.407999999999</v>
      </c>
      <c r="MME52" s="7">
        <f t="shared" si="434"/>
        <v>16629.407999999999</v>
      </c>
      <c r="MMF52" s="7">
        <f t="shared" si="434"/>
        <v>16629.407999999999</v>
      </c>
      <c r="MMG52" s="7">
        <f t="shared" si="434"/>
        <v>16629.407999999999</v>
      </c>
      <c r="MMH52" s="7">
        <f t="shared" si="434"/>
        <v>16629.407999999999</v>
      </c>
      <c r="MMI52" s="7">
        <f t="shared" si="434"/>
        <v>16629.407999999999</v>
      </c>
      <c r="MMJ52" s="7">
        <f t="shared" si="434"/>
        <v>16629.407999999999</v>
      </c>
      <c r="MMK52" s="7">
        <f t="shared" si="434"/>
        <v>16629.407999999999</v>
      </c>
      <c r="MML52" s="7">
        <f t="shared" si="434"/>
        <v>16629.407999999999</v>
      </c>
      <c r="MMM52" s="7">
        <f t="shared" si="434"/>
        <v>16629.407999999999</v>
      </c>
      <c r="MMN52" s="7">
        <f t="shared" si="434"/>
        <v>16629.407999999999</v>
      </c>
      <c r="MMO52" s="7">
        <f t="shared" si="434"/>
        <v>16629.407999999999</v>
      </c>
      <c r="MMP52" s="7">
        <f t="shared" si="434"/>
        <v>16629.407999999999</v>
      </c>
      <c r="MMQ52" s="7">
        <f t="shared" si="434"/>
        <v>16629.407999999999</v>
      </c>
      <c r="MMR52" s="7">
        <f t="shared" si="434"/>
        <v>16629.407999999999</v>
      </c>
      <c r="MMS52" s="7">
        <f t="shared" si="434"/>
        <v>16629.407999999999</v>
      </c>
      <c r="MMT52" s="7">
        <f t="shared" si="434"/>
        <v>16629.407999999999</v>
      </c>
      <c r="MMU52" s="7">
        <f t="shared" si="434"/>
        <v>16629.407999999999</v>
      </c>
      <c r="MMV52" s="7">
        <f t="shared" si="434"/>
        <v>16629.407999999999</v>
      </c>
      <c r="MMW52" s="7">
        <f t="shared" si="434"/>
        <v>16629.407999999999</v>
      </c>
      <c r="MMX52" s="7">
        <f t="shared" si="434"/>
        <v>16629.407999999999</v>
      </c>
      <c r="MMY52" s="7">
        <f t="shared" si="434"/>
        <v>16629.407999999999</v>
      </c>
      <c r="MMZ52" s="7">
        <f t="shared" si="434"/>
        <v>16629.407999999999</v>
      </c>
      <c r="MNA52" s="7">
        <f t="shared" si="434"/>
        <v>16629.407999999999</v>
      </c>
      <c r="MNB52" s="7">
        <f t="shared" si="434"/>
        <v>16629.407999999999</v>
      </c>
      <c r="MNC52" s="7">
        <f t="shared" si="434"/>
        <v>16629.407999999999</v>
      </c>
      <c r="MND52" s="7">
        <f t="shared" si="434"/>
        <v>16629.407999999999</v>
      </c>
      <c r="MNE52" s="7">
        <f t="shared" si="434"/>
        <v>16629.407999999999</v>
      </c>
      <c r="MNF52" s="7">
        <f t="shared" si="434"/>
        <v>16629.407999999999</v>
      </c>
      <c r="MNG52" s="7">
        <f t="shared" si="434"/>
        <v>16629.407999999999</v>
      </c>
      <c r="MNH52" s="7">
        <f t="shared" si="434"/>
        <v>16629.407999999999</v>
      </c>
      <c r="MNI52" s="7">
        <f t="shared" si="434"/>
        <v>16629.407999999999</v>
      </c>
      <c r="MNJ52" s="7">
        <f t="shared" ref="MNJ52:MPU52" si="435">MNJ47+MNI52</f>
        <v>16629.407999999999</v>
      </c>
      <c r="MNK52" s="7">
        <f t="shared" si="435"/>
        <v>16629.407999999999</v>
      </c>
      <c r="MNL52" s="7">
        <f t="shared" si="435"/>
        <v>16629.407999999999</v>
      </c>
      <c r="MNM52" s="7">
        <f t="shared" si="435"/>
        <v>16629.407999999999</v>
      </c>
      <c r="MNN52" s="7">
        <f t="shared" si="435"/>
        <v>16629.407999999999</v>
      </c>
      <c r="MNO52" s="7">
        <f t="shared" si="435"/>
        <v>16629.407999999999</v>
      </c>
      <c r="MNP52" s="7">
        <f t="shared" si="435"/>
        <v>16629.407999999999</v>
      </c>
      <c r="MNQ52" s="7">
        <f t="shared" si="435"/>
        <v>16629.407999999999</v>
      </c>
      <c r="MNR52" s="7">
        <f t="shared" si="435"/>
        <v>16629.407999999999</v>
      </c>
      <c r="MNS52" s="7">
        <f t="shared" si="435"/>
        <v>16629.407999999999</v>
      </c>
      <c r="MNT52" s="7">
        <f t="shared" si="435"/>
        <v>16629.407999999999</v>
      </c>
      <c r="MNU52" s="7">
        <f t="shared" si="435"/>
        <v>16629.407999999999</v>
      </c>
      <c r="MNV52" s="7">
        <f t="shared" si="435"/>
        <v>16629.407999999999</v>
      </c>
      <c r="MNW52" s="7">
        <f t="shared" si="435"/>
        <v>16629.407999999999</v>
      </c>
      <c r="MNX52" s="7">
        <f t="shared" si="435"/>
        <v>16629.407999999999</v>
      </c>
      <c r="MNY52" s="7">
        <f t="shared" si="435"/>
        <v>16629.407999999999</v>
      </c>
      <c r="MNZ52" s="7">
        <f t="shared" si="435"/>
        <v>16629.407999999999</v>
      </c>
      <c r="MOA52" s="7">
        <f t="shared" si="435"/>
        <v>16629.407999999999</v>
      </c>
      <c r="MOB52" s="7">
        <f t="shared" si="435"/>
        <v>16629.407999999999</v>
      </c>
      <c r="MOC52" s="7">
        <f t="shared" si="435"/>
        <v>16629.407999999999</v>
      </c>
      <c r="MOD52" s="7">
        <f t="shared" si="435"/>
        <v>16629.407999999999</v>
      </c>
      <c r="MOE52" s="7">
        <f t="shared" si="435"/>
        <v>16629.407999999999</v>
      </c>
      <c r="MOF52" s="7">
        <f t="shared" si="435"/>
        <v>16629.407999999999</v>
      </c>
      <c r="MOG52" s="7">
        <f t="shared" si="435"/>
        <v>16629.407999999999</v>
      </c>
      <c r="MOH52" s="7">
        <f t="shared" si="435"/>
        <v>16629.407999999999</v>
      </c>
      <c r="MOI52" s="7">
        <f t="shared" si="435"/>
        <v>16629.407999999999</v>
      </c>
      <c r="MOJ52" s="7">
        <f t="shared" si="435"/>
        <v>16629.407999999999</v>
      </c>
      <c r="MOK52" s="7">
        <f t="shared" si="435"/>
        <v>16629.407999999999</v>
      </c>
      <c r="MOL52" s="7">
        <f t="shared" si="435"/>
        <v>16629.407999999999</v>
      </c>
      <c r="MOM52" s="7">
        <f t="shared" si="435"/>
        <v>16629.407999999999</v>
      </c>
      <c r="MON52" s="7">
        <f t="shared" si="435"/>
        <v>16629.407999999999</v>
      </c>
      <c r="MOO52" s="7">
        <f t="shared" si="435"/>
        <v>16629.407999999999</v>
      </c>
      <c r="MOP52" s="7">
        <f t="shared" si="435"/>
        <v>16629.407999999999</v>
      </c>
      <c r="MOQ52" s="7">
        <f t="shared" si="435"/>
        <v>16629.407999999999</v>
      </c>
      <c r="MOR52" s="7">
        <f t="shared" si="435"/>
        <v>16629.407999999999</v>
      </c>
      <c r="MOS52" s="7">
        <f t="shared" si="435"/>
        <v>16629.407999999999</v>
      </c>
      <c r="MOT52" s="7">
        <f t="shared" si="435"/>
        <v>16629.407999999999</v>
      </c>
      <c r="MOU52" s="7">
        <f t="shared" si="435"/>
        <v>16629.407999999999</v>
      </c>
      <c r="MOV52" s="7">
        <f t="shared" si="435"/>
        <v>16629.407999999999</v>
      </c>
      <c r="MOW52" s="7">
        <f t="shared" si="435"/>
        <v>16629.407999999999</v>
      </c>
      <c r="MOX52" s="7">
        <f t="shared" si="435"/>
        <v>16629.407999999999</v>
      </c>
      <c r="MOY52" s="7">
        <f t="shared" si="435"/>
        <v>16629.407999999999</v>
      </c>
      <c r="MOZ52" s="7">
        <f t="shared" si="435"/>
        <v>16629.407999999999</v>
      </c>
      <c r="MPA52" s="7">
        <f t="shared" si="435"/>
        <v>16629.407999999999</v>
      </c>
      <c r="MPB52" s="7">
        <f t="shared" si="435"/>
        <v>16629.407999999999</v>
      </c>
      <c r="MPC52" s="7">
        <f t="shared" si="435"/>
        <v>16629.407999999999</v>
      </c>
      <c r="MPD52" s="7">
        <f t="shared" si="435"/>
        <v>16629.407999999999</v>
      </c>
      <c r="MPE52" s="7">
        <f t="shared" si="435"/>
        <v>16629.407999999999</v>
      </c>
      <c r="MPF52" s="7">
        <f t="shared" si="435"/>
        <v>16629.407999999999</v>
      </c>
      <c r="MPG52" s="7">
        <f t="shared" si="435"/>
        <v>16629.407999999999</v>
      </c>
      <c r="MPH52" s="7">
        <f t="shared" si="435"/>
        <v>16629.407999999999</v>
      </c>
      <c r="MPI52" s="7">
        <f t="shared" si="435"/>
        <v>16629.407999999999</v>
      </c>
      <c r="MPJ52" s="7">
        <f t="shared" si="435"/>
        <v>16629.407999999999</v>
      </c>
      <c r="MPK52" s="7">
        <f t="shared" si="435"/>
        <v>16629.407999999999</v>
      </c>
      <c r="MPL52" s="7">
        <f t="shared" si="435"/>
        <v>16629.407999999999</v>
      </c>
      <c r="MPM52" s="7">
        <f t="shared" si="435"/>
        <v>16629.407999999999</v>
      </c>
      <c r="MPN52" s="7">
        <f t="shared" si="435"/>
        <v>16629.407999999999</v>
      </c>
      <c r="MPO52" s="7">
        <f t="shared" si="435"/>
        <v>16629.407999999999</v>
      </c>
      <c r="MPP52" s="7">
        <f t="shared" si="435"/>
        <v>16629.407999999999</v>
      </c>
      <c r="MPQ52" s="7">
        <f t="shared" si="435"/>
        <v>16629.407999999999</v>
      </c>
      <c r="MPR52" s="7">
        <f t="shared" si="435"/>
        <v>16629.407999999999</v>
      </c>
      <c r="MPS52" s="7">
        <f t="shared" si="435"/>
        <v>16629.407999999999</v>
      </c>
      <c r="MPT52" s="7">
        <f t="shared" si="435"/>
        <v>16629.407999999999</v>
      </c>
      <c r="MPU52" s="7">
        <f t="shared" si="435"/>
        <v>16629.407999999999</v>
      </c>
      <c r="MPV52" s="7">
        <f t="shared" ref="MPV52:MSG52" si="436">MPV47+MPU52</f>
        <v>16629.407999999999</v>
      </c>
      <c r="MPW52" s="7">
        <f t="shared" si="436"/>
        <v>16629.407999999999</v>
      </c>
      <c r="MPX52" s="7">
        <f t="shared" si="436"/>
        <v>16629.407999999999</v>
      </c>
      <c r="MPY52" s="7">
        <f t="shared" si="436"/>
        <v>16629.407999999999</v>
      </c>
      <c r="MPZ52" s="7">
        <f t="shared" si="436"/>
        <v>16629.407999999999</v>
      </c>
      <c r="MQA52" s="7">
        <f t="shared" si="436"/>
        <v>16629.407999999999</v>
      </c>
      <c r="MQB52" s="7">
        <f t="shared" si="436"/>
        <v>16629.407999999999</v>
      </c>
      <c r="MQC52" s="7">
        <f t="shared" si="436"/>
        <v>16629.407999999999</v>
      </c>
      <c r="MQD52" s="7">
        <f t="shared" si="436"/>
        <v>16629.407999999999</v>
      </c>
      <c r="MQE52" s="7">
        <f t="shared" si="436"/>
        <v>16629.407999999999</v>
      </c>
      <c r="MQF52" s="7">
        <f t="shared" si="436"/>
        <v>16629.407999999999</v>
      </c>
      <c r="MQG52" s="7">
        <f t="shared" si="436"/>
        <v>16629.407999999999</v>
      </c>
      <c r="MQH52" s="7">
        <f t="shared" si="436"/>
        <v>16629.407999999999</v>
      </c>
      <c r="MQI52" s="7">
        <f t="shared" si="436"/>
        <v>16629.407999999999</v>
      </c>
      <c r="MQJ52" s="7">
        <f t="shared" si="436"/>
        <v>16629.407999999999</v>
      </c>
      <c r="MQK52" s="7">
        <f t="shared" si="436"/>
        <v>16629.407999999999</v>
      </c>
      <c r="MQL52" s="7">
        <f t="shared" si="436"/>
        <v>16629.407999999999</v>
      </c>
      <c r="MQM52" s="7">
        <f t="shared" si="436"/>
        <v>16629.407999999999</v>
      </c>
      <c r="MQN52" s="7">
        <f t="shared" si="436"/>
        <v>16629.407999999999</v>
      </c>
      <c r="MQO52" s="7">
        <f t="shared" si="436"/>
        <v>16629.407999999999</v>
      </c>
      <c r="MQP52" s="7">
        <f t="shared" si="436"/>
        <v>16629.407999999999</v>
      </c>
      <c r="MQQ52" s="7">
        <f t="shared" si="436"/>
        <v>16629.407999999999</v>
      </c>
      <c r="MQR52" s="7">
        <f t="shared" si="436"/>
        <v>16629.407999999999</v>
      </c>
      <c r="MQS52" s="7">
        <f t="shared" si="436"/>
        <v>16629.407999999999</v>
      </c>
      <c r="MQT52" s="7">
        <f t="shared" si="436"/>
        <v>16629.407999999999</v>
      </c>
      <c r="MQU52" s="7">
        <f t="shared" si="436"/>
        <v>16629.407999999999</v>
      </c>
      <c r="MQV52" s="7">
        <f t="shared" si="436"/>
        <v>16629.407999999999</v>
      </c>
      <c r="MQW52" s="7">
        <f t="shared" si="436"/>
        <v>16629.407999999999</v>
      </c>
      <c r="MQX52" s="7">
        <f t="shared" si="436"/>
        <v>16629.407999999999</v>
      </c>
      <c r="MQY52" s="7">
        <f t="shared" si="436"/>
        <v>16629.407999999999</v>
      </c>
      <c r="MQZ52" s="7">
        <f t="shared" si="436"/>
        <v>16629.407999999999</v>
      </c>
      <c r="MRA52" s="7">
        <f t="shared" si="436"/>
        <v>16629.407999999999</v>
      </c>
      <c r="MRB52" s="7">
        <f t="shared" si="436"/>
        <v>16629.407999999999</v>
      </c>
      <c r="MRC52" s="7">
        <f t="shared" si="436"/>
        <v>16629.407999999999</v>
      </c>
      <c r="MRD52" s="7">
        <f t="shared" si="436"/>
        <v>16629.407999999999</v>
      </c>
      <c r="MRE52" s="7">
        <f t="shared" si="436"/>
        <v>16629.407999999999</v>
      </c>
      <c r="MRF52" s="7">
        <f t="shared" si="436"/>
        <v>16629.407999999999</v>
      </c>
      <c r="MRG52" s="7">
        <f t="shared" si="436"/>
        <v>16629.407999999999</v>
      </c>
      <c r="MRH52" s="7">
        <f t="shared" si="436"/>
        <v>16629.407999999999</v>
      </c>
      <c r="MRI52" s="7">
        <f t="shared" si="436"/>
        <v>16629.407999999999</v>
      </c>
      <c r="MRJ52" s="7">
        <f t="shared" si="436"/>
        <v>16629.407999999999</v>
      </c>
      <c r="MRK52" s="7">
        <f t="shared" si="436"/>
        <v>16629.407999999999</v>
      </c>
      <c r="MRL52" s="7">
        <f t="shared" si="436"/>
        <v>16629.407999999999</v>
      </c>
      <c r="MRM52" s="7">
        <f t="shared" si="436"/>
        <v>16629.407999999999</v>
      </c>
      <c r="MRN52" s="7">
        <f t="shared" si="436"/>
        <v>16629.407999999999</v>
      </c>
      <c r="MRO52" s="7">
        <f t="shared" si="436"/>
        <v>16629.407999999999</v>
      </c>
      <c r="MRP52" s="7">
        <f t="shared" si="436"/>
        <v>16629.407999999999</v>
      </c>
      <c r="MRQ52" s="7">
        <f t="shared" si="436"/>
        <v>16629.407999999999</v>
      </c>
      <c r="MRR52" s="7">
        <f t="shared" si="436"/>
        <v>16629.407999999999</v>
      </c>
      <c r="MRS52" s="7">
        <f t="shared" si="436"/>
        <v>16629.407999999999</v>
      </c>
      <c r="MRT52" s="7">
        <f t="shared" si="436"/>
        <v>16629.407999999999</v>
      </c>
      <c r="MRU52" s="7">
        <f t="shared" si="436"/>
        <v>16629.407999999999</v>
      </c>
      <c r="MRV52" s="7">
        <f t="shared" si="436"/>
        <v>16629.407999999999</v>
      </c>
      <c r="MRW52" s="7">
        <f t="shared" si="436"/>
        <v>16629.407999999999</v>
      </c>
      <c r="MRX52" s="7">
        <f t="shared" si="436"/>
        <v>16629.407999999999</v>
      </c>
      <c r="MRY52" s="7">
        <f t="shared" si="436"/>
        <v>16629.407999999999</v>
      </c>
      <c r="MRZ52" s="7">
        <f t="shared" si="436"/>
        <v>16629.407999999999</v>
      </c>
      <c r="MSA52" s="7">
        <f t="shared" si="436"/>
        <v>16629.407999999999</v>
      </c>
      <c r="MSB52" s="7">
        <f t="shared" si="436"/>
        <v>16629.407999999999</v>
      </c>
      <c r="MSC52" s="7">
        <f t="shared" si="436"/>
        <v>16629.407999999999</v>
      </c>
      <c r="MSD52" s="7">
        <f t="shared" si="436"/>
        <v>16629.407999999999</v>
      </c>
      <c r="MSE52" s="7">
        <f t="shared" si="436"/>
        <v>16629.407999999999</v>
      </c>
      <c r="MSF52" s="7">
        <f t="shared" si="436"/>
        <v>16629.407999999999</v>
      </c>
      <c r="MSG52" s="7">
        <f t="shared" si="436"/>
        <v>16629.407999999999</v>
      </c>
      <c r="MSH52" s="7">
        <f t="shared" ref="MSH52:MUS52" si="437">MSH47+MSG52</f>
        <v>16629.407999999999</v>
      </c>
      <c r="MSI52" s="7">
        <f t="shared" si="437"/>
        <v>16629.407999999999</v>
      </c>
      <c r="MSJ52" s="7">
        <f t="shared" si="437"/>
        <v>16629.407999999999</v>
      </c>
      <c r="MSK52" s="7">
        <f t="shared" si="437"/>
        <v>16629.407999999999</v>
      </c>
      <c r="MSL52" s="7">
        <f t="shared" si="437"/>
        <v>16629.407999999999</v>
      </c>
      <c r="MSM52" s="7">
        <f t="shared" si="437"/>
        <v>16629.407999999999</v>
      </c>
      <c r="MSN52" s="7">
        <f t="shared" si="437"/>
        <v>16629.407999999999</v>
      </c>
      <c r="MSO52" s="7">
        <f t="shared" si="437"/>
        <v>16629.407999999999</v>
      </c>
      <c r="MSP52" s="7">
        <f t="shared" si="437"/>
        <v>16629.407999999999</v>
      </c>
      <c r="MSQ52" s="7">
        <f t="shared" si="437"/>
        <v>16629.407999999999</v>
      </c>
      <c r="MSR52" s="7">
        <f t="shared" si="437"/>
        <v>16629.407999999999</v>
      </c>
      <c r="MSS52" s="7">
        <f t="shared" si="437"/>
        <v>16629.407999999999</v>
      </c>
      <c r="MST52" s="7">
        <f t="shared" si="437"/>
        <v>16629.407999999999</v>
      </c>
      <c r="MSU52" s="7">
        <f t="shared" si="437"/>
        <v>16629.407999999999</v>
      </c>
      <c r="MSV52" s="7">
        <f t="shared" si="437"/>
        <v>16629.407999999999</v>
      </c>
      <c r="MSW52" s="7">
        <f t="shared" si="437"/>
        <v>16629.407999999999</v>
      </c>
      <c r="MSX52" s="7">
        <f t="shared" si="437"/>
        <v>16629.407999999999</v>
      </c>
      <c r="MSY52" s="7">
        <f t="shared" si="437"/>
        <v>16629.407999999999</v>
      </c>
      <c r="MSZ52" s="7">
        <f t="shared" si="437"/>
        <v>16629.407999999999</v>
      </c>
      <c r="MTA52" s="7">
        <f t="shared" si="437"/>
        <v>16629.407999999999</v>
      </c>
      <c r="MTB52" s="7">
        <f t="shared" si="437"/>
        <v>16629.407999999999</v>
      </c>
      <c r="MTC52" s="7">
        <f t="shared" si="437"/>
        <v>16629.407999999999</v>
      </c>
      <c r="MTD52" s="7">
        <f t="shared" si="437"/>
        <v>16629.407999999999</v>
      </c>
      <c r="MTE52" s="7">
        <f t="shared" si="437"/>
        <v>16629.407999999999</v>
      </c>
      <c r="MTF52" s="7">
        <f t="shared" si="437"/>
        <v>16629.407999999999</v>
      </c>
      <c r="MTG52" s="7">
        <f t="shared" si="437"/>
        <v>16629.407999999999</v>
      </c>
      <c r="MTH52" s="7">
        <f t="shared" si="437"/>
        <v>16629.407999999999</v>
      </c>
      <c r="MTI52" s="7">
        <f t="shared" si="437"/>
        <v>16629.407999999999</v>
      </c>
      <c r="MTJ52" s="7">
        <f t="shared" si="437"/>
        <v>16629.407999999999</v>
      </c>
      <c r="MTK52" s="7">
        <f t="shared" si="437"/>
        <v>16629.407999999999</v>
      </c>
      <c r="MTL52" s="7">
        <f t="shared" si="437"/>
        <v>16629.407999999999</v>
      </c>
      <c r="MTM52" s="7">
        <f t="shared" si="437"/>
        <v>16629.407999999999</v>
      </c>
      <c r="MTN52" s="7">
        <f t="shared" si="437"/>
        <v>16629.407999999999</v>
      </c>
      <c r="MTO52" s="7">
        <f t="shared" si="437"/>
        <v>16629.407999999999</v>
      </c>
      <c r="MTP52" s="7">
        <f t="shared" si="437"/>
        <v>16629.407999999999</v>
      </c>
      <c r="MTQ52" s="7">
        <f t="shared" si="437"/>
        <v>16629.407999999999</v>
      </c>
      <c r="MTR52" s="7">
        <f t="shared" si="437"/>
        <v>16629.407999999999</v>
      </c>
      <c r="MTS52" s="7">
        <f t="shared" si="437"/>
        <v>16629.407999999999</v>
      </c>
      <c r="MTT52" s="7">
        <f t="shared" si="437"/>
        <v>16629.407999999999</v>
      </c>
      <c r="MTU52" s="7">
        <f t="shared" si="437"/>
        <v>16629.407999999999</v>
      </c>
      <c r="MTV52" s="7">
        <f t="shared" si="437"/>
        <v>16629.407999999999</v>
      </c>
      <c r="MTW52" s="7">
        <f t="shared" si="437"/>
        <v>16629.407999999999</v>
      </c>
      <c r="MTX52" s="7">
        <f t="shared" si="437"/>
        <v>16629.407999999999</v>
      </c>
      <c r="MTY52" s="7">
        <f t="shared" si="437"/>
        <v>16629.407999999999</v>
      </c>
      <c r="MTZ52" s="7">
        <f t="shared" si="437"/>
        <v>16629.407999999999</v>
      </c>
      <c r="MUA52" s="7">
        <f t="shared" si="437"/>
        <v>16629.407999999999</v>
      </c>
      <c r="MUB52" s="7">
        <f t="shared" si="437"/>
        <v>16629.407999999999</v>
      </c>
      <c r="MUC52" s="7">
        <f t="shared" si="437"/>
        <v>16629.407999999999</v>
      </c>
      <c r="MUD52" s="7">
        <f t="shared" si="437"/>
        <v>16629.407999999999</v>
      </c>
      <c r="MUE52" s="7">
        <f t="shared" si="437"/>
        <v>16629.407999999999</v>
      </c>
      <c r="MUF52" s="7">
        <f t="shared" si="437"/>
        <v>16629.407999999999</v>
      </c>
      <c r="MUG52" s="7">
        <f t="shared" si="437"/>
        <v>16629.407999999999</v>
      </c>
      <c r="MUH52" s="7">
        <f t="shared" si="437"/>
        <v>16629.407999999999</v>
      </c>
      <c r="MUI52" s="7">
        <f t="shared" si="437"/>
        <v>16629.407999999999</v>
      </c>
      <c r="MUJ52" s="7">
        <f t="shared" si="437"/>
        <v>16629.407999999999</v>
      </c>
      <c r="MUK52" s="7">
        <f t="shared" si="437"/>
        <v>16629.407999999999</v>
      </c>
      <c r="MUL52" s="7">
        <f t="shared" si="437"/>
        <v>16629.407999999999</v>
      </c>
      <c r="MUM52" s="7">
        <f t="shared" si="437"/>
        <v>16629.407999999999</v>
      </c>
      <c r="MUN52" s="7">
        <f t="shared" si="437"/>
        <v>16629.407999999999</v>
      </c>
      <c r="MUO52" s="7">
        <f t="shared" si="437"/>
        <v>16629.407999999999</v>
      </c>
      <c r="MUP52" s="7">
        <f t="shared" si="437"/>
        <v>16629.407999999999</v>
      </c>
      <c r="MUQ52" s="7">
        <f t="shared" si="437"/>
        <v>16629.407999999999</v>
      </c>
      <c r="MUR52" s="7">
        <f t="shared" si="437"/>
        <v>16629.407999999999</v>
      </c>
      <c r="MUS52" s="7">
        <f t="shared" si="437"/>
        <v>16629.407999999999</v>
      </c>
      <c r="MUT52" s="7">
        <f t="shared" ref="MUT52:MXE52" si="438">MUT47+MUS52</f>
        <v>16629.407999999999</v>
      </c>
      <c r="MUU52" s="7">
        <f t="shared" si="438"/>
        <v>16629.407999999999</v>
      </c>
      <c r="MUV52" s="7">
        <f t="shared" si="438"/>
        <v>16629.407999999999</v>
      </c>
      <c r="MUW52" s="7">
        <f t="shared" si="438"/>
        <v>16629.407999999999</v>
      </c>
      <c r="MUX52" s="7">
        <f t="shared" si="438"/>
        <v>16629.407999999999</v>
      </c>
      <c r="MUY52" s="7">
        <f t="shared" si="438"/>
        <v>16629.407999999999</v>
      </c>
      <c r="MUZ52" s="7">
        <f t="shared" si="438"/>
        <v>16629.407999999999</v>
      </c>
      <c r="MVA52" s="7">
        <f t="shared" si="438"/>
        <v>16629.407999999999</v>
      </c>
      <c r="MVB52" s="7">
        <f t="shared" si="438"/>
        <v>16629.407999999999</v>
      </c>
      <c r="MVC52" s="7">
        <f t="shared" si="438"/>
        <v>16629.407999999999</v>
      </c>
      <c r="MVD52" s="7">
        <f t="shared" si="438"/>
        <v>16629.407999999999</v>
      </c>
      <c r="MVE52" s="7">
        <f t="shared" si="438"/>
        <v>16629.407999999999</v>
      </c>
      <c r="MVF52" s="7">
        <f t="shared" si="438"/>
        <v>16629.407999999999</v>
      </c>
      <c r="MVG52" s="7">
        <f t="shared" si="438"/>
        <v>16629.407999999999</v>
      </c>
      <c r="MVH52" s="7">
        <f t="shared" si="438"/>
        <v>16629.407999999999</v>
      </c>
      <c r="MVI52" s="7">
        <f t="shared" si="438"/>
        <v>16629.407999999999</v>
      </c>
      <c r="MVJ52" s="7">
        <f t="shared" si="438"/>
        <v>16629.407999999999</v>
      </c>
      <c r="MVK52" s="7">
        <f t="shared" si="438"/>
        <v>16629.407999999999</v>
      </c>
      <c r="MVL52" s="7">
        <f t="shared" si="438"/>
        <v>16629.407999999999</v>
      </c>
      <c r="MVM52" s="7">
        <f t="shared" si="438"/>
        <v>16629.407999999999</v>
      </c>
      <c r="MVN52" s="7">
        <f t="shared" si="438"/>
        <v>16629.407999999999</v>
      </c>
      <c r="MVO52" s="7">
        <f t="shared" si="438"/>
        <v>16629.407999999999</v>
      </c>
      <c r="MVP52" s="7">
        <f t="shared" si="438"/>
        <v>16629.407999999999</v>
      </c>
      <c r="MVQ52" s="7">
        <f t="shared" si="438"/>
        <v>16629.407999999999</v>
      </c>
      <c r="MVR52" s="7">
        <f t="shared" si="438"/>
        <v>16629.407999999999</v>
      </c>
      <c r="MVS52" s="7">
        <f t="shared" si="438"/>
        <v>16629.407999999999</v>
      </c>
      <c r="MVT52" s="7">
        <f t="shared" si="438"/>
        <v>16629.407999999999</v>
      </c>
      <c r="MVU52" s="7">
        <f t="shared" si="438"/>
        <v>16629.407999999999</v>
      </c>
      <c r="MVV52" s="7">
        <f t="shared" si="438"/>
        <v>16629.407999999999</v>
      </c>
      <c r="MVW52" s="7">
        <f t="shared" si="438"/>
        <v>16629.407999999999</v>
      </c>
      <c r="MVX52" s="7">
        <f t="shared" si="438"/>
        <v>16629.407999999999</v>
      </c>
      <c r="MVY52" s="7">
        <f t="shared" si="438"/>
        <v>16629.407999999999</v>
      </c>
      <c r="MVZ52" s="7">
        <f t="shared" si="438"/>
        <v>16629.407999999999</v>
      </c>
      <c r="MWA52" s="7">
        <f t="shared" si="438"/>
        <v>16629.407999999999</v>
      </c>
      <c r="MWB52" s="7">
        <f t="shared" si="438"/>
        <v>16629.407999999999</v>
      </c>
      <c r="MWC52" s="7">
        <f t="shared" si="438"/>
        <v>16629.407999999999</v>
      </c>
      <c r="MWD52" s="7">
        <f t="shared" si="438"/>
        <v>16629.407999999999</v>
      </c>
      <c r="MWE52" s="7">
        <f t="shared" si="438"/>
        <v>16629.407999999999</v>
      </c>
      <c r="MWF52" s="7">
        <f t="shared" si="438"/>
        <v>16629.407999999999</v>
      </c>
      <c r="MWG52" s="7">
        <f t="shared" si="438"/>
        <v>16629.407999999999</v>
      </c>
      <c r="MWH52" s="7">
        <f t="shared" si="438"/>
        <v>16629.407999999999</v>
      </c>
      <c r="MWI52" s="7">
        <f t="shared" si="438"/>
        <v>16629.407999999999</v>
      </c>
      <c r="MWJ52" s="7">
        <f t="shared" si="438"/>
        <v>16629.407999999999</v>
      </c>
      <c r="MWK52" s="7">
        <f t="shared" si="438"/>
        <v>16629.407999999999</v>
      </c>
      <c r="MWL52" s="7">
        <f t="shared" si="438"/>
        <v>16629.407999999999</v>
      </c>
      <c r="MWM52" s="7">
        <f t="shared" si="438"/>
        <v>16629.407999999999</v>
      </c>
      <c r="MWN52" s="7">
        <f t="shared" si="438"/>
        <v>16629.407999999999</v>
      </c>
      <c r="MWO52" s="7">
        <f t="shared" si="438"/>
        <v>16629.407999999999</v>
      </c>
      <c r="MWP52" s="7">
        <f t="shared" si="438"/>
        <v>16629.407999999999</v>
      </c>
      <c r="MWQ52" s="7">
        <f t="shared" si="438"/>
        <v>16629.407999999999</v>
      </c>
      <c r="MWR52" s="7">
        <f t="shared" si="438"/>
        <v>16629.407999999999</v>
      </c>
      <c r="MWS52" s="7">
        <f t="shared" si="438"/>
        <v>16629.407999999999</v>
      </c>
      <c r="MWT52" s="7">
        <f t="shared" si="438"/>
        <v>16629.407999999999</v>
      </c>
      <c r="MWU52" s="7">
        <f t="shared" si="438"/>
        <v>16629.407999999999</v>
      </c>
      <c r="MWV52" s="7">
        <f t="shared" si="438"/>
        <v>16629.407999999999</v>
      </c>
      <c r="MWW52" s="7">
        <f t="shared" si="438"/>
        <v>16629.407999999999</v>
      </c>
      <c r="MWX52" s="7">
        <f t="shared" si="438"/>
        <v>16629.407999999999</v>
      </c>
      <c r="MWY52" s="7">
        <f t="shared" si="438"/>
        <v>16629.407999999999</v>
      </c>
      <c r="MWZ52" s="7">
        <f t="shared" si="438"/>
        <v>16629.407999999999</v>
      </c>
      <c r="MXA52" s="7">
        <f t="shared" si="438"/>
        <v>16629.407999999999</v>
      </c>
      <c r="MXB52" s="7">
        <f t="shared" si="438"/>
        <v>16629.407999999999</v>
      </c>
      <c r="MXC52" s="7">
        <f t="shared" si="438"/>
        <v>16629.407999999999</v>
      </c>
      <c r="MXD52" s="7">
        <f t="shared" si="438"/>
        <v>16629.407999999999</v>
      </c>
      <c r="MXE52" s="7">
        <f t="shared" si="438"/>
        <v>16629.407999999999</v>
      </c>
      <c r="MXF52" s="7">
        <f t="shared" ref="MXF52:MZQ52" si="439">MXF47+MXE52</f>
        <v>16629.407999999999</v>
      </c>
      <c r="MXG52" s="7">
        <f t="shared" si="439"/>
        <v>16629.407999999999</v>
      </c>
      <c r="MXH52" s="7">
        <f t="shared" si="439"/>
        <v>16629.407999999999</v>
      </c>
      <c r="MXI52" s="7">
        <f t="shared" si="439"/>
        <v>16629.407999999999</v>
      </c>
      <c r="MXJ52" s="7">
        <f t="shared" si="439"/>
        <v>16629.407999999999</v>
      </c>
      <c r="MXK52" s="7">
        <f t="shared" si="439"/>
        <v>16629.407999999999</v>
      </c>
      <c r="MXL52" s="7">
        <f t="shared" si="439"/>
        <v>16629.407999999999</v>
      </c>
      <c r="MXM52" s="7">
        <f t="shared" si="439"/>
        <v>16629.407999999999</v>
      </c>
      <c r="MXN52" s="7">
        <f t="shared" si="439"/>
        <v>16629.407999999999</v>
      </c>
      <c r="MXO52" s="7">
        <f t="shared" si="439"/>
        <v>16629.407999999999</v>
      </c>
      <c r="MXP52" s="7">
        <f t="shared" si="439"/>
        <v>16629.407999999999</v>
      </c>
      <c r="MXQ52" s="7">
        <f t="shared" si="439"/>
        <v>16629.407999999999</v>
      </c>
      <c r="MXR52" s="7">
        <f t="shared" si="439"/>
        <v>16629.407999999999</v>
      </c>
      <c r="MXS52" s="7">
        <f t="shared" si="439"/>
        <v>16629.407999999999</v>
      </c>
      <c r="MXT52" s="7">
        <f t="shared" si="439"/>
        <v>16629.407999999999</v>
      </c>
      <c r="MXU52" s="7">
        <f t="shared" si="439"/>
        <v>16629.407999999999</v>
      </c>
      <c r="MXV52" s="7">
        <f t="shared" si="439"/>
        <v>16629.407999999999</v>
      </c>
      <c r="MXW52" s="7">
        <f t="shared" si="439"/>
        <v>16629.407999999999</v>
      </c>
      <c r="MXX52" s="7">
        <f t="shared" si="439"/>
        <v>16629.407999999999</v>
      </c>
      <c r="MXY52" s="7">
        <f t="shared" si="439"/>
        <v>16629.407999999999</v>
      </c>
      <c r="MXZ52" s="7">
        <f t="shared" si="439"/>
        <v>16629.407999999999</v>
      </c>
      <c r="MYA52" s="7">
        <f t="shared" si="439"/>
        <v>16629.407999999999</v>
      </c>
      <c r="MYB52" s="7">
        <f t="shared" si="439"/>
        <v>16629.407999999999</v>
      </c>
      <c r="MYC52" s="7">
        <f t="shared" si="439"/>
        <v>16629.407999999999</v>
      </c>
      <c r="MYD52" s="7">
        <f t="shared" si="439"/>
        <v>16629.407999999999</v>
      </c>
      <c r="MYE52" s="7">
        <f t="shared" si="439"/>
        <v>16629.407999999999</v>
      </c>
      <c r="MYF52" s="7">
        <f t="shared" si="439"/>
        <v>16629.407999999999</v>
      </c>
      <c r="MYG52" s="7">
        <f t="shared" si="439"/>
        <v>16629.407999999999</v>
      </c>
      <c r="MYH52" s="7">
        <f t="shared" si="439"/>
        <v>16629.407999999999</v>
      </c>
      <c r="MYI52" s="7">
        <f t="shared" si="439"/>
        <v>16629.407999999999</v>
      </c>
      <c r="MYJ52" s="7">
        <f t="shared" si="439"/>
        <v>16629.407999999999</v>
      </c>
      <c r="MYK52" s="7">
        <f t="shared" si="439"/>
        <v>16629.407999999999</v>
      </c>
      <c r="MYL52" s="7">
        <f t="shared" si="439"/>
        <v>16629.407999999999</v>
      </c>
      <c r="MYM52" s="7">
        <f t="shared" si="439"/>
        <v>16629.407999999999</v>
      </c>
      <c r="MYN52" s="7">
        <f t="shared" si="439"/>
        <v>16629.407999999999</v>
      </c>
      <c r="MYO52" s="7">
        <f t="shared" si="439"/>
        <v>16629.407999999999</v>
      </c>
      <c r="MYP52" s="7">
        <f t="shared" si="439"/>
        <v>16629.407999999999</v>
      </c>
      <c r="MYQ52" s="7">
        <f t="shared" si="439"/>
        <v>16629.407999999999</v>
      </c>
      <c r="MYR52" s="7">
        <f t="shared" si="439"/>
        <v>16629.407999999999</v>
      </c>
      <c r="MYS52" s="7">
        <f t="shared" si="439"/>
        <v>16629.407999999999</v>
      </c>
      <c r="MYT52" s="7">
        <f t="shared" si="439"/>
        <v>16629.407999999999</v>
      </c>
      <c r="MYU52" s="7">
        <f t="shared" si="439"/>
        <v>16629.407999999999</v>
      </c>
      <c r="MYV52" s="7">
        <f t="shared" si="439"/>
        <v>16629.407999999999</v>
      </c>
      <c r="MYW52" s="7">
        <f t="shared" si="439"/>
        <v>16629.407999999999</v>
      </c>
      <c r="MYX52" s="7">
        <f t="shared" si="439"/>
        <v>16629.407999999999</v>
      </c>
      <c r="MYY52" s="7">
        <f t="shared" si="439"/>
        <v>16629.407999999999</v>
      </c>
      <c r="MYZ52" s="7">
        <f t="shared" si="439"/>
        <v>16629.407999999999</v>
      </c>
      <c r="MZA52" s="7">
        <f t="shared" si="439"/>
        <v>16629.407999999999</v>
      </c>
      <c r="MZB52" s="7">
        <f t="shared" si="439"/>
        <v>16629.407999999999</v>
      </c>
      <c r="MZC52" s="7">
        <f t="shared" si="439"/>
        <v>16629.407999999999</v>
      </c>
      <c r="MZD52" s="7">
        <f t="shared" si="439"/>
        <v>16629.407999999999</v>
      </c>
      <c r="MZE52" s="7">
        <f t="shared" si="439"/>
        <v>16629.407999999999</v>
      </c>
      <c r="MZF52" s="7">
        <f t="shared" si="439"/>
        <v>16629.407999999999</v>
      </c>
      <c r="MZG52" s="7">
        <f t="shared" si="439"/>
        <v>16629.407999999999</v>
      </c>
      <c r="MZH52" s="7">
        <f t="shared" si="439"/>
        <v>16629.407999999999</v>
      </c>
      <c r="MZI52" s="7">
        <f t="shared" si="439"/>
        <v>16629.407999999999</v>
      </c>
      <c r="MZJ52" s="7">
        <f t="shared" si="439"/>
        <v>16629.407999999999</v>
      </c>
      <c r="MZK52" s="7">
        <f t="shared" si="439"/>
        <v>16629.407999999999</v>
      </c>
      <c r="MZL52" s="7">
        <f t="shared" si="439"/>
        <v>16629.407999999999</v>
      </c>
      <c r="MZM52" s="7">
        <f t="shared" si="439"/>
        <v>16629.407999999999</v>
      </c>
      <c r="MZN52" s="7">
        <f t="shared" si="439"/>
        <v>16629.407999999999</v>
      </c>
      <c r="MZO52" s="7">
        <f t="shared" si="439"/>
        <v>16629.407999999999</v>
      </c>
      <c r="MZP52" s="7">
        <f t="shared" si="439"/>
        <v>16629.407999999999</v>
      </c>
      <c r="MZQ52" s="7">
        <f t="shared" si="439"/>
        <v>16629.407999999999</v>
      </c>
      <c r="MZR52" s="7">
        <f t="shared" ref="MZR52:NCC52" si="440">MZR47+MZQ52</f>
        <v>16629.407999999999</v>
      </c>
      <c r="MZS52" s="7">
        <f t="shared" si="440"/>
        <v>16629.407999999999</v>
      </c>
      <c r="MZT52" s="7">
        <f t="shared" si="440"/>
        <v>16629.407999999999</v>
      </c>
      <c r="MZU52" s="7">
        <f t="shared" si="440"/>
        <v>16629.407999999999</v>
      </c>
      <c r="MZV52" s="7">
        <f t="shared" si="440"/>
        <v>16629.407999999999</v>
      </c>
      <c r="MZW52" s="7">
        <f t="shared" si="440"/>
        <v>16629.407999999999</v>
      </c>
      <c r="MZX52" s="7">
        <f t="shared" si="440"/>
        <v>16629.407999999999</v>
      </c>
      <c r="MZY52" s="7">
        <f t="shared" si="440"/>
        <v>16629.407999999999</v>
      </c>
      <c r="MZZ52" s="7">
        <f t="shared" si="440"/>
        <v>16629.407999999999</v>
      </c>
      <c r="NAA52" s="7">
        <f t="shared" si="440"/>
        <v>16629.407999999999</v>
      </c>
      <c r="NAB52" s="7">
        <f t="shared" si="440"/>
        <v>16629.407999999999</v>
      </c>
      <c r="NAC52" s="7">
        <f t="shared" si="440"/>
        <v>16629.407999999999</v>
      </c>
      <c r="NAD52" s="7">
        <f t="shared" si="440"/>
        <v>16629.407999999999</v>
      </c>
      <c r="NAE52" s="7">
        <f t="shared" si="440"/>
        <v>16629.407999999999</v>
      </c>
      <c r="NAF52" s="7">
        <f t="shared" si="440"/>
        <v>16629.407999999999</v>
      </c>
      <c r="NAG52" s="7">
        <f t="shared" si="440"/>
        <v>16629.407999999999</v>
      </c>
      <c r="NAH52" s="7">
        <f t="shared" si="440"/>
        <v>16629.407999999999</v>
      </c>
      <c r="NAI52" s="7">
        <f t="shared" si="440"/>
        <v>16629.407999999999</v>
      </c>
      <c r="NAJ52" s="7">
        <f t="shared" si="440"/>
        <v>16629.407999999999</v>
      </c>
      <c r="NAK52" s="7">
        <f t="shared" si="440"/>
        <v>16629.407999999999</v>
      </c>
      <c r="NAL52" s="7">
        <f t="shared" si="440"/>
        <v>16629.407999999999</v>
      </c>
      <c r="NAM52" s="7">
        <f t="shared" si="440"/>
        <v>16629.407999999999</v>
      </c>
      <c r="NAN52" s="7">
        <f t="shared" si="440"/>
        <v>16629.407999999999</v>
      </c>
      <c r="NAO52" s="7">
        <f t="shared" si="440"/>
        <v>16629.407999999999</v>
      </c>
      <c r="NAP52" s="7">
        <f t="shared" si="440"/>
        <v>16629.407999999999</v>
      </c>
      <c r="NAQ52" s="7">
        <f t="shared" si="440"/>
        <v>16629.407999999999</v>
      </c>
      <c r="NAR52" s="7">
        <f t="shared" si="440"/>
        <v>16629.407999999999</v>
      </c>
      <c r="NAS52" s="7">
        <f t="shared" si="440"/>
        <v>16629.407999999999</v>
      </c>
      <c r="NAT52" s="7">
        <f t="shared" si="440"/>
        <v>16629.407999999999</v>
      </c>
      <c r="NAU52" s="7">
        <f t="shared" si="440"/>
        <v>16629.407999999999</v>
      </c>
      <c r="NAV52" s="7">
        <f t="shared" si="440"/>
        <v>16629.407999999999</v>
      </c>
      <c r="NAW52" s="7">
        <f t="shared" si="440"/>
        <v>16629.407999999999</v>
      </c>
      <c r="NAX52" s="7">
        <f t="shared" si="440"/>
        <v>16629.407999999999</v>
      </c>
      <c r="NAY52" s="7">
        <f t="shared" si="440"/>
        <v>16629.407999999999</v>
      </c>
      <c r="NAZ52" s="7">
        <f t="shared" si="440"/>
        <v>16629.407999999999</v>
      </c>
      <c r="NBA52" s="7">
        <f t="shared" si="440"/>
        <v>16629.407999999999</v>
      </c>
      <c r="NBB52" s="7">
        <f t="shared" si="440"/>
        <v>16629.407999999999</v>
      </c>
      <c r="NBC52" s="7">
        <f t="shared" si="440"/>
        <v>16629.407999999999</v>
      </c>
      <c r="NBD52" s="7">
        <f t="shared" si="440"/>
        <v>16629.407999999999</v>
      </c>
      <c r="NBE52" s="7">
        <f t="shared" si="440"/>
        <v>16629.407999999999</v>
      </c>
      <c r="NBF52" s="7">
        <f t="shared" si="440"/>
        <v>16629.407999999999</v>
      </c>
      <c r="NBG52" s="7">
        <f t="shared" si="440"/>
        <v>16629.407999999999</v>
      </c>
      <c r="NBH52" s="7">
        <f t="shared" si="440"/>
        <v>16629.407999999999</v>
      </c>
      <c r="NBI52" s="7">
        <f t="shared" si="440"/>
        <v>16629.407999999999</v>
      </c>
      <c r="NBJ52" s="7">
        <f t="shared" si="440"/>
        <v>16629.407999999999</v>
      </c>
      <c r="NBK52" s="7">
        <f t="shared" si="440"/>
        <v>16629.407999999999</v>
      </c>
      <c r="NBL52" s="7">
        <f t="shared" si="440"/>
        <v>16629.407999999999</v>
      </c>
      <c r="NBM52" s="7">
        <f t="shared" si="440"/>
        <v>16629.407999999999</v>
      </c>
      <c r="NBN52" s="7">
        <f t="shared" si="440"/>
        <v>16629.407999999999</v>
      </c>
      <c r="NBO52" s="7">
        <f t="shared" si="440"/>
        <v>16629.407999999999</v>
      </c>
      <c r="NBP52" s="7">
        <f t="shared" si="440"/>
        <v>16629.407999999999</v>
      </c>
      <c r="NBQ52" s="7">
        <f t="shared" si="440"/>
        <v>16629.407999999999</v>
      </c>
      <c r="NBR52" s="7">
        <f t="shared" si="440"/>
        <v>16629.407999999999</v>
      </c>
      <c r="NBS52" s="7">
        <f t="shared" si="440"/>
        <v>16629.407999999999</v>
      </c>
      <c r="NBT52" s="7">
        <f t="shared" si="440"/>
        <v>16629.407999999999</v>
      </c>
      <c r="NBU52" s="7">
        <f t="shared" si="440"/>
        <v>16629.407999999999</v>
      </c>
      <c r="NBV52" s="7">
        <f t="shared" si="440"/>
        <v>16629.407999999999</v>
      </c>
      <c r="NBW52" s="7">
        <f t="shared" si="440"/>
        <v>16629.407999999999</v>
      </c>
      <c r="NBX52" s="7">
        <f t="shared" si="440"/>
        <v>16629.407999999999</v>
      </c>
      <c r="NBY52" s="7">
        <f t="shared" si="440"/>
        <v>16629.407999999999</v>
      </c>
      <c r="NBZ52" s="7">
        <f t="shared" si="440"/>
        <v>16629.407999999999</v>
      </c>
      <c r="NCA52" s="7">
        <f t="shared" si="440"/>
        <v>16629.407999999999</v>
      </c>
      <c r="NCB52" s="7">
        <f t="shared" si="440"/>
        <v>16629.407999999999</v>
      </c>
      <c r="NCC52" s="7">
        <f t="shared" si="440"/>
        <v>16629.407999999999</v>
      </c>
      <c r="NCD52" s="7">
        <f t="shared" ref="NCD52:NEO52" si="441">NCD47+NCC52</f>
        <v>16629.407999999999</v>
      </c>
      <c r="NCE52" s="7">
        <f t="shared" si="441"/>
        <v>16629.407999999999</v>
      </c>
      <c r="NCF52" s="7">
        <f t="shared" si="441"/>
        <v>16629.407999999999</v>
      </c>
      <c r="NCG52" s="7">
        <f t="shared" si="441"/>
        <v>16629.407999999999</v>
      </c>
      <c r="NCH52" s="7">
        <f t="shared" si="441"/>
        <v>16629.407999999999</v>
      </c>
      <c r="NCI52" s="7">
        <f t="shared" si="441"/>
        <v>16629.407999999999</v>
      </c>
      <c r="NCJ52" s="7">
        <f t="shared" si="441"/>
        <v>16629.407999999999</v>
      </c>
      <c r="NCK52" s="7">
        <f t="shared" si="441"/>
        <v>16629.407999999999</v>
      </c>
      <c r="NCL52" s="7">
        <f t="shared" si="441"/>
        <v>16629.407999999999</v>
      </c>
      <c r="NCM52" s="7">
        <f t="shared" si="441"/>
        <v>16629.407999999999</v>
      </c>
      <c r="NCN52" s="7">
        <f t="shared" si="441"/>
        <v>16629.407999999999</v>
      </c>
      <c r="NCO52" s="7">
        <f t="shared" si="441"/>
        <v>16629.407999999999</v>
      </c>
      <c r="NCP52" s="7">
        <f t="shared" si="441"/>
        <v>16629.407999999999</v>
      </c>
      <c r="NCQ52" s="7">
        <f t="shared" si="441"/>
        <v>16629.407999999999</v>
      </c>
      <c r="NCR52" s="7">
        <f t="shared" si="441"/>
        <v>16629.407999999999</v>
      </c>
      <c r="NCS52" s="7">
        <f t="shared" si="441"/>
        <v>16629.407999999999</v>
      </c>
      <c r="NCT52" s="7">
        <f t="shared" si="441"/>
        <v>16629.407999999999</v>
      </c>
      <c r="NCU52" s="7">
        <f t="shared" si="441"/>
        <v>16629.407999999999</v>
      </c>
      <c r="NCV52" s="7">
        <f t="shared" si="441"/>
        <v>16629.407999999999</v>
      </c>
      <c r="NCW52" s="7">
        <f t="shared" si="441"/>
        <v>16629.407999999999</v>
      </c>
      <c r="NCX52" s="7">
        <f t="shared" si="441"/>
        <v>16629.407999999999</v>
      </c>
      <c r="NCY52" s="7">
        <f t="shared" si="441"/>
        <v>16629.407999999999</v>
      </c>
      <c r="NCZ52" s="7">
        <f t="shared" si="441"/>
        <v>16629.407999999999</v>
      </c>
      <c r="NDA52" s="7">
        <f t="shared" si="441"/>
        <v>16629.407999999999</v>
      </c>
      <c r="NDB52" s="7">
        <f t="shared" si="441"/>
        <v>16629.407999999999</v>
      </c>
      <c r="NDC52" s="7">
        <f t="shared" si="441"/>
        <v>16629.407999999999</v>
      </c>
      <c r="NDD52" s="7">
        <f t="shared" si="441"/>
        <v>16629.407999999999</v>
      </c>
      <c r="NDE52" s="7">
        <f t="shared" si="441"/>
        <v>16629.407999999999</v>
      </c>
      <c r="NDF52" s="7">
        <f t="shared" si="441"/>
        <v>16629.407999999999</v>
      </c>
      <c r="NDG52" s="7">
        <f t="shared" si="441"/>
        <v>16629.407999999999</v>
      </c>
      <c r="NDH52" s="7">
        <f t="shared" si="441"/>
        <v>16629.407999999999</v>
      </c>
      <c r="NDI52" s="7">
        <f t="shared" si="441"/>
        <v>16629.407999999999</v>
      </c>
      <c r="NDJ52" s="7">
        <f t="shared" si="441"/>
        <v>16629.407999999999</v>
      </c>
      <c r="NDK52" s="7">
        <f t="shared" si="441"/>
        <v>16629.407999999999</v>
      </c>
      <c r="NDL52" s="7">
        <f t="shared" si="441"/>
        <v>16629.407999999999</v>
      </c>
      <c r="NDM52" s="7">
        <f t="shared" si="441"/>
        <v>16629.407999999999</v>
      </c>
      <c r="NDN52" s="7">
        <f t="shared" si="441"/>
        <v>16629.407999999999</v>
      </c>
      <c r="NDO52" s="7">
        <f t="shared" si="441"/>
        <v>16629.407999999999</v>
      </c>
      <c r="NDP52" s="7">
        <f t="shared" si="441"/>
        <v>16629.407999999999</v>
      </c>
      <c r="NDQ52" s="7">
        <f t="shared" si="441"/>
        <v>16629.407999999999</v>
      </c>
      <c r="NDR52" s="7">
        <f t="shared" si="441"/>
        <v>16629.407999999999</v>
      </c>
      <c r="NDS52" s="7">
        <f t="shared" si="441"/>
        <v>16629.407999999999</v>
      </c>
      <c r="NDT52" s="7">
        <f t="shared" si="441"/>
        <v>16629.407999999999</v>
      </c>
      <c r="NDU52" s="7">
        <f t="shared" si="441"/>
        <v>16629.407999999999</v>
      </c>
      <c r="NDV52" s="7">
        <f t="shared" si="441"/>
        <v>16629.407999999999</v>
      </c>
      <c r="NDW52" s="7">
        <f t="shared" si="441"/>
        <v>16629.407999999999</v>
      </c>
      <c r="NDX52" s="7">
        <f t="shared" si="441"/>
        <v>16629.407999999999</v>
      </c>
      <c r="NDY52" s="7">
        <f t="shared" si="441"/>
        <v>16629.407999999999</v>
      </c>
      <c r="NDZ52" s="7">
        <f t="shared" si="441"/>
        <v>16629.407999999999</v>
      </c>
      <c r="NEA52" s="7">
        <f t="shared" si="441"/>
        <v>16629.407999999999</v>
      </c>
      <c r="NEB52" s="7">
        <f t="shared" si="441"/>
        <v>16629.407999999999</v>
      </c>
      <c r="NEC52" s="7">
        <f t="shared" si="441"/>
        <v>16629.407999999999</v>
      </c>
      <c r="NED52" s="7">
        <f t="shared" si="441"/>
        <v>16629.407999999999</v>
      </c>
      <c r="NEE52" s="7">
        <f t="shared" si="441"/>
        <v>16629.407999999999</v>
      </c>
      <c r="NEF52" s="7">
        <f t="shared" si="441"/>
        <v>16629.407999999999</v>
      </c>
      <c r="NEG52" s="7">
        <f t="shared" si="441"/>
        <v>16629.407999999999</v>
      </c>
      <c r="NEH52" s="7">
        <f t="shared" si="441"/>
        <v>16629.407999999999</v>
      </c>
      <c r="NEI52" s="7">
        <f t="shared" si="441"/>
        <v>16629.407999999999</v>
      </c>
      <c r="NEJ52" s="7">
        <f t="shared" si="441"/>
        <v>16629.407999999999</v>
      </c>
      <c r="NEK52" s="7">
        <f t="shared" si="441"/>
        <v>16629.407999999999</v>
      </c>
      <c r="NEL52" s="7">
        <f t="shared" si="441"/>
        <v>16629.407999999999</v>
      </c>
      <c r="NEM52" s="7">
        <f t="shared" si="441"/>
        <v>16629.407999999999</v>
      </c>
      <c r="NEN52" s="7">
        <f t="shared" si="441"/>
        <v>16629.407999999999</v>
      </c>
      <c r="NEO52" s="7">
        <f t="shared" si="441"/>
        <v>16629.407999999999</v>
      </c>
      <c r="NEP52" s="7">
        <f t="shared" ref="NEP52:NHA52" si="442">NEP47+NEO52</f>
        <v>16629.407999999999</v>
      </c>
      <c r="NEQ52" s="7">
        <f t="shared" si="442"/>
        <v>16629.407999999999</v>
      </c>
      <c r="NER52" s="7">
        <f t="shared" si="442"/>
        <v>16629.407999999999</v>
      </c>
      <c r="NES52" s="7">
        <f t="shared" si="442"/>
        <v>16629.407999999999</v>
      </c>
      <c r="NET52" s="7">
        <f t="shared" si="442"/>
        <v>16629.407999999999</v>
      </c>
      <c r="NEU52" s="7">
        <f t="shared" si="442"/>
        <v>16629.407999999999</v>
      </c>
      <c r="NEV52" s="7">
        <f t="shared" si="442"/>
        <v>16629.407999999999</v>
      </c>
      <c r="NEW52" s="7">
        <f t="shared" si="442"/>
        <v>16629.407999999999</v>
      </c>
      <c r="NEX52" s="7">
        <f t="shared" si="442"/>
        <v>16629.407999999999</v>
      </c>
      <c r="NEY52" s="7">
        <f t="shared" si="442"/>
        <v>16629.407999999999</v>
      </c>
      <c r="NEZ52" s="7">
        <f t="shared" si="442"/>
        <v>16629.407999999999</v>
      </c>
      <c r="NFA52" s="7">
        <f t="shared" si="442"/>
        <v>16629.407999999999</v>
      </c>
      <c r="NFB52" s="7">
        <f t="shared" si="442"/>
        <v>16629.407999999999</v>
      </c>
      <c r="NFC52" s="7">
        <f t="shared" si="442"/>
        <v>16629.407999999999</v>
      </c>
      <c r="NFD52" s="7">
        <f t="shared" si="442"/>
        <v>16629.407999999999</v>
      </c>
      <c r="NFE52" s="7">
        <f t="shared" si="442"/>
        <v>16629.407999999999</v>
      </c>
      <c r="NFF52" s="7">
        <f t="shared" si="442"/>
        <v>16629.407999999999</v>
      </c>
      <c r="NFG52" s="7">
        <f t="shared" si="442"/>
        <v>16629.407999999999</v>
      </c>
      <c r="NFH52" s="7">
        <f t="shared" si="442"/>
        <v>16629.407999999999</v>
      </c>
      <c r="NFI52" s="7">
        <f t="shared" si="442"/>
        <v>16629.407999999999</v>
      </c>
      <c r="NFJ52" s="7">
        <f t="shared" si="442"/>
        <v>16629.407999999999</v>
      </c>
      <c r="NFK52" s="7">
        <f t="shared" si="442"/>
        <v>16629.407999999999</v>
      </c>
      <c r="NFL52" s="7">
        <f t="shared" si="442"/>
        <v>16629.407999999999</v>
      </c>
      <c r="NFM52" s="7">
        <f t="shared" si="442"/>
        <v>16629.407999999999</v>
      </c>
      <c r="NFN52" s="7">
        <f t="shared" si="442"/>
        <v>16629.407999999999</v>
      </c>
      <c r="NFO52" s="7">
        <f t="shared" si="442"/>
        <v>16629.407999999999</v>
      </c>
      <c r="NFP52" s="7">
        <f t="shared" si="442"/>
        <v>16629.407999999999</v>
      </c>
      <c r="NFQ52" s="7">
        <f t="shared" si="442"/>
        <v>16629.407999999999</v>
      </c>
      <c r="NFR52" s="7">
        <f t="shared" si="442"/>
        <v>16629.407999999999</v>
      </c>
      <c r="NFS52" s="7">
        <f t="shared" si="442"/>
        <v>16629.407999999999</v>
      </c>
      <c r="NFT52" s="7">
        <f t="shared" si="442"/>
        <v>16629.407999999999</v>
      </c>
      <c r="NFU52" s="7">
        <f t="shared" si="442"/>
        <v>16629.407999999999</v>
      </c>
      <c r="NFV52" s="7">
        <f t="shared" si="442"/>
        <v>16629.407999999999</v>
      </c>
      <c r="NFW52" s="7">
        <f t="shared" si="442"/>
        <v>16629.407999999999</v>
      </c>
      <c r="NFX52" s="7">
        <f t="shared" si="442"/>
        <v>16629.407999999999</v>
      </c>
      <c r="NFY52" s="7">
        <f t="shared" si="442"/>
        <v>16629.407999999999</v>
      </c>
      <c r="NFZ52" s="7">
        <f t="shared" si="442"/>
        <v>16629.407999999999</v>
      </c>
      <c r="NGA52" s="7">
        <f t="shared" si="442"/>
        <v>16629.407999999999</v>
      </c>
      <c r="NGB52" s="7">
        <f t="shared" si="442"/>
        <v>16629.407999999999</v>
      </c>
      <c r="NGC52" s="7">
        <f t="shared" si="442"/>
        <v>16629.407999999999</v>
      </c>
      <c r="NGD52" s="7">
        <f t="shared" si="442"/>
        <v>16629.407999999999</v>
      </c>
      <c r="NGE52" s="7">
        <f t="shared" si="442"/>
        <v>16629.407999999999</v>
      </c>
      <c r="NGF52" s="7">
        <f t="shared" si="442"/>
        <v>16629.407999999999</v>
      </c>
      <c r="NGG52" s="7">
        <f t="shared" si="442"/>
        <v>16629.407999999999</v>
      </c>
      <c r="NGH52" s="7">
        <f t="shared" si="442"/>
        <v>16629.407999999999</v>
      </c>
      <c r="NGI52" s="7">
        <f t="shared" si="442"/>
        <v>16629.407999999999</v>
      </c>
      <c r="NGJ52" s="7">
        <f t="shared" si="442"/>
        <v>16629.407999999999</v>
      </c>
      <c r="NGK52" s="7">
        <f t="shared" si="442"/>
        <v>16629.407999999999</v>
      </c>
      <c r="NGL52" s="7">
        <f t="shared" si="442"/>
        <v>16629.407999999999</v>
      </c>
      <c r="NGM52" s="7">
        <f t="shared" si="442"/>
        <v>16629.407999999999</v>
      </c>
      <c r="NGN52" s="7">
        <f t="shared" si="442"/>
        <v>16629.407999999999</v>
      </c>
      <c r="NGO52" s="7">
        <f t="shared" si="442"/>
        <v>16629.407999999999</v>
      </c>
      <c r="NGP52" s="7">
        <f t="shared" si="442"/>
        <v>16629.407999999999</v>
      </c>
      <c r="NGQ52" s="7">
        <f t="shared" si="442"/>
        <v>16629.407999999999</v>
      </c>
      <c r="NGR52" s="7">
        <f t="shared" si="442"/>
        <v>16629.407999999999</v>
      </c>
      <c r="NGS52" s="7">
        <f t="shared" si="442"/>
        <v>16629.407999999999</v>
      </c>
      <c r="NGT52" s="7">
        <f t="shared" si="442"/>
        <v>16629.407999999999</v>
      </c>
      <c r="NGU52" s="7">
        <f t="shared" si="442"/>
        <v>16629.407999999999</v>
      </c>
      <c r="NGV52" s="7">
        <f t="shared" si="442"/>
        <v>16629.407999999999</v>
      </c>
      <c r="NGW52" s="7">
        <f t="shared" si="442"/>
        <v>16629.407999999999</v>
      </c>
      <c r="NGX52" s="7">
        <f t="shared" si="442"/>
        <v>16629.407999999999</v>
      </c>
      <c r="NGY52" s="7">
        <f t="shared" si="442"/>
        <v>16629.407999999999</v>
      </c>
      <c r="NGZ52" s="7">
        <f t="shared" si="442"/>
        <v>16629.407999999999</v>
      </c>
      <c r="NHA52" s="7">
        <f t="shared" si="442"/>
        <v>16629.407999999999</v>
      </c>
      <c r="NHB52" s="7">
        <f t="shared" ref="NHB52:NJM52" si="443">NHB47+NHA52</f>
        <v>16629.407999999999</v>
      </c>
      <c r="NHC52" s="7">
        <f t="shared" si="443"/>
        <v>16629.407999999999</v>
      </c>
      <c r="NHD52" s="7">
        <f t="shared" si="443"/>
        <v>16629.407999999999</v>
      </c>
      <c r="NHE52" s="7">
        <f t="shared" si="443"/>
        <v>16629.407999999999</v>
      </c>
      <c r="NHF52" s="7">
        <f t="shared" si="443"/>
        <v>16629.407999999999</v>
      </c>
      <c r="NHG52" s="7">
        <f t="shared" si="443"/>
        <v>16629.407999999999</v>
      </c>
      <c r="NHH52" s="7">
        <f t="shared" si="443"/>
        <v>16629.407999999999</v>
      </c>
      <c r="NHI52" s="7">
        <f t="shared" si="443"/>
        <v>16629.407999999999</v>
      </c>
      <c r="NHJ52" s="7">
        <f t="shared" si="443"/>
        <v>16629.407999999999</v>
      </c>
      <c r="NHK52" s="7">
        <f t="shared" si="443"/>
        <v>16629.407999999999</v>
      </c>
      <c r="NHL52" s="7">
        <f t="shared" si="443"/>
        <v>16629.407999999999</v>
      </c>
      <c r="NHM52" s="7">
        <f t="shared" si="443"/>
        <v>16629.407999999999</v>
      </c>
      <c r="NHN52" s="7">
        <f t="shared" si="443"/>
        <v>16629.407999999999</v>
      </c>
      <c r="NHO52" s="7">
        <f t="shared" si="443"/>
        <v>16629.407999999999</v>
      </c>
      <c r="NHP52" s="7">
        <f t="shared" si="443"/>
        <v>16629.407999999999</v>
      </c>
      <c r="NHQ52" s="7">
        <f t="shared" si="443"/>
        <v>16629.407999999999</v>
      </c>
      <c r="NHR52" s="7">
        <f t="shared" si="443"/>
        <v>16629.407999999999</v>
      </c>
      <c r="NHS52" s="7">
        <f t="shared" si="443"/>
        <v>16629.407999999999</v>
      </c>
      <c r="NHT52" s="7">
        <f t="shared" si="443"/>
        <v>16629.407999999999</v>
      </c>
      <c r="NHU52" s="7">
        <f t="shared" si="443"/>
        <v>16629.407999999999</v>
      </c>
      <c r="NHV52" s="7">
        <f t="shared" si="443"/>
        <v>16629.407999999999</v>
      </c>
      <c r="NHW52" s="7">
        <f t="shared" si="443"/>
        <v>16629.407999999999</v>
      </c>
      <c r="NHX52" s="7">
        <f t="shared" si="443"/>
        <v>16629.407999999999</v>
      </c>
      <c r="NHY52" s="7">
        <f t="shared" si="443"/>
        <v>16629.407999999999</v>
      </c>
      <c r="NHZ52" s="7">
        <f t="shared" si="443"/>
        <v>16629.407999999999</v>
      </c>
      <c r="NIA52" s="7">
        <f t="shared" si="443"/>
        <v>16629.407999999999</v>
      </c>
      <c r="NIB52" s="7">
        <f t="shared" si="443"/>
        <v>16629.407999999999</v>
      </c>
      <c r="NIC52" s="7">
        <f t="shared" si="443"/>
        <v>16629.407999999999</v>
      </c>
      <c r="NID52" s="7">
        <f t="shared" si="443"/>
        <v>16629.407999999999</v>
      </c>
      <c r="NIE52" s="7">
        <f t="shared" si="443"/>
        <v>16629.407999999999</v>
      </c>
      <c r="NIF52" s="7">
        <f t="shared" si="443"/>
        <v>16629.407999999999</v>
      </c>
      <c r="NIG52" s="7">
        <f t="shared" si="443"/>
        <v>16629.407999999999</v>
      </c>
      <c r="NIH52" s="7">
        <f t="shared" si="443"/>
        <v>16629.407999999999</v>
      </c>
      <c r="NII52" s="7">
        <f t="shared" si="443"/>
        <v>16629.407999999999</v>
      </c>
      <c r="NIJ52" s="7">
        <f t="shared" si="443"/>
        <v>16629.407999999999</v>
      </c>
      <c r="NIK52" s="7">
        <f t="shared" si="443"/>
        <v>16629.407999999999</v>
      </c>
      <c r="NIL52" s="7">
        <f t="shared" si="443"/>
        <v>16629.407999999999</v>
      </c>
      <c r="NIM52" s="7">
        <f t="shared" si="443"/>
        <v>16629.407999999999</v>
      </c>
      <c r="NIN52" s="7">
        <f t="shared" si="443"/>
        <v>16629.407999999999</v>
      </c>
      <c r="NIO52" s="7">
        <f t="shared" si="443"/>
        <v>16629.407999999999</v>
      </c>
      <c r="NIP52" s="7">
        <f t="shared" si="443"/>
        <v>16629.407999999999</v>
      </c>
      <c r="NIQ52" s="7">
        <f t="shared" si="443"/>
        <v>16629.407999999999</v>
      </c>
      <c r="NIR52" s="7">
        <f t="shared" si="443"/>
        <v>16629.407999999999</v>
      </c>
      <c r="NIS52" s="7">
        <f t="shared" si="443"/>
        <v>16629.407999999999</v>
      </c>
      <c r="NIT52" s="7">
        <f t="shared" si="443"/>
        <v>16629.407999999999</v>
      </c>
      <c r="NIU52" s="7">
        <f t="shared" si="443"/>
        <v>16629.407999999999</v>
      </c>
      <c r="NIV52" s="7">
        <f t="shared" si="443"/>
        <v>16629.407999999999</v>
      </c>
      <c r="NIW52" s="7">
        <f t="shared" si="443"/>
        <v>16629.407999999999</v>
      </c>
      <c r="NIX52" s="7">
        <f t="shared" si="443"/>
        <v>16629.407999999999</v>
      </c>
      <c r="NIY52" s="7">
        <f t="shared" si="443"/>
        <v>16629.407999999999</v>
      </c>
      <c r="NIZ52" s="7">
        <f t="shared" si="443"/>
        <v>16629.407999999999</v>
      </c>
      <c r="NJA52" s="7">
        <f t="shared" si="443"/>
        <v>16629.407999999999</v>
      </c>
      <c r="NJB52" s="7">
        <f t="shared" si="443"/>
        <v>16629.407999999999</v>
      </c>
      <c r="NJC52" s="7">
        <f t="shared" si="443"/>
        <v>16629.407999999999</v>
      </c>
      <c r="NJD52" s="7">
        <f t="shared" si="443"/>
        <v>16629.407999999999</v>
      </c>
      <c r="NJE52" s="7">
        <f t="shared" si="443"/>
        <v>16629.407999999999</v>
      </c>
      <c r="NJF52" s="7">
        <f t="shared" si="443"/>
        <v>16629.407999999999</v>
      </c>
      <c r="NJG52" s="7">
        <f t="shared" si="443"/>
        <v>16629.407999999999</v>
      </c>
      <c r="NJH52" s="7">
        <f t="shared" si="443"/>
        <v>16629.407999999999</v>
      </c>
      <c r="NJI52" s="7">
        <f t="shared" si="443"/>
        <v>16629.407999999999</v>
      </c>
      <c r="NJJ52" s="7">
        <f t="shared" si="443"/>
        <v>16629.407999999999</v>
      </c>
      <c r="NJK52" s="7">
        <f t="shared" si="443"/>
        <v>16629.407999999999</v>
      </c>
      <c r="NJL52" s="7">
        <f t="shared" si="443"/>
        <v>16629.407999999999</v>
      </c>
      <c r="NJM52" s="7">
        <f t="shared" si="443"/>
        <v>16629.407999999999</v>
      </c>
      <c r="NJN52" s="7">
        <f t="shared" ref="NJN52:NLY52" si="444">NJN47+NJM52</f>
        <v>16629.407999999999</v>
      </c>
      <c r="NJO52" s="7">
        <f t="shared" si="444"/>
        <v>16629.407999999999</v>
      </c>
      <c r="NJP52" s="7">
        <f t="shared" si="444"/>
        <v>16629.407999999999</v>
      </c>
      <c r="NJQ52" s="7">
        <f t="shared" si="444"/>
        <v>16629.407999999999</v>
      </c>
      <c r="NJR52" s="7">
        <f t="shared" si="444"/>
        <v>16629.407999999999</v>
      </c>
      <c r="NJS52" s="7">
        <f t="shared" si="444"/>
        <v>16629.407999999999</v>
      </c>
      <c r="NJT52" s="7">
        <f t="shared" si="444"/>
        <v>16629.407999999999</v>
      </c>
      <c r="NJU52" s="7">
        <f t="shared" si="444"/>
        <v>16629.407999999999</v>
      </c>
      <c r="NJV52" s="7">
        <f t="shared" si="444"/>
        <v>16629.407999999999</v>
      </c>
      <c r="NJW52" s="7">
        <f t="shared" si="444"/>
        <v>16629.407999999999</v>
      </c>
      <c r="NJX52" s="7">
        <f t="shared" si="444"/>
        <v>16629.407999999999</v>
      </c>
      <c r="NJY52" s="7">
        <f t="shared" si="444"/>
        <v>16629.407999999999</v>
      </c>
      <c r="NJZ52" s="7">
        <f t="shared" si="444"/>
        <v>16629.407999999999</v>
      </c>
      <c r="NKA52" s="7">
        <f t="shared" si="444"/>
        <v>16629.407999999999</v>
      </c>
      <c r="NKB52" s="7">
        <f t="shared" si="444"/>
        <v>16629.407999999999</v>
      </c>
      <c r="NKC52" s="7">
        <f t="shared" si="444"/>
        <v>16629.407999999999</v>
      </c>
      <c r="NKD52" s="7">
        <f t="shared" si="444"/>
        <v>16629.407999999999</v>
      </c>
      <c r="NKE52" s="7">
        <f t="shared" si="444"/>
        <v>16629.407999999999</v>
      </c>
      <c r="NKF52" s="7">
        <f t="shared" si="444"/>
        <v>16629.407999999999</v>
      </c>
      <c r="NKG52" s="7">
        <f t="shared" si="444"/>
        <v>16629.407999999999</v>
      </c>
      <c r="NKH52" s="7">
        <f t="shared" si="444"/>
        <v>16629.407999999999</v>
      </c>
      <c r="NKI52" s="7">
        <f t="shared" si="444"/>
        <v>16629.407999999999</v>
      </c>
      <c r="NKJ52" s="7">
        <f t="shared" si="444"/>
        <v>16629.407999999999</v>
      </c>
      <c r="NKK52" s="7">
        <f t="shared" si="444"/>
        <v>16629.407999999999</v>
      </c>
      <c r="NKL52" s="7">
        <f t="shared" si="444"/>
        <v>16629.407999999999</v>
      </c>
      <c r="NKM52" s="7">
        <f t="shared" si="444"/>
        <v>16629.407999999999</v>
      </c>
      <c r="NKN52" s="7">
        <f t="shared" si="444"/>
        <v>16629.407999999999</v>
      </c>
      <c r="NKO52" s="7">
        <f t="shared" si="444"/>
        <v>16629.407999999999</v>
      </c>
      <c r="NKP52" s="7">
        <f t="shared" si="444"/>
        <v>16629.407999999999</v>
      </c>
      <c r="NKQ52" s="7">
        <f t="shared" si="444"/>
        <v>16629.407999999999</v>
      </c>
      <c r="NKR52" s="7">
        <f t="shared" si="444"/>
        <v>16629.407999999999</v>
      </c>
      <c r="NKS52" s="7">
        <f t="shared" si="444"/>
        <v>16629.407999999999</v>
      </c>
      <c r="NKT52" s="7">
        <f t="shared" si="444"/>
        <v>16629.407999999999</v>
      </c>
      <c r="NKU52" s="7">
        <f t="shared" si="444"/>
        <v>16629.407999999999</v>
      </c>
      <c r="NKV52" s="7">
        <f t="shared" si="444"/>
        <v>16629.407999999999</v>
      </c>
      <c r="NKW52" s="7">
        <f t="shared" si="444"/>
        <v>16629.407999999999</v>
      </c>
      <c r="NKX52" s="7">
        <f t="shared" si="444"/>
        <v>16629.407999999999</v>
      </c>
      <c r="NKY52" s="7">
        <f t="shared" si="444"/>
        <v>16629.407999999999</v>
      </c>
      <c r="NKZ52" s="7">
        <f t="shared" si="444"/>
        <v>16629.407999999999</v>
      </c>
      <c r="NLA52" s="7">
        <f t="shared" si="444"/>
        <v>16629.407999999999</v>
      </c>
      <c r="NLB52" s="7">
        <f t="shared" si="444"/>
        <v>16629.407999999999</v>
      </c>
      <c r="NLC52" s="7">
        <f t="shared" si="444"/>
        <v>16629.407999999999</v>
      </c>
      <c r="NLD52" s="7">
        <f t="shared" si="444"/>
        <v>16629.407999999999</v>
      </c>
      <c r="NLE52" s="7">
        <f t="shared" si="444"/>
        <v>16629.407999999999</v>
      </c>
      <c r="NLF52" s="7">
        <f t="shared" si="444"/>
        <v>16629.407999999999</v>
      </c>
      <c r="NLG52" s="7">
        <f t="shared" si="444"/>
        <v>16629.407999999999</v>
      </c>
      <c r="NLH52" s="7">
        <f t="shared" si="444"/>
        <v>16629.407999999999</v>
      </c>
      <c r="NLI52" s="7">
        <f t="shared" si="444"/>
        <v>16629.407999999999</v>
      </c>
      <c r="NLJ52" s="7">
        <f t="shared" si="444"/>
        <v>16629.407999999999</v>
      </c>
      <c r="NLK52" s="7">
        <f t="shared" si="444"/>
        <v>16629.407999999999</v>
      </c>
      <c r="NLL52" s="7">
        <f t="shared" si="444"/>
        <v>16629.407999999999</v>
      </c>
      <c r="NLM52" s="7">
        <f t="shared" si="444"/>
        <v>16629.407999999999</v>
      </c>
      <c r="NLN52" s="7">
        <f t="shared" si="444"/>
        <v>16629.407999999999</v>
      </c>
      <c r="NLO52" s="7">
        <f t="shared" si="444"/>
        <v>16629.407999999999</v>
      </c>
      <c r="NLP52" s="7">
        <f t="shared" si="444"/>
        <v>16629.407999999999</v>
      </c>
      <c r="NLQ52" s="7">
        <f t="shared" si="444"/>
        <v>16629.407999999999</v>
      </c>
      <c r="NLR52" s="7">
        <f t="shared" si="444"/>
        <v>16629.407999999999</v>
      </c>
      <c r="NLS52" s="7">
        <f t="shared" si="444"/>
        <v>16629.407999999999</v>
      </c>
      <c r="NLT52" s="7">
        <f t="shared" si="444"/>
        <v>16629.407999999999</v>
      </c>
      <c r="NLU52" s="7">
        <f t="shared" si="444"/>
        <v>16629.407999999999</v>
      </c>
      <c r="NLV52" s="7">
        <f t="shared" si="444"/>
        <v>16629.407999999999</v>
      </c>
      <c r="NLW52" s="7">
        <f t="shared" si="444"/>
        <v>16629.407999999999</v>
      </c>
      <c r="NLX52" s="7">
        <f t="shared" si="444"/>
        <v>16629.407999999999</v>
      </c>
      <c r="NLY52" s="7">
        <f t="shared" si="444"/>
        <v>16629.407999999999</v>
      </c>
      <c r="NLZ52" s="7">
        <f t="shared" ref="NLZ52:NOK52" si="445">NLZ47+NLY52</f>
        <v>16629.407999999999</v>
      </c>
      <c r="NMA52" s="7">
        <f t="shared" si="445"/>
        <v>16629.407999999999</v>
      </c>
      <c r="NMB52" s="7">
        <f t="shared" si="445"/>
        <v>16629.407999999999</v>
      </c>
      <c r="NMC52" s="7">
        <f t="shared" si="445"/>
        <v>16629.407999999999</v>
      </c>
      <c r="NMD52" s="7">
        <f t="shared" si="445"/>
        <v>16629.407999999999</v>
      </c>
      <c r="NME52" s="7">
        <f t="shared" si="445"/>
        <v>16629.407999999999</v>
      </c>
      <c r="NMF52" s="7">
        <f t="shared" si="445"/>
        <v>16629.407999999999</v>
      </c>
      <c r="NMG52" s="7">
        <f t="shared" si="445"/>
        <v>16629.407999999999</v>
      </c>
      <c r="NMH52" s="7">
        <f t="shared" si="445"/>
        <v>16629.407999999999</v>
      </c>
      <c r="NMI52" s="7">
        <f t="shared" si="445"/>
        <v>16629.407999999999</v>
      </c>
      <c r="NMJ52" s="7">
        <f t="shared" si="445"/>
        <v>16629.407999999999</v>
      </c>
      <c r="NMK52" s="7">
        <f t="shared" si="445"/>
        <v>16629.407999999999</v>
      </c>
      <c r="NML52" s="7">
        <f t="shared" si="445"/>
        <v>16629.407999999999</v>
      </c>
      <c r="NMM52" s="7">
        <f t="shared" si="445"/>
        <v>16629.407999999999</v>
      </c>
      <c r="NMN52" s="7">
        <f t="shared" si="445"/>
        <v>16629.407999999999</v>
      </c>
      <c r="NMO52" s="7">
        <f t="shared" si="445"/>
        <v>16629.407999999999</v>
      </c>
      <c r="NMP52" s="7">
        <f t="shared" si="445"/>
        <v>16629.407999999999</v>
      </c>
      <c r="NMQ52" s="7">
        <f t="shared" si="445"/>
        <v>16629.407999999999</v>
      </c>
      <c r="NMR52" s="7">
        <f t="shared" si="445"/>
        <v>16629.407999999999</v>
      </c>
      <c r="NMS52" s="7">
        <f t="shared" si="445"/>
        <v>16629.407999999999</v>
      </c>
      <c r="NMT52" s="7">
        <f t="shared" si="445"/>
        <v>16629.407999999999</v>
      </c>
      <c r="NMU52" s="7">
        <f t="shared" si="445"/>
        <v>16629.407999999999</v>
      </c>
      <c r="NMV52" s="7">
        <f t="shared" si="445"/>
        <v>16629.407999999999</v>
      </c>
      <c r="NMW52" s="7">
        <f t="shared" si="445"/>
        <v>16629.407999999999</v>
      </c>
      <c r="NMX52" s="7">
        <f t="shared" si="445"/>
        <v>16629.407999999999</v>
      </c>
      <c r="NMY52" s="7">
        <f t="shared" si="445"/>
        <v>16629.407999999999</v>
      </c>
      <c r="NMZ52" s="7">
        <f t="shared" si="445"/>
        <v>16629.407999999999</v>
      </c>
      <c r="NNA52" s="7">
        <f t="shared" si="445"/>
        <v>16629.407999999999</v>
      </c>
      <c r="NNB52" s="7">
        <f t="shared" si="445"/>
        <v>16629.407999999999</v>
      </c>
      <c r="NNC52" s="7">
        <f t="shared" si="445"/>
        <v>16629.407999999999</v>
      </c>
      <c r="NND52" s="7">
        <f t="shared" si="445"/>
        <v>16629.407999999999</v>
      </c>
      <c r="NNE52" s="7">
        <f t="shared" si="445"/>
        <v>16629.407999999999</v>
      </c>
      <c r="NNF52" s="7">
        <f t="shared" si="445"/>
        <v>16629.407999999999</v>
      </c>
      <c r="NNG52" s="7">
        <f t="shared" si="445"/>
        <v>16629.407999999999</v>
      </c>
      <c r="NNH52" s="7">
        <f t="shared" si="445"/>
        <v>16629.407999999999</v>
      </c>
      <c r="NNI52" s="7">
        <f t="shared" si="445"/>
        <v>16629.407999999999</v>
      </c>
      <c r="NNJ52" s="7">
        <f t="shared" si="445"/>
        <v>16629.407999999999</v>
      </c>
      <c r="NNK52" s="7">
        <f t="shared" si="445"/>
        <v>16629.407999999999</v>
      </c>
      <c r="NNL52" s="7">
        <f t="shared" si="445"/>
        <v>16629.407999999999</v>
      </c>
      <c r="NNM52" s="7">
        <f t="shared" si="445"/>
        <v>16629.407999999999</v>
      </c>
      <c r="NNN52" s="7">
        <f t="shared" si="445"/>
        <v>16629.407999999999</v>
      </c>
      <c r="NNO52" s="7">
        <f t="shared" si="445"/>
        <v>16629.407999999999</v>
      </c>
      <c r="NNP52" s="7">
        <f t="shared" si="445"/>
        <v>16629.407999999999</v>
      </c>
      <c r="NNQ52" s="7">
        <f t="shared" si="445"/>
        <v>16629.407999999999</v>
      </c>
      <c r="NNR52" s="7">
        <f t="shared" si="445"/>
        <v>16629.407999999999</v>
      </c>
      <c r="NNS52" s="7">
        <f t="shared" si="445"/>
        <v>16629.407999999999</v>
      </c>
      <c r="NNT52" s="7">
        <f t="shared" si="445"/>
        <v>16629.407999999999</v>
      </c>
      <c r="NNU52" s="7">
        <f t="shared" si="445"/>
        <v>16629.407999999999</v>
      </c>
      <c r="NNV52" s="7">
        <f t="shared" si="445"/>
        <v>16629.407999999999</v>
      </c>
      <c r="NNW52" s="7">
        <f t="shared" si="445"/>
        <v>16629.407999999999</v>
      </c>
      <c r="NNX52" s="7">
        <f t="shared" si="445"/>
        <v>16629.407999999999</v>
      </c>
      <c r="NNY52" s="7">
        <f t="shared" si="445"/>
        <v>16629.407999999999</v>
      </c>
      <c r="NNZ52" s="7">
        <f t="shared" si="445"/>
        <v>16629.407999999999</v>
      </c>
      <c r="NOA52" s="7">
        <f t="shared" si="445"/>
        <v>16629.407999999999</v>
      </c>
      <c r="NOB52" s="7">
        <f t="shared" si="445"/>
        <v>16629.407999999999</v>
      </c>
      <c r="NOC52" s="7">
        <f t="shared" si="445"/>
        <v>16629.407999999999</v>
      </c>
      <c r="NOD52" s="7">
        <f t="shared" si="445"/>
        <v>16629.407999999999</v>
      </c>
      <c r="NOE52" s="7">
        <f t="shared" si="445"/>
        <v>16629.407999999999</v>
      </c>
      <c r="NOF52" s="7">
        <f t="shared" si="445"/>
        <v>16629.407999999999</v>
      </c>
      <c r="NOG52" s="7">
        <f t="shared" si="445"/>
        <v>16629.407999999999</v>
      </c>
      <c r="NOH52" s="7">
        <f t="shared" si="445"/>
        <v>16629.407999999999</v>
      </c>
      <c r="NOI52" s="7">
        <f t="shared" si="445"/>
        <v>16629.407999999999</v>
      </c>
      <c r="NOJ52" s="7">
        <f t="shared" si="445"/>
        <v>16629.407999999999</v>
      </c>
      <c r="NOK52" s="7">
        <f t="shared" si="445"/>
        <v>16629.407999999999</v>
      </c>
      <c r="NOL52" s="7">
        <f t="shared" ref="NOL52:NQW52" si="446">NOL47+NOK52</f>
        <v>16629.407999999999</v>
      </c>
      <c r="NOM52" s="7">
        <f t="shared" si="446"/>
        <v>16629.407999999999</v>
      </c>
      <c r="NON52" s="7">
        <f t="shared" si="446"/>
        <v>16629.407999999999</v>
      </c>
      <c r="NOO52" s="7">
        <f t="shared" si="446"/>
        <v>16629.407999999999</v>
      </c>
      <c r="NOP52" s="7">
        <f t="shared" si="446"/>
        <v>16629.407999999999</v>
      </c>
      <c r="NOQ52" s="7">
        <f t="shared" si="446"/>
        <v>16629.407999999999</v>
      </c>
      <c r="NOR52" s="7">
        <f t="shared" si="446"/>
        <v>16629.407999999999</v>
      </c>
      <c r="NOS52" s="7">
        <f t="shared" si="446"/>
        <v>16629.407999999999</v>
      </c>
      <c r="NOT52" s="7">
        <f t="shared" si="446"/>
        <v>16629.407999999999</v>
      </c>
      <c r="NOU52" s="7">
        <f t="shared" si="446"/>
        <v>16629.407999999999</v>
      </c>
      <c r="NOV52" s="7">
        <f t="shared" si="446"/>
        <v>16629.407999999999</v>
      </c>
      <c r="NOW52" s="7">
        <f t="shared" si="446"/>
        <v>16629.407999999999</v>
      </c>
      <c r="NOX52" s="7">
        <f t="shared" si="446"/>
        <v>16629.407999999999</v>
      </c>
      <c r="NOY52" s="7">
        <f t="shared" si="446"/>
        <v>16629.407999999999</v>
      </c>
      <c r="NOZ52" s="7">
        <f t="shared" si="446"/>
        <v>16629.407999999999</v>
      </c>
      <c r="NPA52" s="7">
        <f t="shared" si="446"/>
        <v>16629.407999999999</v>
      </c>
      <c r="NPB52" s="7">
        <f t="shared" si="446"/>
        <v>16629.407999999999</v>
      </c>
      <c r="NPC52" s="7">
        <f t="shared" si="446"/>
        <v>16629.407999999999</v>
      </c>
      <c r="NPD52" s="7">
        <f t="shared" si="446"/>
        <v>16629.407999999999</v>
      </c>
      <c r="NPE52" s="7">
        <f t="shared" si="446"/>
        <v>16629.407999999999</v>
      </c>
      <c r="NPF52" s="7">
        <f t="shared" si="446"/>
        <v>16629.407999999999</v>
      </c>
      <c r="NPG52" s="7">
        <f t="shared" si="446"/>
        <v>16629.407999999999</v>
      </c>
      <c r="NPH52" s="7">
        <f t="shared" si="446"/>
        <v>16629.407999999999</v>
      </c>
      <c r="NPI52" s="7">
        <f t="shared" si="446"/>
        <v>16629.407999999999</v>
      </c>
      <c r="NPJ52" s="7">
        <f t="shared" si="446"/>
        <v>16629.407999999999</v>
      </c>
      <c r="NPK52" s="7">
        <f t="shared" si="446"/>
        <v>16629.407999999999</v>
      </c>
      <c r="NPL52" s="7">
        <f t="shared" si="446"/>
        <v>16629.407999999999</v>
      </c>
      <c r="NPM52" s="7">
        <f t="shared" si="446"/>
        <v>16629.407999999999</v>
      </c>
      <c r="NPN52" s="7">
        <f t="shared" si="446"/>
        <v>16629.407999999999</v>
      </c>
      <c r="NPO52" s="7">
        <f t="shared" si="446"/>
        <v>16629.407999999999</v>
      </c>
      <c r="NPP52" s="7">
        <f t="shared" si="446"/>
        <v>16629.407999999999</v>
      </c>
      <c r="NPQ52" s="7">
        <f t="shared" si="446"/>
        <v>16629.407999999999</v>
      </c>
      <c r="NPR52" s="7">
        <f t="shared" si="446"/>
        <v>16629.407999999999</v>
      </c>
      <c r="NPS52" s="7">
        <f t="shared" si="446"/>
        <v>16629.407999999999</v>
      </c>
      <c r="NPT52" s="7">
        <f t="shared" si="446"/>
        <v>16629.407999999999</v>
      </c>
      <c r="NPU52" s="7">
        <f t="shared" si="446"/>
        <v>16629.407999999999</v>
      </c>
      <c r="NPV52" s="7">
        <f t="shared" si="446"/>
        <v>16629.407999999999</v>
      </c>
      <c r="NPW52" s="7">
        <f t="shared" si="446"/>
        <v>16629.407999999999</v>
      </c>
      <c r="NPX52" s="7">
        <f t="shared" si="446"/>
        <v>16629.407999999999</v>
      </c>
      <c r="NPY52" s="7">
        <f t="shared" si="446"/>
        <v>16629.407999999999</v>
      </c>
      <c r="NPZ52" s="7">
        <f t="shared" si="446"/>
        <v>16629.407999999999</v>
      </c>
      <c r="NQA52" s="7">
        <f t="shared" si="446"/>
        <v>16629.407999999999</v>
      </c>
      <c r="NQB52" s="7">
        <f t="shared" si="446"/>
        <v>16629.407999999999</v>
      </c>
      <c r="NQC52" s="7">
        <f t="shared" si="446"/>
        <v>16629.407999999999</v>
      </c>
      <c r="NQD52" s="7">
        <f t="shared" si="446"/>
        <v>16629.407999999999</v>
      </c>
      <c r="NQE52" s="7">
        <f t="shared" si="446"/>
        <v>16629.407999999999</v>
      </c>
      <c r="NQF52" s="7">
        <f t="shared" si="446"/>
        <v>16629.407999999999</v>
      </c>
      <c r="NQG52" s="7">
        <f t="shared" si="446"/>
        <v>16629.407999999999</v>
      </c>
      <c r="NQH52" s="7">
        <f t="shared" si="446"/>
        <v>16629.407999999999</v>
      </c>
      <c r="NQI52" s="7">
        <f t="shared" si="446"/>
        <v>16629.407999999999</v>
      </c>
      <c r="NQJ52" s="7">
        <f t="shared" si="446"/>
        <v>16629.407999999999</v>
      </c>
      <c r="NQK52" s="7">
        <f t="shared" si="446"/>
        <v>16629.407999999999</v>
      </c>
      <c r="NQL52" s="7">
        <f t="shared" si="446"/>
        <v>16629.407999999999</v>
      </c>
      <c r="NQM52" s="7">
        <f t="shared" si="446"/>
        <v>16629.407999999999</v>
      </c>
      <c r="NQN52" s="7">
        <f t="shared" si="446"/>
        <v>16629.407999999999</v>
      </c>
      <c r="NQO52" s="7">
        <f t="shared" si="446"/>
        <v>16629.407999999999</v>
      </c>
      <c r="NQP52" s="7">
        <f t="shared" si="446"/>
        <v>16629.407999999999</v>
      </c>
      <c r="NQQ52" s="7">
        <f t="shared" si="446"/>
        <v>16629.407999999999</v>
      </c>
      <c r="NQR52" s="7">
        <f t="shared" si="446"/>
        <v>16629.407999999999</v>
      </c>
      <c r="NQS52" s="7">
        <f t="shared" si="446"/>
        <v>16629.407999999999</v>
      </c>
      <c r="NQT52" s="7">
        <f t="shared" si="446"/>
        <v>16629.407999999999</v>
      </c>
      <c r="NQU52" s="7">
        <f t="shared" si="446"/>
        <v>16629.407999999999</v>
      </c>
      <c r="NQV52" s="7">
        <f t="shared" si="446"/>
        <v>16629.407999999999</v>
      </c>
      <c r="NQW52" s="7">
        <f t="shared" si="446"/>
        <v>16629.407999999999</v>
      </c>
      <c r="NQX52" s="7">
        <f t="shared" ref="NQX52:NTI52" si="447">NQX47+NQW52</f>
        <v>16629.407999999999</v>
      </c>
      <c r="NQY52" s="7">
        <f t="shared" si="447"/>
        <v>16629.407999999999</v>
      </c>
      <c r="NQZ52" s="7">
        <f t="shared" si="447"/>
        <v>16629.407999999999</v>
      </c>
      <c r="NRA52" s="7">
        <f t="shared" si="447"/>
        <v>16629.407999999999</v>
      </c>
      <c r="NRB52" s="7">
        <f t="shared" si="447"/>
        <v>16629.407999999999</v>
      </c>
      <c r="NRC52" s="7">
        <f t="shared" si="447"/>
        <v>16629.407999999999</v>
      </c>
      <c r="NRD52" s="7">
        <f t="shared" si="447"/>
        <v>16629.407999999999</v>
      </c>
      <c r="NRE52" s="7">
        <f t="shared" si="447"/>
        <v>16629.407999999999</v>
      </c>
      <c r="NRF52" s="7">
        <f t="shared" si="447"/>
        <v>16629.407999999999</v>
      </c>
      <c r="NRG52" s="7">
        <f t="shared" si="447"/>
        <v>16629.407999999999</v>
      </c>
      <c r="NRH52" s="7">
        <f t="shared" si="447"/>
        <v>16629.407999999999</v>
      </c>
      <c r="NRI52" s="7">
        <f t="shared" si="447"/>
        <v>16629.407999999999</v>
      </c>
      <c r="NRJ52" s="7">
        <f t="shared" si="447"/>
        <v>16629.407999999999</v>
      </c>
      <c r="NRK52" s="7">
        <f t="shared" si="447"/>
        <v>16629.407999999999</v>
      </c>
      <c r="NRL52" s="7">
        <f t="shared" si="447"/>
        <v>16629.407999999999</v>
      </c>
      <c r="NRM52" s="7">
        <f t="shared" si="447"/>
        <v>16629.407999999999</v>
      </c>
      <c r="NRN52" s="7">
        <f t="shared" si="447"/>
        <v>16629.407999999999</v>
      </c>
      <c r="NRO52" s="7">
        <f t="shared" si="447"/>
        <v>16629.407999999999</v>
      </c>
      <c r="NRP52" s="7">
        <f t="shared" si="447"/>
        <v>16629.407999999999</v>
      </c>
      <c r="NRQ52" s="7">
        <f t="shared" si="447"/>
        <v>16629.407999999999</v>
      </c>
      <c r="NRR52" s="7">
        <f t="shared" si="447"/>
        <v>16629.407999999999</v>
      </c>
      <c r="NRS52" s="7">
        <f t="shared" si="447"/>
        <v>16629.407999999999</v>
      </c>
      <c r="NRT52" s="7">
        <f t="shared" si="447"/>
        <v>16629.407999999999</v>
      </c>
      <c r="NRU52" s="7">
        <f t="shared" si="447"/>
        <v>16629.407999999999</v>
      </c>
      <c r="NRV52" s="7">
        <f t="shared" si="447"/>
        <v>16629.407999999999</v>
      </c>
      <c r="NRW52" s="7">
        <f t="shared" si="447"/>
        <v>16629.407999999999</v>
      </c>
      <c r="NRX52" s="7">
        <f t="shared" si="447"/>
        <v>16629.407999999999</v>
      </c>
      <c r="NRY52" s="7">
        <f t="shared" si="447"/>
        <v>16629.407999999999</v>
      </c>
      <c r="NRZ52" s="7">
        <f t="shared" si="447"/>
        <v>16629.407999999999</v>
      </c>
      <c r="NSA52" s="7">
        <f t="shared" si="447"/>
        <v>16629.407999999999</v>
      </c>
      <c r="NSB52" s="7">
        <f t="shared" si="447"/>
        <v>16629.407999999999</v>
      </c>
      <c r="NSC52" s="7">
        <f t="shared" si="447"/>
        <v>16629.407999999999</v>
      </c>
      <c r="NSD52" s="7">
        <f t="shared" si="447"/>
        <v>16629.407999999999</v>
      </c>
      <c r="NSE52" s="7">
        <f t="shared" si="447"/>
        <v>16629.407999999999</v>
      </c>
      <c r="NSF52" s="7">
        <f t="shared" si="447"/>
        <v>16629.407999999999</v>
      </c>
      <c r="NSG52" s="7">
        <f t="shared" si="447"/>
        <v>16629.407999999999</v>
      </c>
      <c r="NSH52" s="7">
        <f t="shared" si="447"/>
        <v>16629.407999999999</v>
      </c>
      <c r="NSI52" s="7">
        <f t="shared" si="447"/>
        <v>16629.407999999999</v>
      </c>
      <c r="NSJ52" s="7">
        <f t="shared" si="447"/>
        <v>16629.407999999999</v>
      </c>
      <c r="NSK52" s="7">
        <f t="shared" si="447"/>
        <v>16629.407999999999</v>
      </c>
      <c r="NSL52" s="7">
        <f t="shared" si="447"/>
        <v>16629.407999999999</v>
      </c>
      <c r="NSM52" s="7">
        <f t="shared" si="447"/>
        <v>16629.407999999999</v>
      </c>
      <c r="NSN52" s="7">
        <f t="shared" si="447"/>
        <v>16629.407999999999</v>
      </c>
      <c r="NSO52" s="7">
        <f t="shared" si="447"/>
        <v>16629.407999999999</v>
      </c>
      <c r="NSP52" s="7">
        <f t="shared" si="447"/>
        <v>16629.407999999999</v>
      </c>
      <c r="NSQ52" s="7">
        <f t="shared" si="447"/>
        <v>16629.407999999999</v>
      </c>
      <c r="NSR52" s="7">
        <f t="shared" si="447"/>
        <v>16629.407999999999</v>
      </c>
      <c r="NSS52" s="7">
        <f t="shared" si="447"/>
        <v>16629.407999999999</v>
      </c>
      <c r="NST52" s="7">
        <f t="shared" si="447"/>
        <v>16629.407999999999</v>
      </c>
      <c r="NSU52" s="7">
        <f t="shared" si="447"/>
        <v>16629.407999999999</v>
      </c>
      <c r="NSV52" s="7">
        <f t="shared" si="447"/>
        <v>16629.407999999999</v>
      </c>
      <c r="NSW52" s="7">
        <f t="shared" si="447"/>
        <v>16629.407999999999</v>
      </c>
      <c r="NSX52" s="7">
        <f t="shared" si="447"/>
        <v>16629.407999999999</v>
      </c>
      <c r="NSY52" s="7">
        <f t="shared" si="447"/>
        <v>16629.407999999999</v>
      </c>
      <c r="NSZ52" s="7">
        <f t="shared" si="447"/>
        <v>16629.407999999999</v>
      </c>
      <c r="NTA52" s="7">
        <f t="shared" si="447"/>
        <v>16629.407999999999</v>
      </c>
      <c r="NTB52" s="7">
        <f t="shared" si="447"/>
        <v>16629.407999999999</v>
      </c>
      <c r="NTC52" s="7">
        <f t="shared" si="447"/>
        <v>16629.407999999999</v>
      </c>
      <c r="NTD52" s="7">
        <f t="shared" si="447"/>
        <v>16629.407999999999</v>
      </c>
      <c r="NTE52" s="7">
        <f t="shared" si="447"/>
        <v>16629.407999999999</v>
      </c>
      <c r="NTF52" s="7">
        <f t="shared" si="447"/>
        <v>16629.407999999999</v>
      </c>
      <c r="NTG52" s="7">
        <f t="shared" si="447"/>
        <v>16629.407999999999</v>
      </c>
      <c r="NTH52" s="7">
        <f t="shared" si="447"/>
        <v>16629.407999999999</v>
      </c>
      <c r="NTI52" s="7">
        <f t="shared" si="447"/>
        <v>16629.407999999999</v>
      </c>
      <c r="NTJ52" s="7">
        <f t="shared" ref="NTJ52:NVU52" si="448">NTJ47+NTI52</f>
        <v>16629.407999999999</v>
      </c>
      <c r="NTK52" s="7">
        <f t="shared" si="448"/>
        <v>16629.407999999999</v>
      </c>
      <c r="NTL52" s="7">
        <f t="shared" si="448"/>
        <v>16629.407999999999</v>
      </c>
      <c r="NTM52" s="7">
        <f t="shared" si="448"/>
        <v>16629.407999999999</v>
      </c>
      <c r="NTN52" s="7">
        <f t="shared" si="448"/>
        <v>16629.407999999999</v>
      </c>
      <c r="NTO52" s="7">
        <f t="shared" si="448"/>
        <v>16629.407999999999</v>
      </c>
      <c r="NTP52" s="7">
        <f t="shared" si="448"/>
        <v>16629.407999999999</v>
      </c>
      <c r="NTQ52" s="7">
        <f t="shared" si="448"/>
        <v>16629.407999999999</v>
      </c>
      <c r="NTR52" s="7">
        <f t="shared" si="448"/>
        <v>16629.407999999999</v>
      </c>
      <c r="NTS52" s="7">
        <f t="shared" si="448"/>
        <v>16629.407999999999</v>
      </c>
      <c r="NTT52" s="7">
        <f t="shared" si="448"/>
        <v>16629.407999999999</v>
      </c>
      <c r="NTU52" s="7">
        <f t="shared" si="448"/>
        <v>16629.407999999999</v>
      </c>
      <c r="NTV52" s="7">
        <f t="shared" si="448"/>
        <v>16629.407999999999</v>
      </c>
      <c r="NTW52" s="7">
        <f t="shared" si="448"/>
        <v>16629.407999999999</v>
      </c>
      <c r="NTX52" s="7">
        <f t="shared" si="448"/>
        <v>16629.407999999999</v>
      </c>
      <c r="NTY52" s="7">
        <f t="shared" si="448"/>
        <v>16629.407999999999</v>
      </c>
      <c r="NTZ52" s="7">
        <f t="shared" si="448"/>
        <v>16629.407999999999</v>
      </c>
      <c r="NUA52" s="7">
        <f t="shared" si="448"/>
        <v>16629.407999999999</v>
      </c>
      <c r="NUB52" s="7">
        <f t="shared" si="448"/>
        <v>16629.407999999999</v>
      </c>
      <c r="NUC52" s="7">
        <f t="shared" si="448"/>
        <v>16629.407999999999</v>
      </c>
      <c r="NUD52" s="7">
        <f t="shared" si="448"/>
        <v>16629.407999999999</v>
      </c>
      <c r="NUE52" s="7">
        <f t="shared" si="448"/>
        <v>16629.407999999999</v>
      </c>
      <c r="NUF52" s="7">
        <f t="shared" si="448"/>
        <v>16629.407999999999</v>
      </c>
      <c r="NUG52" s="7">
        <f t="shared" si="448"/>
        <v>16629.407999999999</v>
      </c>
      <c r="NUH52" s="7">
        <f t="shared" si="448"/>
        <v>16629.407999999999</v>
      </c>
      <c r="NUI52" s="7">
        <f t="shared" si="448"/>
        <v>16629.407999999999</v>
      </c>
      <c r="NUJ52" s="7">
        <f t="shared" si="448"/>
        <v>16629.407999999999</v>
      </c>
      <c r="NUK52" s="7">
        <f t="shared" si="448"/>
        <v>16629.407999999999</v>
      </c>
      <c r="NUL52" s="7">
        <f t="shared" si="448"/>
        <v>16629.407999999999</v>
      </c>
      <c r="NUM52" s="7">
        <f t="shared" si="448"/>
        <v>16629.407999999999</v>
      </c>
      <c r="NUN52" s="7">
        <f t="shared" si="448"/>
        <v>16629.407999999999</v>
      </c>
      <c r="NUO52" s="7">
        <f t="shared" si="448"/>
        <v>16629.407999999999</v>
      </c>
      <c r="NUP52" s="7">
        <f t="shared" si="448"/>
        <v>16629.407999999999</v>
      </c>
      <c r="NUQ52" s="7">
        <f t="shared" si="448"/>
        <v>16629.407999999999</v>
      </c>
      <c r="NUR52" s="7">
        <f t="shared" si="448"/>
        <v>16629.407999999999</v>
      </c>
      <c r="NUS52" s="7">
        <f t="shared" si="448"/>
        <v>16629.407999999999</v>
      </c>
      <c r="NUT52" s="7">
        <f t="shared" si="448"/>
        <v>16629.407999999999</v>
      </c>
      <c r="NUU52" s="7">
        <f t="shared" si="448"/>
        <v>16629.407999999999</v>
      </c>
      <c r="NUV52" s="7">
        <f t="shared" si="448"/>
        <v>16629.407999999999</v>
      </c>
      <c r="NUW52" s="7">
        <f t="shared" si="448"/>
        <v>16629.407999999999</v>
      </c>
      <c r="NUX52" s="7">
        <f t="shared" si="448"/>
        <v>16629.407999999999</v>
      </c>
      <c r="NUY52" s="7">
        <f t="shared" si="448"/>
        <v>16629.407999999999</v>
      </c>
      <c r="NUZ52" s="7">
        <f t="shared" si="448"/>
        <v>16629.407999999999</v>
      </c>
      <c r="NVA52" s="7">
        <f t="shared" si="448"/>
        <v>16629.407999999999</v>
      </c>
      <c r="NVB52" s="7">
        <f t="shared" si="448"/>
        <v>16629.407999999999</v>
      </c>
      <c r="NVC52" s="7">
        <f t="shared" si="448"/>
        <v>16629.407999999999</v>
      </c>
      <c r="NVD52" s="7">
        <f t="shared" si="448"/>
        <v>16629.407999999999</v>
      </c>
      <c r="NVE52" s="7">
        <f t="shared" si="448"/>
        <v>16629.407999999999</v>
      </c>
      <c r="NVF52" s="7">
        <f t="shared" si="448"/>
        <v>16629.407999999999</v>
      </c>
      <c r="NVG52" s="7">
        <f t="shared" si="448"/>
        <v>16629.407999999999</v>
      </c>
      <c r="NVH52" s="7">
        <f t="shared" si="448"/>
        <v>16629.407999999999</v>
      </c>
      <c r="NVI52" s="7">
        <f t="shared" si="448"/>
        <v>16629.407999999999</v>
      </c>
      <c r="NVJ52" s="7">
        <f t="shared" si="448"/>
        <v>16629.407999999999</v>
      </c>
      <c r="NVK52" s="7">
        <f t="shared" si="448"/>
        <v>16629.407999999999</v>
      </c>
      <c r="NVL52" s="7">
        <f t="shared" si="448"/>
        <v>16629.407999999999</v>
      </c>
      <c r="NVM52" s="7">
        <f t="shared" si="448"/>
        <v>16629.407999999999</v>
      </c>
      <c r="NVN52" s="7">
        <f t="shared" si="448"/>
        <v>16629.407999999999</v>
      </c>
      <c r="NVO52" s="7">
        <f t="shared" si="448"/>
        <v>16629.407999999999</v>
      </c>
      <c r="NVP52" s="7">
        <f t="shared" si="448"/>
        <v>16629.407999999999</v>
      </c>
      <c r="NVQ52" s="7">
        <f t="shared" si="448"/>
        <v>16629.407999999999</v>
      </c>
      <c r="NVR52" s="7">
        <f t="shared" si="448"/>
        <v>16629.407999999999</v>
      </c>
      <c r="NVS52" s="7">
        <f t="shared" si="448"/>
        <v>16629.407999999999</v>
      </c>
      <c r="NVT52" s="7">
        <f t="shared" si="448"/>
        <v>16629.407999999999</v>
      </c>
      <c r="NVU52" s="7">
        <f t="shared" si="448"/>
        <v>16629.407999999999</v>
      </c>
      <c r="NVV52" s="7">
        <f t="shared" ref="NVV52:NYG52" si="449">NVV47+NVU52</f>
        <v>16629.407999999999</v>
      </c>
      <c r="NVW52" s="7">
        <f t="shared" si="449"/>
        <v>16629.407999999999</v>
      </c>
      <c r="NVX52" s="7">
        <f t="shared" si="449"/>
        <v>16629.407999999999</v>
      </c>
      <c r="NVY52" s="7">
        <f t="shared" si="449"/>
        <v>16629.407999999999</v>
      </c>
      <c r="NVZ52" s="7">
        <f t="shared" si="449"/>
        <v>16629.407999999999</v>
      </c>
      <c r="NWA52" s="7">
        <f t="shared" si="449"/>
        <v>16629.407999999999</v>
      </c>
      <c r="NWB52" s="7">
        <f t="shared" si="449"/>
        <v>16629.407999999999</v>
      </c>
      <c r="NWC52" s="7">
        <f t="shared" si="449"/>
        <v>16629.407999999999</v>
      </c>
      <c r="NWD52" s="7">
        <f t="shared" si="449"/>
        <v>16629.407999999999</v>
      </c>
      <c r="NWE52" s="7">
        <f t="shared" si="449"/>
        <v>16629.407999999999</v>
      </c>
      <c r="NWF52" s="7">
        <f t="shared" si="449"/>
        <v>16629.407999999999</v>
      </c>
      <c r="NWG52" s="7">
        <f t="shared" si="449"/>
        <v>16629.407999999999</v>
      </c>
      <c r="NWH52" s="7">
        <f t="shared" si="449"/>
        <v>16629.407999999999</v>
      </c>
      <c r="NWI52" s="7">
        <f t="shared" si="449"/>
        <v>16629.407999999999</v>
      </c>
      <c r="NWJ52" s="7">
        <f t="shared" si="449"/>
        <v>16629.407999999999</v>
      </c>
      <c r="NWK52" s="7">
        <f t="shared" si="449"/>
        <v>16629.407999999999</v>
      </c>
      <c r="NWL52" s="7">
        <f t="shared" si="449"/>
        <v>16629.407999999999</v>
      </c>
      <c r="NWM52" s="7">
        <f t="shared" si="449"/>
        <v>16629.407999999999</v>
      </c>
      <c r="NWN52" s="7">
        <f t="shared" si="449"/>
        <v>16629.407999999999</v>
      </c>
      <c r="NWO52" s="7">
        <f t="shared" si="449"/>
        <v>16629.407999999999</v>
      </c>
      <c r="NWP52" s="7">
        <f t="shared" si="449"/>
        <v>16629.407999999999</v>
      </c>
      <c r="NWQ52" s="7">
        <f t="shared" si="449"/>
        <v>16629.407999999999</v>
      </c>
      <c r="NWR52" s="7">
        <f t="shared" si="449"/>
        <v>16629.407999999999</v>
      </c>
      <c r="NWS52" s="7">
        <f t="shared" si="449"/>
        <v>16629.407999999999</v>
      </c>
      <c r="NWT52" s="7">
        <f t="shared" si="449"/>
        <v>16629.407999999999</v>
      </c>
      <c r="NWU52" s="7">
        <f t="shared" si="449"/>
        <v>16629.407999999999</v>
      </c>
      <c r="NWV52" s="7">
        <f t="shared" si="449"/>
        <v>16629.407999999999</v>
      </c>
      <c r="NWW52" s="7">
        <f t="shared" si="449"/>
        <v>16629.407999999999</v>
      </c>
      <c r="NWX52" s="7">
        <f t="shared" si="449"/>
        <v>16629.407999999999</v>
      </c>
      <c r="NWY52" s="7">
        <f t="shared" si="449"/>
        <v>16629.407999999999</v>
      </c>
      <c r="NWZ52" s="7">
        <f t="shared" si="449"/>
        <v>16629.407999999999</v>
      </c>
      <c r="NXA52" s="7">
        <f t="shared" si="449"/>
        <v>16629.407999999999</v>
      </c>
      <c r="NXB52" s="7">
        <f t="shared" si="449"/>
        <v>16629.407999999999</v>
      </c>
      <c r="NXC52" s="7">
        <f t="shared" si="449"/>
        <v>16629.407999999999</v>
      </c>
      <c r="NXD52" s="7">
        <f t="shared" si="449"/>
        <v>16629.407999999999</v>
      </c>
      <c r="NXE52" s="7">
        <f t="shared" si="449"/>
        <v>16629.407999999999</v>
      </c>
      <c r="NXF52" s="7">
        <f t="shared" si="449"/>
        <v>16629.407999999999</v>
      </c>
      <c r="NXG52" s="7">
        <f t="shared" si="449"/>
        <v>16629.407999999999</v>
      </c>
      <c r="NXH52" s="7">
        <f t="shared" si="449"/>
        <v>16629.407999999999</v>
      </c>
      <c r="NXI52" s="7">
        <f t="shared" si="449"/>
        <v>16629.407999999999</v>
      </c>
      <c r="NXJ52" s="7">
        <f t="shared" si="449"/>
        <v>16629.407999999999</v>
      </c>
      <c r="NXK52" s="7">
        <f t="shared" si="449"/>
        <v>16629.407999999999</v>
      </c>
      <c r="NXL52" s="7">
        <f t="shared" si="449"/>
        <v>16629.407999999999</v>
      </c>
      <c r="NXM52" s="7">
        <f t="shared" si="449"/>
        <v>16629.407999999999</v>
      </c>
      <c r="NXN52" s="7">
        <f t="shared" si="449"/>
        <v>16629.407999999999</v>
      </c>
      <c r="NXO52" s="7">
        <f t="shared" si="449"/>
        <v>16629.407999999999</v>
      </c>
      <c r="NXP52" s="7">
        <f t="shared" si="449"/>
        <v>16629.407999999999</v>
      </c>
      <c r="NXQ52" s="7">
        <f t="shared" si="449"/>
        <v>16629.407999999999</v>
      </c>
      <c r="NXR52" s="7">
        <f t="shared" si="449"/>
        <v>16629.407999999999</v>
      </c>
      <c r="NXS52" s="7">
        <f t="shared" si="449"/>
        <v>16629.407999999999</v>
      </c>
      <c r="NXT52" s="7">
        <f t="shared" si="449"/>
        <v>16629.407999999999</v>
      </c>
      <c r="NXU52" s="7">
        <f t="shared" si="449"/>
        <v>16629.407999999999</v>
      </c>
      <c r="NXV52" s="7">
        <f t="shared" si="449"/>
        <v>16629.407999999999</v>
      </c>
      <c r="NXW52" s="7">
        <f t="shared" si="449"/>
        <v>16629.407999999999</v>
      </c>
      <c r="NXX52" s="7">
        <f t="shared" si="449"/>
        <v>16629.407999999999</v>
      </c>
      <c r="NXY52" s="7">
        <f t="shared" si="449"/>
        <v>16629.407999999999</v>
      </c>
      <c r="NXZ52" s="7">
        <f t="shared" si="449"/>
        <v>16629.407999999999</v>
      </c>
      <c r="NYA52" s="7">
        <f t="shared" si="449"/>
        <v>16629.407999999999</v>
      </c>
      <c r="NYB52" s="7">
        <f t="shared" si="449"/>
        <v>16629.407999999999</v>
      </c>
      <c r="NYC52" s="7">
        <f t="shared" si="449"/>
        <v>16629.407999999999</v>
      </c>
      <c r="NYD52" s="7">
        <f t="shared" si="449"/>
        <v>16629.407999999999</v>
      </c>
      <c r="NYE52" s="7">
        <f t="shared" si="449"/>
        <v>16629.407999999999</v>
      </c>
      <c r="NYF52" s="7">
        <f t="shared" si="449"/>
        <v>16629.407999999999</v>
      </c>
      <c r="NYG52" s="7">
        <f t="shared" si="449"/>
        <v>16629.407999999999</v>
      </c>
      <c r="NYH52" s="7">
        <f t="shared" ref="NYH52:OAS52" si="450">NYH47+NYG52</f>
        <v>16629.407999999999</v>
      </c>
      <c r="NYI52" s="7">
        <f t="shared" si="450"/>
        <v>16629.407999999999</v>
      </c>
      <c r="NYJ52" s="7">
        <f t="shared" si="450"/>
        <v>16629.407999999999</v>
      </c>
      <c r="NYK52" s="7">
        <f t="shared" si="450"/>
        <v>16629.407999999999</v>
      </c>
      <c r="NYL52" s="7">
        <f t="shared" si="450"/>
        <v>16629.407999999999</v>
      </c>
      <c r="NYM52" s="7">
        <f t="shared" si="450"/>
        <v>16629.407999999999</v>
      </c>
      <c r="NYN52" s="7">
        <f t="shared" si="450"/>
        <v>16629.407999999999</v>
      </c>
      <c r="NYO52" s="7">
        <f t="shared" si="450"/>
        <v>16629.407999999999</v>
      </c>
      <c r="NYP52" s="7">
        <f t="shared" si="450"/>
        <v>16629.407999999999</v>
      </c>
      <c r="NYQ52" s="7">
        <f t="shared" si="450"/>
        <v>16629.407999999999</v>
      </c>
      <c r="NYR52" s="7">
        <f t="shared" si="450"/>
        <v>16629.407999999999</v>
      </c>
      <c r="NYS52" s="7">
        <f t="shared" si="450"/>
        <v>16629.407999999999</v>
      </c>
      <c r="NYT52" s="7">
        <f t="shared" si="450"/>
        <v>16629.407999999999</v>
      </c>
      <c r="NYU52" s="7">
        <f t="shared" si="450"/>
        <v>16629.407999999999</v>
      </c>
      <c r="NYV52" s="7">
        <f t="shared" si="450"/>
        <v>16629.407999999999</v>
      </c>
      <c r="NYW52" s="7">
        <f t="shared" si="450"/>
        <v>16629.407999999999</v>
      </c>
      <c r="NYX52" s="7">
        <f t="shared" si="450"/>
        <v>16629.407999999999</v>
      </c>
      <c r="NYY52" s="7">
        <f t="shared" si="450"/>
        <v>16629.407999999999</v>
      </c>
      <c r="NYZ52" s="7">
        <f t="shared" si="450"/>
        <v>16629.407999999999</v>
      </c>
      <c r="NZA52" s="7">
        <f t="shared" si="450"/>
        <v>16629.407999999999</v>
      </c>
      <c r="NZB52" s="7">
        <f t="shared" si="450"/>
        <v>16629.407999999999</v>
      </c>
      <c r="NZC52" s="7">
        <f t="shared" si="450"/>
        <v>16629.407999999999</v>
      </c>
      <c r="NZD52" s="7">
        <f t="shared" si="450"/>
        <v>16629.407999999999</v>
      </c>
      <c r="NZE52" s="7">
        <f t="shared" si="450"/>
        <v>16629.407999999999</v>
      </c>
      <c r="NZF52" s="7">
        <f t="shared" si="450"/>
        <v>16629.407999999999</v>
      </c>
      <c r="NZG52" s="7">
        <f t="shared" si="450"/>
        <v>16629.407999999999</v>
      </c>
      <c r="NZH52" s="7">
        <f t="shared" si="450"/>
        <v>16629.407999999999</v>
      </c>
      <c r="NZI52" s="7">
        <f t="shared" si="450"/>
        <v>16629.407999999999</v>
      </c>
      <c r="NZJ52" s="7">
        <f t="shared" si="450"/>
        <v>16629.407999999999</v>
      </c>
      <c r="NZK52" s="7">
        <f t="shared" si="450"/>
        <v>16629.407999999999</v>
      </c>
      <c r="NZL52" s="7">
        <f t="shared" si="450"/>
        <v>16629.407999999999</v>
      </c>
      <c r="NZM52" s="7">
        <f t="shared" si="450"/>
        <v>16629.407999999999</v>
      </c>
      <c r="NZN52" s="7">
        <f t="shared" si="450"/>
        <v>16629.407999999999</v>
      </c>
      <c r="NZO52" s="7">
        <f t="shared" si="450"/>
        <v>16629.407999999999</v>
      </c>
      <c r="NZP52" s="7">
        <f t="shared" si="450"/>
        <v>16629.407999999999</v>
      </c>
      <c r="NZQ52" s="7">
        <f t="shared" si="450"/>
        <v>16629.407999999999</v>
      </c>
      <c r="NZR52" s="7">
        <f t="shared" si="450"/>
        <v>16629.407999999999</v>
      </c>
      <c r="NZS52" s="7">
        <f t="shared" si="450"/>
        <v>16629.407999999999</v>
      </c>
      <c r="NZT52" s="7">
        <f t="shared" si="450"/>
        <v>16629.407999999999</v>
      </c>
      <c r="NZU52" s="7">
        <f t="shared" si="450"/>
        <v>16629.407999999999</v>
      </c>
      <c r="NZV52" s="7">
        <f t="shared" si="450"/>
        <v>16629.407999999999</v>
      </c>
      <c r="NZW52" s="7">
        <f t="shared" si="450"/>
        <v>16629.407999999999</v>
      </c>
      <c r="NZX52" s="7">
        <f t="shared" si="450"/>
        <v>16629.407999999999</v>
      </c>
      <c r="NZY52" s="7">
        <f t="shared" si="450"/>
        <v>16629.407999999999</v>
      </c>
      <c r="NZZ52" s="7">
        <f t="shared" si="450"/>
        <v>16629.407999999999</v>
      </c>
      <c r="OAA52" s="7">
        <f t="shared" si="450"/>
        <v>16629.407999999999</v>
      </c>
      <c r="OAB52" s="7">
        <f t="shared" si="450"/>
        <v>16629.407999999999</v>
      </c>
      <c r="OAC52" s="7">
        <f t="shared" si="450"/>
        <v>16629.407999999999</v>
      </c>
      <c r="OAD52" s="7">
        <f t="shared" si="450"/>
        <v>16629.407999999999</v>
      </c>
      <c r="OAE52" s="7">
        <f t="shared" si="450"/>
        <v>16629.407999999999</v>
      </c>
      <c r="OAF52" s="7">
        <f t="shared" si="450"/>
        <v>16629.407999999999</v>
      </c>
      <c r="OAG52" s="7">
        <f t="shared" si="450"/>
        <v>16629.407999999999</v>
      </c>
      <c r="OAH52" s="7">
        <f t="shared" si="450"/>
        <v>16629.407999999999</v>
      </c>
      <c r="OAI52" s="7">
        <f t="shared" si="450"/>
        <v>16629.407999999999</v>
      </c>
      <c r="OAJ52" s="7">
        <f t="shared" si="450"/>
        <v>16629.407999999999</v>
      </c>
      <c r="OAK52" s="7">
        <f t="shared" si="450"/>
        <v>16629.407999999999</v>
      </c>
      <c r="OAL52" s="7">
        <f t="shared" si="450"/>
        <v>16629.407999999999</v>
      </c>
      <c r="OAM52" s="7">
        <f t="shared" si="450"/>
        <v>16629.407999999999</v>
      </c>
      <c r="OAN52" s="7">
        <f t="shared" si="450"/>
        <v>16629.407999999999</v>
      </c>
      <c r="OAO52" s="7">
        <f t="shared" si="450"/>
        <v>16629.407999999999</v>
      </c>
      <c r="OAP52" s="7">
        <f t="shared" si="450"/>
        <v>16629.407999999999</v>
      </c>
      <c r="OAQ52" s="7">
        <f t="shared" si="450"/>
        <v>16629.407999999999</v>
      </c>
      <c r="OAR52" s="7">
        <f t="shared" si="450"/>
        <v>16629.407999999999</v>
      </c>
      <c r="OAS52" s="7">
        <f t="shared" si="450"/>
        <v>16629.407999999999</v>
      </c>
      <c r="OAT52" s="7">
        <f t="shared" ref="OAT52:ODE52" si="451">OAT47+OAS52</f>
        <v>16629.407999999999</v>
      </c>
      <c r="OAU52" s="7">
        <f t="shared" si="451"/>
        <v>16629.407999999999</v>
      </c>
      <c r="OAV52" s="7">
        <f t="shared" si="451"/>
        <v>16629.407999999999</v>
      </c>
      <c r="OAW52" s="7">
        <f t="shared" si="451"/>
        <v>16629.407999999999</v>
      </c>
      <c r="OAX52" s="7">
        <f t="shared" si="451"/>
        <v>16629.407999999999</v>
      </c>
      <c r="OAY52" s="7">
        <f t="shared" si="451"/>
        <v>16629.407999999999</v>
      </c>
      <c r="OAZ52" s="7">
        <f t="shared" si="451"/>
        <v>16629.407999999999</v>
      </c>
      <c r="OBA52" s="7">
        <f t="shared" si="451"/>
        <v>16629.407999999999</v>
      </c>
      <c r="OBB52" s="7">
        <f t="shared" si="451"/>
        <v>16629.407999999999</v>
      </c>
      <c r="OBC52" s="7">
        <f t="shared" si="451"/>
        <v>16629.407999999999</v>
      </c>
      <c r="OBD52" s="7">
        <f t="shared" si="451"/>
        <v>16629.407999999999</v>
      </c>
      <c r="OBE52" s="7">
        <f t="shared" si="451"/>
        <v>16629.407999999999</v>
      </c>
      <c r="OBF52" s="7">
        <f t="shared" si="451"/>
        <v>16629.407999999999</v>
      </c>
      <c r="OBG52" s="7">
        <f t="shared" si="451"/>
        <v>16629.407999999999</v>
      </c>
      <c r="OBH52" s="7">
        <f t="shared" si="451"/>
        <v>16629.407999999999</v>
      </c>
      <c r="OBI52" s="7">
        <f t="shared" si="451"/>
        <v>16629.407999999999</v>
      </c>
      <c r="OBJ52" s="7">
        <f t="shared" si="451"/>
        <v>16629.407999999999</v>
      </c>
      <c r="OBK52" s="7">
        <f t="shared" si="451"/>
        <v>16629.407999999999</v>
      </c>
      <c r="OBL52" s="7">
        <f t="shared" si="451"/>
        <v>16629.407999999999</v>
      </c>
      <c r="OBM52" s="7">
        <f t="shared" si="451"/>
        <v>16629.407999999999</v>
      </c>
      <c r="OBN52" s="7">
        <f t="shared" si="451"/>
        <v>16629.407999999999</v>
      </c>
      <c r="OBO52" s="7">
        <f t="shared" si="451"/>
        <v>16629.407999999999</v>
      </c>
      <c r="OBP52" s="7">
        <f t="shared" si="451"/>
        <v>16629.407999999999</v>
      </c>
      <c r="OBQ52" s="7">
        <f t="shared" si="451"/>
        <v>16629.407999999999</v>
      </c>
      <c r="OBR52" s="7">
        <f t="shared" si="451"/>
        <v>16629.407999999999</v>
      </c>
      <c r="OBS52" s="7">
        <f t="shared" si="451"/>
        <v>16629.407999999999</v>
      </c>
      <c r="OBT52" s="7">
        <f t="shared" si="451"/>
        <v>16629.407999999999</v>
      </c>
      <c r="OBU52" s="7">
        <f t="shared" si="451"/>
        <v>16629.407999999999</v>
      </c>
      <c r="OBV52" s="7">
        <f t="shared" si="451"/>
        <v>16629.407999999999</v>
      </c>
      <c r="OBW52" s="7">
        <f t="shared" si="451"/>
        <v>16629.407999999999</v>
      </c>
      <c r="OBX52" s="7">
        <f t="shared" si="451"/>
        <v>16629.407999999999</v>
      </c>
      <c r="OBY52" s="7">
        <f t="shared" si="451"/>
        <v>16629.407999999999</v>
      </c>
      <c r="OBZ52" s="7">
        <f t="shared" si="451"/>
        <v>16629.407999999999</v>
      </c>
      <c r="OCA52" s="7">
        <f t="shared" si="451"/>
        <v>16629.407999999999</v>
      </c>
      <c r="OCB52" s="7">
        <f t="shared" si="451"/>
        <v>16629.407999999999</v>
      </c>
      <c r="OCC52" s="7">
        <f t="shared" si="451"/>
        <v>16629.407999999999</v>
      </c>
      <c r="OCD52" s="7">
        <f t="shared" si="451"/>
        <v>16629.407999999999</v>
      </c>
      <c r="OCE52" s="7">
        <f t="shared" si="451"/>
        <v>16629.407999999999</v>
      </c>
      <c r="OCF52" s="7">
        <f t="shared" si="451"/>
        <v>16629.407999999999</v>
      </c>
      <c r="OCG52" s="7">
        <f t="shared" si="451"/>
        <v>16629.407999999999</v>
      </c>
      <c r="OCH52" s="7">
        <f t="shared" si="451"/>
        <v>16629.407999999999</v>
      </c>
      <c r="OCI52" s="7">
        <f t="shared" si="451"/>
        <v>16629.407999999999</v>
      </c>
      <c r="OCJ52" s="7">
        <f t="shared" si="451"/>
        <v>16629.407999999999</v>
      </c>
      <c r="OCK52" s="7">
        <f t="shared" si="451"/>
        <v>16629.407999999999</v>
      </c>
      <c r="OCL52" s="7">
        <f t="shared" si="451"/>
        <v>16629.407999999999</v>
      </c>
      <c r="OCM52" s="7">
        <f t="shared" si="451"/>
        <v>16629.407999999999</v>
      </c>
      <c r="OCN52" s="7">
        <f t="shared" si="451"/>
        <v>16629.407999999999</v>
      </c>
      <c r="OCO52" s="7">
        <f t="shared" si="451"/>
        <v>16629.407999999999</v>
      </c>
      <c r="OCP52" s="7">
        <f t="shared" si="451"/>
        <v>16629.407999999999</v>
      </c>
      <c r="OCQ52" s="7">
        <f t="shared" si="451"/>
        <v>16629.407999999999</v>
      </c>
      <c r="OCR52" s="7">
        <f t="shared" si="451"/>
        <v>16629.407999999999</v>
      </c>
      <c r="OCS52" s="7">
        <f t="shared" si="451"/>
        <v>16629.407999999999</v>
      </c>
      <c r="OCT52" s="7">
        <f t="shared" si="451"/>
        <v>16629.407999999999</v>
      </c>
      <c r="OCU52" s="7">
        <f t="shared" si="451"/>
        <v>16629.407999999999</v>
      </c>
      <c r="OCV52" s="7">
        <f t="shared" si="451"/>
        <v>16629.407999999999</v>
      </c>
      <c r="OCW52" s="7">
        <f t="shared" si="451"/>
        <v>16629.407999999999</v>
      </c>
      <c r="OCX52" s="7">
        <f t="shared" si="451"/>
        <v>16629.407999999999</v>
      </c>
      <c r="OCY52" s="7">
        <f t="shared" si="451"/>
        <v>16629.407999999999</v>
      </c>
      <c r="OCZ52" s="7">
        <f t="shared" si="451"/>
        <v>16629.407999999999</v>
      </c>
      <c r="ODA52" s="7">
        <f t="shared" si="451"/>
        <v>16629.407999999999</v>
      </c>
      <c r="ODB52" s="7">
        <f t="shared" si="451"/>
        <v>16629.407999999999</v>
      </c>
      <c r="ODC52" s="7">
        <f t="shared" si="451"/>
        <v>16629.407999999999</v>
      </c>
      <c r="ODD52" s="7">
        <f t="shared" si="451"/>
        <v>16629.407999999999</v>
      </c>
      <c r="ODE52" s="7">
        <f t="shared" si="451"/>
        <v>16629.407999999999</v>
      </c>
      <c r="ODF52" s="7">
        <f t="shared" ref="ODF52:OFQ52" si="452">ODF47+ODE52</f>
        <v>16629.407999999999</v>
      </c>
      <c r="ODG52" s="7">
        <f t="shared" si="452"/>
        <v>16629.407999999999</v>
      </c>
      <c r="ODH52" s="7">
        <f t="shared" si="452"/>
        <v>16629.407999999999</v>
      </c>
      <c r="ODI52" s="7">
        <f t="shared" si="452"/>
        <v>16629.407999999999</v>
      </c>
      <c r="ODJ52" s="7">
        <f t="shared" si="452"/>
        <v>16629.407999999999</v>
      </c>
      <c r="ODK52" s="7">
        <f t="shared" si="452"/>
        <v>16629.407999999999</v>
      </c>
      <c r="ODL52" s="7">
        <f t="shared" si="452"/>
        <v>16629.407999999999</v>
      </c>
      <c r="ODM52" s="7">
        <f t="shared" si="452"/>
        <v>16629.407999999999</v>
      </c>
      <c r="ODN52" s="7">
        <f t="shared" si="452"/>
        <v>16629.407999999999</v>
      </c>
      <c r="ODO52" s="7">
        <f t="shared" si="452"/>
        <v>16629.407999999999</v>
      </c>
      <c r="ODP52" s="7">
        <f t="shared" si="452"/>
        <v>16629.407999999999</v>
      </c>
      <c r="ODQ52" s="7">
        <f t="shared" si="452"/>
        <v>16629.407999999999</v>
      </c>
      <c r="ODR52" s="7">
        <f t="shared" si="452"/>
        <v>16629.407999999999</v>
      </c>
      <c r="ODS52" s="7">
        <f t="shared" si="452"/>
        <v>16629.407999999999</v>
      </c>
      <c r="ODT52" s="7">
        <f t="shared" si="452"/>
        <v>16629.407999999999</v>
      </c>
      <c r="ODU52" s="7">
        <f t="shared" si="452"/>
        <v>16629.407999999999</v>
      </c>
      <c r="ODV52" s="7">
        <f t="shared" si="452"/>
        <v>16629.407999999999</v>
      </c>
      <c r="ODW52" s="7">
        <f t="shared" si="452"/>
        <v>16629.407999999999</v>
      </c>
      <c r="ODX52" s="7">
        <f t="shared" si="452"/>
        <v>16629.407999999999</v>
      </c>
      <c r="ODY52" s="7">
        <f t="shared" si="452"/>
        <v>16629.407999999999</v>
      </c>
      <c r="ODZ52" s="7">
        <f t="shared" si="452"/>
        <v>16629.407999999999</v>
      </c>
      <c r="OEA52" s="7">
        <f t="shared" si="452"/>
        <v>16629.407999999999</v>
      </c>
      <c r="OEB52" s="7">
        <f t="shared" si="452"/>
        <v>16629.407999999999</v>
      </c>
      <c r="OEC52" s="7">
        <f t="shared" si="452"/>
        <v>16629.407999999999</v>
      </c>
      <c r="OED52" s="7">
        <f t="shared" si="452"/>
        <v>16629.407999999999</v>
      </c>
      <c r="OEE52" s="7">
        <f t="shared" si="452"/>
        <v>16629.407999999999</v>
      </c>
      <c r="OEF52" s="7">
        <f t="shared" si="452"/>
        <v>16629.407999999999</v>
      </c>
      <c r="OEG52" s="7">
        <f t="shared" si="452"/>
        <v>16629.407999999999</v>
      </c>
      <c r="OEH52" s="7">
        <f t="shared" si="452"/>
        <v>16629.407999999999</v>
      </c>
      <c r="OEI52" s="7">
        <f t="shared" si="452"/>
        <v>16629.407999999999</v>
      </c>
      <c r="OEJ52" s="7">
        <f t="shared" si="452"/>
        <v>16629.407999999999</v>
      </c>
      <c r="OEK52" s="7">
        <f t="shared" si="452"/>
        <v>16629.407999999999</v>
      </c>
      <c r="OEL52" s="7">
        <f t="shared" si="452"/>
        <v>16629.407999999999</v>
      </c>
      <c r="OEM52" s="7">
        <f t="shared" si="452"/>
        <v>16629.407999999999</v>
      </c>
      <c r="OEN52" s="7">
        <f t="shared" si="452"/>
        <v>16629.407999999999</v>
      </c>
      <c r="OEO52" s="7">
        <f t="shared" si="452"/>
        <v>16629.407999999999</v>
      </c>
      <c r="OEP52" s="7">
        <f t="shared" si="452"/>
        <v>16629.407999999999</v>
      </c>
      <c r="OEQ52" s="7">
        <f t="shared" si="452"/>
        <v>16629.407999999999</v>
      </c>
      <c r="OER52" s="7">
        <f t="shared" si="452"/>
        <v>16629.407999999999</v>
      </c>
      <c r="OES52" s="7">
        <f t="shared" si="452"/>
        <v>16629.407999999999</v>
      </c>
      <c r="OET52" s="7">
        <f t="shared" si="452"/>
        <v>16629.407999999999</v>
      </c>
      <c r="OEU52" s="7">
        <f t="shared" si="452"/>
        <v>16629.407999999999</v>
      </c>
      <c r="OEV52" s="7">
        <f t="shared" si="452"/>
        <v>16629.407999999999</v>
      </c>
      <c r="OEW52" s="7">
        <f t="shared" si="452"/>
        <v>16629.407999999999</v>
      </c>
      <c r="OEX52" s="7">
        <f t="shared" si="452"/>
        <v>16629.407999999999</v>
      </c>
      <c r="OEY52" s="7">
        <f t="shared" si="452"/>
        <v>16629.407999999999</v>
      </c>
      <c r="OEZ52" s="7">
        <f t="shared" si="452"/>
        <v>16629.407999999999</v>
      </c>
      <c r="OFA52" s="7">
        <f t="shared" si="452"/>
        <v>16629.407999999999</v>
      </c>
      <c r="OFB52" s="7">
        <f t="shared" si="452"/>
        <v>16629.407999999999</v>
      </c>
      <c r="OFC52" s="7">
        <f t="shared" si="452"/>
        <v>16629.407999999999</v>
      </c>
      <c r="OFD52" s="7">
        <f t="shared" si="452"/>
        <v>16629.407999999999</v>
      </c>
      <c r="OFE52" s="7">
        <f t="shared" si="452"/>
        <v>16629.407999999999</v>
      </c>
      <c r="OFF52" s="7">
        <f t="shared" si="452"/>
        <v>16629.407999999999</v>
      </c>
      <c r="OFG52" s="7">
        <f t="shared" si="452"/>
        <v>16629.407999999999</v>
      </c>
      <c r="OFH52" s="7">
        <f t="shared" si="452"/>
        <v>16629.407999999999</v>
      </c>
      <c r="OFI52" s="7">
        <f t="shared" si="452"/>
        <v>16629.407999999999</v>
      </c>
      <c r="OFJ52" s="7">
        <f t="shared" si="452"/>
        <v>16629.407999999999</v>
      </c>
      <c r="OFK52" s="7">
        <f t="shared" si="452"/>
        <v>16629.407999999999</v>
      </c>
      <c r="OFL52" s="7">
        <f t="shared" si="452"/>
        <v>16629.407999999999</v>
      </c>
      <c r="OFM52" s="7">
        <f t="shared" si="452"/>
        <v>16629.407999999999</v>
      </c>
      <c r="OFN52" s="7">
        <f t="shared" si="452"/>
        <v>16629.407999999999</v>
      </c>
      <c r="OFO52" s="7">
        <f t="shared" si="452"/>
        <v>16629.407999999999</v>
      </c>
      <c r="OFP52" s="7">
        <f t="shared" si="452"/>
        <v>16629.407999999999</v>
      </c>
      <c r="OFQ52" s="7">
        <f t="shared" si="452"/>
        <v>16629.407999999999</v>
      </c>
      <c r="OFR52" s="7">
        <f t="shared" ref="OFR52:OIC52" si="453">OFR47+OFQ52</f>
        <v>16629.407999999999</v>
      </c>
      <c r="OFS52" s="7">
        <f t="shared" si="453"/>
        <v>16629.407999999999</v>
      </c>
      <c r="OFT52" s="7">
        <f t="shared" si="453"/>
        <v>16629.407999999999</v>
      </c>
      <c r="OFU52" s="7">
        <f t="shared" si="453"/>
        <v>16629.407999999999</v>
      </c>
      <c r="OFV52" s="7">
        <f t="shared" si="453"/>
        <v>16629.407999999999</v>
      </c>
      <c r="OFW52" s="7">
        <f t="shared" si="453"/>
        <v>16629.407999999999</v>
      </c>
      <c r="OFX52" s="7">
        <f t="shared" si="453"/>
        <v>16629.407999999999</v>
      </c>
      <c r="OFY52" s="7">
        <f t="shared" si="453"/>
        <v>16629.407999999999</v>
      </c>
      <c r="OFZ52" s="7">
        <f t="shared" si="453"/>
        <v>16629.407999999999</v>
      </c>
      <c r="OGA52" s="7">
        <f t="shared" si="453"/>
        <v>16629.407999999999</v>
      </c>
      <c r="OGB52" s="7">
        <f t="shared" si="453"/>
        <v>16629.407999999999</v>
      </c>
      <c r="OGC52" s="7">
        <f t="shared" si="453"/>
        <v>16629.407999999999</v>
      </c>
      <c r="OGD52" s="7">
        <f t="shared" si="453"/>
        <v>16629.407999999999</v>
      </c>
      <c r="OGE52" s="7">
        <f t="shared" si="453"/>
        <v>16629.407999999999</v>
      </c>
      <c r="OGF52" s="7">
        <f t="shared" si="453"/>
        <v>16629.407999999999</v>
      </c>
      <c r="OGG52" s="7">
        <f t="shared" si="453"/>
        <v>16629.407999999999</v>
      </c>
      <c r="OGH52" s="7">
        <f t="shared" si="453"/>
        <v>16629.407999999999</v>
      </c>
      <c r="OGI52" s="7">
        <f t="shared" si="453"/>
        <v>16629.407999999999</v>
      </c>
      <c r="OGJ52" s="7">
        <f t="shared" si="453"/>
        <v>16629.407999999999</v>
      </c>
      <c r="OGK52" s="7">
        <f t="shared" si="453"/>
        <v>16629.407999999999</v>
      </c>
      <c r="OGL52" s="7">
        <f t="shared" si="453"/>
        <v>16629.407999999999</v>
      </c>
      <c r="OGM52" s="7">
        <f t="shared" si="453"/>
        <v>16629.407999999999</v>
      </c>
      <c r="OGN52" s="7">
        <f t="shared" si="453"/>
        <v>16629.407999999999</v>
      </c>
      <c r="OGO52" s="7">
        <f t="shared" si="453"/>
        <v>16629.407999999999</v>
      </c>
      <c r="OGP52" s="7">
        <f t="shared" si="453"/>
        <v>16629.407999999999</v>
      </c>
      <c r="OGQ52" s="7">
        <f t="shared" si="453"/>
        <v>16629.407999999999</v>
      </c>
      <c r="OGR52" s="7">
        <f t="shared" si="453"/>
        <v>16629.407999999999</v>
      </c>
      <c r="OGS52" s="7">
        <f t="shared" si="453"/>
        <v>16629.407999999999</v>
      </c>
      <c r="OGT52" s="7">
        <f t="shared" si="453"/>
        <v>16629.407999999999</v>
      </c>
      <c r="OGU52" s="7">
        <f t="shared" si="453"/>
        <v>16629.407999999999</v>
      </c>
      <c r="OGV52" s="7">
        <f t="shared" si="453"/>
        <v>16629.407999999999</v>
      </c>
      <c r="OGW52" s="7">
        <f t="shared" si="453"/>
        <v>16629.407999999999</v>
      </c>
      <c r="OGX52" s="7">
        <f t="shared" si="453"/>
        <v>16629.407999999999</v>
      </c>
      <c r="OGY52" s="7">
        <f t="shared" si="453"/>
        <v>16629.407999999999</v>
      </c>
      <c r="OGZ52" s="7">
        <f t="shared" si="453"/>
        <v>16629.407999999999</v>
      </c>
      <c r="OHA52" s="7">
        <f t="shared" si="453"/>
        <v>16629.407999999999</v>
      </c>
      <c r="OHB52" s="7">
        <f t="shared" si="453"/>
        <v>16629.407999999999</v>
      </c>
      <c r="OHC52" s="7">
        <f t="shared" si="453"/>
        <v>16629.407999999999</v>
      </c>
      <c r="OHD52" s="7">
        <f t="shared" si="453"/>
        <v>16629.407999999999</v>
      </c>
      <c r="OHE52" s="7">
        <f t="shared" si="453"/>
        <v>16629.407999999999</v>
      </c>
      <c r="OHF52" s="7">
        <f t="shared" si="453"/>
        <v>16629.407999999999</v>
      </c>
      <c r="OHG52" s="7">
        <f t="shared" si="453"/>
        <v>16629.407999999999</v>
      </c>
      <c r="OHH52" s="7">
        <f t="shared" si="453"/>
        <v>16629.407999999999</v>
      </c>
      <c r="OHI52" s="7">
        <f t="shared" si="453"/>
        <v>16629.407999999999</v>
      </c>
      <c r="OHJ52" s="7">
        <f t="shared" si="453"/>
        <v>16629.407999999999</v>
      </c>
      <c r="OHK52" s="7">
        <f t="shared" si="453"/>
        <v>16629.407999999999</v>
      </c>
      <c r="OHL52" s="7">
        <f t="shared" si="453"/>
        <v>16629.407999999999</v>
      </c>
      <c r="OHM52" s="7">
        <f t="shared" si="453"/>
        <v>16629.407999999999</v>
      </c>
      <c r="OHN52" s="7">
        <f t="shared" si="453"/>
        <v>16629.407999999999</v>
      </c>
      <c r="OHO52" s="7">
        <f t="shared" si="453"/>
        <v>16629.407999999999</v>
      </c>
      <c r="OHP52" s="7">
        <f t="shared" si="453"/>
        <v>16629.407999999999</v>
      </c>
      <c r="OHQ52" s="7">
        <f t="shared" si="453"/>
        <v>16629.407999999999</v>
      </c>
      <c r="OHR52" s="7">
        <f t="shared" si="453"/>
        <v>16629.407999999999</v>
      </c>
      <c r="OHS52" s="7">
        <f t="shared" si="453"/>
        <v>16629.407999999999</v>
      </c>
      <c r="OHT52" s="7">
        <f t="shared" si="453"/>
        <v>16629.407999999999</v>
      </c>
      <c r="OHU52" s="7">
        <f t="shared" si="453"/>
        <v>16629.407999999999</v>
      </c>
      <c r="OHV52" s="7">
        <f t="shared" si="453"/>
        <v>16629.407999999999</v>
      </c>
      <c r="OHW52" s="7">
        <f t="shared" si="453"/>
        <v>16629.407999999999</v>
      </c>
      <c r="OHX52" s="7">
        <f t="shared" si="453"/>
        <v>16629.407999999999</v>
      </c>
      <c r="OHY52" s="7">
        <f t="shared" si="453"/>
        <v>16629.407999999999</v>
      </c>
      <c r="OHZ52" s="7">
        <f t="shared" si="453"/>
        <v>16629.407999999999</v>
      </c>
      <c r="OIA52" s="7">
        <f t="shared" si="453"/>
        <v>16629.407999999999</v>
      </c>
      <c r="OIB52" s="7">
        <f t="shared" si="453"/>
        <v>16629.407999999999</v>
      </c>
      <c r="OIC52" s="7">
        <f t="shared" si="453"/>
        <v>16629.407999999999</v>
      </c>
      <c r="OID52" s="7">
        <f t="shared" ref="OID52:OKO52" si="454">OID47+OIC52</f>
        <v>16629.407999999999</v>
      </c>
      <c r="OIE52" s="7">
        <f t="shared" si="454"/>
        <v>16629.407999999999</v>
      </c>
      <c r="OIF52" s="7">
        <f t="shared" si="454"/>
        <v>16629.407999999999</v>
      </c>
      <c r="OIG52" s="7">
        <f t="shared" si="454"/>
        <v>16629.407999999999</v>
      </c>
      <c r="OIH52" s="7">
        <f t="shared" si="454"/>
        <v>16629.407999999999</v>
      </c>
      <c r="OII52" s="7">
        <f t="shared" si="454"/>
        <v>16629.407999999999</v>
      </c>
      <c r="OIJ52" s="7">
        <f t="shared" si="454"/>
        <v>16629.407999999999</v>
      </c>
      <c r="OIK52" s="7">
        <f t="shared" si="454"/>
        <v>16629.407999999999</v>
      </c>
      <c r="OIL52" s="7">
        <f t="shared" si="454"/>
        <v>16629.407999999999</v>
      </c>
      <c r="OIM52" s="7">
        <f t="shared" si="454"/>
        <v>16629.407999999999</v>
      </c>
      <c r="OIN52" s="7">
        <f t="shared" si="454"/>
        <v>16629.407999999999</v>
      </c>
      <c r="OIO52" s="7">
        <f t="shared" si="454"/>
        <v>16629.407999999999</v>
      </c>
      <c r="OIP52" s="7">
        <f t="shared" si="454"/>
        <v>16629.407999999999</v>
      </c>
      <c r="OIQ52" s="7">
        <f t="shared" si="454"/>
        <v>16629.407999999999</v>
      </c>
      <c r="OIR52" s="7">
        <f t="shared" si="454"/>
        <v>16629.407999999999</v>
      </c>
      <c r="OIS52" s="7">
        <f t="shared" si="454"/>
        <v>16629.407999999999</v>
      </c>
      <c r="OIT52" s="7">
        <f t="shared" si="454"/>
        <v>16629.407999999999</v>
      </c>
      <c r="OIU52" s="7">
        <f t="shared" si="454"/>
        <v>16629.407999999999</v>
      </c>
      <c r="OIV52" s="7">
        <f t="shared" si="454"/>
        <v>16629.407999999999</v>
      </c>
      <c r="OIW52" s="7">
        <f t="shared" si="454"/>
        <v>16629.407999999999</v>
      </c>
      <c r="OIX52" s="7">
        <f t="shared" si="454"/>
        <v>16629.407999999999</v>
      </c>
      <c r="OIY52" s="7">
        <f t="shared" si="454"/>
        <v>16629.407999999999</v>
      </c>
      <c r="OIZ52" s="7">
        <f t="shared" si="454"/>
        <v>16629.407999999999</v>
      </c>
      <c r="OJA52" s="7">
        <f t="shared" si="454"/>
        <v>16629.407999999999</v>
      </c>
      <c r="OJB52" s="7">
        <f t="shared" si="454"/>
        <v>16629.407999999999</v>
      </c>
      <c r="OJC52" s="7">
        <f t="shared" si="454"/>
        <v>16629.407999999999</v>
      </c>
      <c r="OJD52" s="7">
        <f t="shared" si="454"/>
        <v>16629.407999999999</v>
      </c>
      <c r="OJE52" s="7">
        <f t="shared" si="454"/>
        <v>16629.407999999999</v>
      </c>
      <c r="OJF52" s="7">
        <f t="shared" si="454"/>
        <v>16629.407999999999</v>
      </c>
      <c r="OJG52" s="7">
        <f t="shared" si="454"/>
        <v>16629.407999999999</v>
      </c>
      <c r="OJH52" s="7">
        <f t="shared" si="454"/>
        <v>16629.407999999999</v>
      </c>
      <c r="OJI52" s="7">
        <f t="shared" si="454"/>
        <v>16629.407999999999</v>
      </c>
      <c r="OJJ52" s="7">
        <f t="shared" si="454"/>
        <v>16629.407999999999</v>
      </c>
      <c r="OJK52" s="7">
        <f t="shared" si="454"/>
        <v>16629.407999999999</v>
      </c>
      <c r="OJL52" s="7">
        <f t="shared" si="454"/>
        <v>16629.407999999999</v>
      </c>
      <c r="OJM52" s="7">
        <f t="shared" si="454"/>
        <v>16629.407999999999</v>
      </c>
      <c r="OJN52" s="7">
        <f t="shared" si="454"/>
        <v>16629.407999999999</v>
      </c>
      <c r="OJO52" s="7">
        <f t="shared" si="454"/>
        <v>16629.407999999999</v>
      </c>
      <c r="OJP52" s="7">
        <f t="shared" si="454"/>
        <v>16629.407999999999</v>
      </c>
      <c r="OJQ52" s="7">
        <f t="shared" si="454"/>
        <v>16629.407999999999</v>
      </c>
      <c r="OJR52" s="7">
        <f t="shared" si="454"/>
        <v>16629.407999999999</v>
      </c>
      <c r="OJS52" s="7">
        <f t="shared" si="454"/>
        <v>16629.407999999999</v>
      </c>
      <c r="OJT52" s="7">
        <f t="shared" si="454"/>
        <v>16629.407999999999</v>
      </c>
      <c r="OJU52" s="7">
        <f t="shared" si="454"/>
        <v>16629.407999999999</v>
      </c>
      <c r="OJV52" s="7">
        <f t="shared" si="454"/>
        <v>16629.407999999999</v>
      </c>
      <c r="OJW52" s="7">
        <f t="shared" si="454"/>
        <v>16629.407999999999</v>
      </c>
      <c r="OJX52" s="7">
        <f t="shared" si="454"/>
        <v>16629.407999999999</v>
      </c>
      <c r="OJY52" s="7">
        <f t="shared" si="454"/>
        <v>16629.407999999999</v>
      </c>
      <c r="OJZ52" s="7">
        <f t="shared" si="454"/>
        <v>16629.407999999999</v>
      </c>
      <c r="OKA52" s="7">
        <f t="shared" si="454"/>
        <v>16629.407999999999</v>
      </c>
      <c r="OKB52" s="7">
        <f t="shared" si="454"/>
        <v>16629.407999999999</v>
      </c>
      <c r="OKC52" s="7">
        <f t="shared" si="454"/>
        <v>16629.407999999999</v>
      </c>
      <c r="OKD52" s="7">
        <f t="shared" si="454"/>
        <v>16629.407999999999</v>
      </c>
      <c r="OKE52" s="7">
        <f t="shared" si="454"/>
        <v>16629.407999999999</v>
      </c>
      <c r="OKF52" s="7">
        <f t="shared" si="454"/>
        <v>16629.407999999999</v>
      </c>
      <c r="OKG52" s="7">
        <f t="shared" si="454"/>
        <v>16629.407999999999</v>
      </c>
      <c r="OKH52" s="7">
        <f t="shared" si="454"/>
        <v>16629.407999999999</v>
      </c>
      <c r="OKI52" s="7">
        <f t="shared" si="454"/>
        <v>16629.407999999999</v>
      </c>
      <c r="OKJ52" s="7">
        <f t="shared" si="454"/>
        <v>16629.407999999999</v>
      </c>
      <c r="OKK52" s="7">
        <f t="shared" si="454"/>
        <v>16629.407999999999</v>
      </c>
      <c r="OKL52" s="7">
        <f t="shared" si="454"/>
        <v>16629.407999999999</v>
      </c>
      <c r="OKM52" s="7">
        <f t="shared" si="454"/>
        <v>16629.407999999999</v>
      </c>
      <c r="OKN52" s="7">
        <f t="shared" si="454"/>
        <v>16629.407999999999</v>
      </c>
      <c r="OKO52" s="7">
        <f t="shared" si="454"/>
        <v>16629.407999999999</v>
      </c>
      <c r="OKP52" s="7">
        <f t="shared" ref="OKP52:ONA52" si="455">OKP47+OKO52</f>
        <v>16629.407999999999</v>
      </c>
      <c r="OKQ52" s="7">
        <f t="shared" si="455"/>
        <v>16629.407999999999</v>
      </c>
      <c r="OKR52" s="7">
        <f t="shared" si="455"/>
        <v>16629.407999999999</v>
      </c>
      <c r="OKS52" s="7">
        <f t="shared" si="455"/>
        <v>16629.407999999999</v>
      </c>
      <c r="OKT52" s="7">
        <f t="shared" si="455"/>
        <v>16629.407999999999</v>
      </c>
      <c r="OKU52" s="7">
        <f t="shared" si="455"/>
        <v>16629.407999999999</v>
      </c>
      <c r="OKV52" s="7">
        <f t="shared" si="455"/>
        <v>16629.407999999999</v>
      </c>
      <c r="OKW52" s="7">
        <f t="shared" si="455"/>
        <v>16629.407999999999</v>
      </c>
      <c r="OKX52" s="7">
        <f t="shared" si="455"/>
        <v>16629.407999999999</v>
      </c>
      <c r="OKY52" s="7">
        <f t="shared" si="455"/>
        <v>16629.407999999999</v>
      </c>
      <c r="OKZ52" s="7">
        <f t="shared" si="455"/>
        <v>16629.407999999999</v>
      </c>
      <c r="OLA52" s="7">
        <f t="shared" si="455"/>
        <v>16629.407999999999</v>
      </c>
      <c r="OLB52" s="7">
        <f t="shared" si="455"/>
        <v>16629.407999999999</v>
      </c>
      <c r="OLC52" s="7">
        <f t="shared" si="455"/>
        <v>16629.407999999999</v>
      </c>
      <c r="OLD52" s="7">
        <f t="shared" si="455"/>
        <v>16629.407999999999</v>
      </c>
      <c r="OLE52" s="7">
        <f t="shared" si="455"/>
        <v>16629.407999999999</v>
      </c>
      <c r="OLF52" s="7">
        <f t="shared" si="455"/>
        <v>16629.407999999999</v>
      </c>
      <c r="OLG52" s="7">
        <f t="shared" si="455"/>
        <v>16629.407999999999</v>
      </c>
      <c r="OLH52" s="7">
        <f t="shared" si="455"/>
        <v>16629.407999999999</v>
      </c>
      <c r="OLI52" s="7">
        <f t="shared" si="455"/>
        <v>16629.407999999999</v>
      </c>
      <c r="OLJ52" s="7">
        <f t="shared" si="455"/>
        <v>16629.407999999999</v>
      </c>
      <c r="OLK52" s="7">
        <f t="shared" si="455"/>
        <v>16629.407999999999</v>
      </c>
      <c r="OLL52" s="7">
        <f t="shared" si="455"/>
        <v>16629.407999999999</v>
      </c>
      <c r="OLM52" s="7">
        <f t="shared" si="455"/>
        <v>16629.407999999999</v>
      </c>
      <c r="OLN52" s="7">
        <f t="shared" si="455"/>
        <v>16629.407999999999</v>
      </c>
      <c r="OLO52" s="7">
        <f t="shared" si="455"/>
        <v>16629.407999999999</v>
      </c>
      <c r="OLP52" s="7">
        <f t="shared" si="455"/>
        <v>16629.407999999999</v>
      </c>
      <c r="OLQ52" s="7">
        <f t="shared" si="455"/>
        <v>16629.407999999999</v>
      </c>
      <c r="OLR52" s="7">
        <f t="shared" si="455"/>
        <v>16629.407999999999</v>
      </c>
      <c r="OLS52" s="7">
        <f t="shared" si="455"/>
        <v>16629.407999999999</v>
      </c>
      <c r="OLT52" s="7">
        <f t="shared" si="455"/>
        <v>16629.407999999999</v>
      </c>
      <c r="OLU52" s="7">
        <f t="shared" si="455"/>
        <v>16629.407999999999</v>
      </c>
      <c r="OLV52" s="7">
        <f t="shared" si="455"/>
        <v>16629.407999999999</v>
      </c>
      <c r="OLW52" s="7">
        <f t="shared" si="455"/>
        <v>16629.407999999999</v>
      </c>
      <c r="OLX52" s="7">
        <f t="shared" si="455"/>
        <v>16629.407999999999</v>
      </c>
      <c r="OLY52" s="7">
        <f t="shared" si="455"/>
        <v>16629.407999999999</v>
      </c>
      <c r="OLZ52" s="7">
        <f t="shared" si="455"/>
        <v>16629.407999999999</v>
      </c>
      <c r="OMA52" s="7">
        <f t="shared" si="455"/>
        <v>16629.407999999999</v>
      </c>
      <c r="OMB52" s="7">
        <f t="shared" si="455"/>
        <v>16629.407999999999</v>
      </c>
      <c r="OMC52" s="7">
        <f t="shared" si="455"/>
        <v>16629.407999999999</v>
      </c>
      <c r="OMD52" s="7">
        <f t="shared" si="455"/>
        <v>16629.407999999999</v>
      </c>
      <c r="OME52" s="7">
        <f t="shared" si="455"/>
        <v>16629.407999999999</v>
      </c>
      <c r="OMF52" s="7">
        <f t="shared" si="455"/>
        <v>16629.407999999999</v>
      </c>
      <c r="OMG52" s="7">
        <f t="shared" si="455"/>
        <v>16629.407999999999</v>
      </c>
      <c r="OMH52" s="7">
        <f t="shared" si="455"/>
        <v>16629.407999999999</v>
      </c>
      <c r="OMI52" s="7">
        <f t="shared" si="455"/>
        <v>16629.407999999999</v>
      </c>
      <c r="OMJ52" s="7">
        <f t="shared" si="455"/>
        <v>16629.407999999999</v>
      </c>
      <c r="OMK52" s="7">
        <f t="shared" si="455"/>
        <v>16629.407999999999</v>
      </c>
      <c r="OML52" s="7">
        <f t="shared" si="455"/>
        <v>16629.407999999999</v>
      </c>
      <c r="OMM52" s="7">
        <f t="shared" si="455"/>
        <v>16629.407999999999</v>
      </c>
      <c r="OMN52" s="7">
        <f t="shared" si="455"/>
        <v>16629.407999999999</v>
      </c>
      <c r="OMO52" s="7">
        <f t="shared" si="455"/>
        <v>16629.407999999999</v>
      </c>
      <c r="OMP52" s="7">
        <f t="shared" si="455"/>
        <v>16629.407999999999</v>
      </c>
      <c r="OMQ52" s="7">
        <f t="shared" si="455"/>
        <v>16629.407999999999</v>
      </c>
      <c r="OMR52" s="7">
        <f t="shared" si="455"/>
        <v>16629.407999999999</v>
      </c>
      <c r="OMS52" s="7">
        <f t="shared" si="455"/>
        <v>16629.407999999999</v>
      </c>
      <c r="OMT52" s="7">
        <f t="shared" si="455"/>
        <v>16629.407999999999</v>
      </c>
      <c r="OMU52" s="7">
        <f t="shared" si="455"/>
        <v>16629.407999999999</v>
      </c>
      <c r="OMV52" s="7">
        <f t="shared" si="455"/>
        <v>16629.407999999999</v>
      </c>
      <c r="OMW52" s="7">
        <f t="shared" si="455"/>
        <v>16629.407999999999</v>
      </c>
      <c r="OMX52" s="7">
        <f t="shared" si="455"/>
        <v>16629.407999999999</v>
      </c>
      <c r="OMY52" s="7">
        <f t="shared" si="455"/>
        <v>16629.407999999999</v>
      </c>
      <c r="OMZ52" s="7">
        <f t="shared" si="455"/>
        <v>16629.407999999999</v>
      </c>
      <c r="ONA52" s="7">
        <f t="shared" si="455"/>
        <v>16629.407999999999</v>
      </c>
      <c r="ONB52" s="7">
        <f t="shared" ref="ONB52:OPM52" si="456">ONB47+ONA52</f>
        <v>16629.407999999999</v>
      </c>
      <c r="ONC52" s="7">
        <f t="shared" si="456"/>
        <v>16629.407999999999</v>
      </c>
      <c r="OND52" s="7">
        <f t="shared" si="456"/>
        <v>16629.407999999999</v>
      </c>
      <c r="ONE52" s="7">
        <f t="shared" si="456"/>
        <v>16629.407999999999</v>
      </c>
      <c r="ONF52" s="7">
        <f t="shared" si="456"/>
        <v>16629.407999999999</v>
      </c>
      <c r="ONG52" s="7">
        <f t="shared" si="456"/>
        <v>16629.407999999999</v>
      </c>
      <c r="ONH52" s="7">
        <f t="shared" si="456"/>
        <v>16629.407999999999</v>
      </c>
      <c r="ONI52" s="7">
        <f t="shared" si="456"/>
        <v>16629.407999999999</v>
      </c>
      <c r="ONJ52" s="7">
        <f t="shared" si="456"/>
        <v>16629.407999999999</v>
      </c>
      <c r="ONK52" s="7">
        <f t="shared" si="456"/>
        <v>16629.407999999999</v>
      </c>
      <c r="ONL52" s="7">
        <f t="shared" si="456"/>
        <v>16629.407999999999</v>
      </c>
      <c r="ONM52" s="7">
        <f t="shared" si="456"/>
        <v>16629.407999999999</v>
      </c>
      <c r="ONN52" s="7">
        <f t="shared" si="456"/>
        <v>16629.407999999999</v>
      </c>
      <c r="ONO52" s="7">
        <f t="shared" si="456"/>
        <v>16629.407999999999</v>
      </c>
      <c r="ONP52" s="7">
        <f t="shared" si="456"/>
        <v>16629.407999999999</v>
      </c>
      <c r="ONQ52" s="7">
        <f t="shared" si="456"/>
        <v>16629.407999999999</v>
      </c>
      <c r="ONR52" s="7">
        <f t="shared" si="456"/>
        <v>16629.407999999999</v>
      </c>
      <c r="ONS52" s="7">
        <f t="shared" si="456"/>
        <v>16629.407999999999</v>
      </c>
      <c r="ONT52" s="7">
        <f t="shared" si="456"/>
        <v>16629.407999999999</v>
      </c>
      <c r="ONU52" s="7">
        <f t="shared" si="456"/>
        <v>16629.407999999999</v>
      </c>
      <c r="ONV52" s="7">
        <f t="shared" si="456"/>
        <v>16629.407999999999</v>
      </c>
      <c r="ONW52" s="7">
        <f t="shared" si="456"/>
        <v>16629.407999999999</v>
      </c>
      <c r="ONX52" s="7">
        <f t="shared" si="456"/>
        <v>16629.407999999999</v>
      </c>
      <c r="ONY52" s="7">
        <f t="shared" si="456"/>
        <v>16629.407999999999</v>
      </c>
      <c r="ONZ52" s="7">
        <f t="shared" si="456"/>
        <v>16629.407999999999</v>
      </c>
      <c r="OOA52" s="7">
        <f t="shared" si="456"/>
        <v>16629.407999999999</v>
      </c>
      <c r="OOB52" s="7">
        <f t="shared" si="456"/>
        <v>16629.407999999999</v>
      </c>
      <c r="OOC52" s="7">
        <f t="shared" si="456"/>
        <v>16629.407999999999</v>
      </c>
      <c r="OOD52" s="7">
        <f t="shared" si="456"/>
        <v>16629.407999999999</v>
      </c>
      <c r="OOE52" s="7">
        <f t="shared" si="456"/>
        <v>16629.407999999999</v>
      </c>
      <c r="OOF52" s="7">
        <f t="shared" si="456"/>
        <v>16629.407999999999</v>
      </c>
      <c r="OOG52" s="7">
        <f t="shared" si="456"/>
        <v>16629.407999999999</v>
      </c>
      <c r="OOH52" s="7">
        <f t="shared" si="456"/>
        <v>16629.407999999999</v>
      </c>
      <c r="OOI52" s="7">
        <f t="shared" si="456"/>
        <v>16629.407999999999</v>
      </c>
      <c r="OOJ52" s="7">
        <f t="shared" si="456"/>
        <v>16629.407999999999</v>
      </c>
      <c r="OOK52" s="7">
        <f t="shared" si="456"/>
        <v>16629.407999999999</v>
      </c>
      <c r="OOL52" s="7">
        <f t="shared" si="456"/>
        <v>16629.407999999999</v>
      </c>
      <c r="OOM52" s="7">
        <f t="shared" si="456"/>
        <v>16629.407999999999</v>
      </c>
      <c r="OON52" s="7">
        <f t="shared" si="456"/>
        <v>16629.407999999999</v>
      </c>
      <c r="OOO52" s="7">
        <f t="shared" si="456"/>
        <v>16629.407999999999</v>
      </c>
      <c r="OOP52" s="7">
        <f t="shared" si="456"/>
        <v>16629.407999999999</v>
      </c>
      <c r="OOQ52" s="7">
        <f t="shared" si="456"/>
        <v>16629.407999999999</v>
      </c>
      <c r="OOR52" s="7">
        <f t="shared" si="456"/>
        <v>16629.407999999999</v>
      </c>
      <c r="OOS52" s="7">
        <f t="shared" si="456"/>
        <v>16629.407999999999</v>
      </c>
      <c r="OOT52" s="7">
        <f t="shared" si="456"/>
        <v>16629.407999999999</v>
      </c>
      <c r="OOU52" s="7">
        <f t="shared" si="456"/>
        <v>16629.407999999999</v>
      </c>
      <c r="OOV52" s="7">
        <f t="shared" si="456"/>
        <v>16629.407999999999</v>
      </c>
      <c r="OOW52" s="7">
        <f t="shared" si="456"/>
        <v>16629.407999999999</v>
      </c>
      <c r="OOX52" s="7">
        <f t="shared" si="456"/>
        <v>16629.407999999999</v>
      </c>
      <c r="OOY52" s="7">
        <f t="shared" si="456"/>
        <v>16629.407999999999</v>
      </c>
      <c r="OOZ52" s="7">
        <f t="shared" si="456"/>
        <v>16629.407999999999</v>
      </c>
      <c r="OPA52" s="7">
        <f t="shared" si="456"/>
        <v>16629.407999999999</v>
      </c>
      <c r="OPB52" s="7">
        <f t="shared" si="456"/>
        <v>16629.407999999999</v>
      </c>
      <c r="OPC52" s="7">
        <f t="shared" si="456"/>
        <v>16629.407999999999</v>
      </c>
      <c r="OPD52" s="7">
        <f t="shared" si="456"/>
        <v>16629.407999999999</v>
      </c>
      <c r="OPE52" s="7">
        <f t="shared" si="456"/>
        <v>16629.407999999999</v>
      </c>
      <c r="OPF52" s="7">
        <f t="shared" si="456"/>
        <v>16629.407999999999</v>
      </c>
      <c r="OPG52" s="7">
        <f t="shared" si="456"/>
        <v>16629.407999999999</v>
      </c>
      <c r="OPH52" s="7">
        <f t="shared" si="456"/>
        <v>16629.407999999999</v>
      </c>
      <c r="OPI52" s="7">
        <f t="shared" si="456"/>
        <v>16629.407999999999</v>
      </c>
      <c r="OPJ52" s="7">
        <f t="shared" si="456"/>
        <v>16629.407999999999</v>
      </c>
      <c r="OPK52" s="7">
        <f t="shared" si="456"/>
        <v>16629.407999999999</v>
      </c>
      <c r="OPL52" s="7">
        <f t="shared" si="456"/>
        <v>16629.407999999999</v>
      </c>
      <c r="OPM52" s="7">
        <f t="shared" si="456"/>
        <v>16629.407999999999</v>
      </c>
      <c r="OPN52" s="7">
        <f t="shared" ref="OPN52:ORY52" si="457">OPN47+OPM52</f>
        <v>16629.407999999999</v>
      </c>
      <c r="OPO52" s="7">
        <f t="shared" si="457"/>
        <v>16629.407999999999</v>
      </c>
      <c r="OPP52" s="7">
        <f t="shared" si="457"/>
        <v>16629.407999999999</v>
      </c>
      <c r="OPQ52" s="7">
        <f t="shared" si="457"/>
        <v>16629.407999999999</v>
      </c>
      <c r="OPR52" s="7">
        <f t="shared" si="457"/>
        <v>16629.407999999999</v>
      </c>
      <c r="OPS52" s="7">
        <f t="shared" si="457"/>
        <v>16629.407999999999</v>
      </c>
      <c r="OPT52" s="7">
        <f t="shared" si="457"/>
        <v>16629.407999999999</v>
      </c>
      <c r="OPU52" s="7">
        <f t="shared" si="457"/>
        <v>16629.407999999999</v>
      </c>
      <c r="OPV52" s="7">
        <f t="shared" si="457"/>
        <v>16629.407999999999</v>
      </c>
      <c r="OPW52" s="7">
        <f t="shared" si="457"/>
        <v>16629.407999999999</v>
      </c>
      <c r="OPX52" s="7">
        <f t="shared" si="457"/>
        <v>16629.407999999999</v>
      </c>
      <c r="OPY52" s="7">
        <f t="shared" si="457"/>
        <v>16629.407999999999</v>
      </c>
      <c r="OPZ52" s="7">
        <f t="shared" si="457"/>
        <v>16629.407999999999</v>
      </c>
      <c r="OQA52" s="7">
        <f t="shared" si="457"/>
        <v>16629.407999999999</v>
      </c>
      <c r="OQB52" s="7">
        <f t="shared" si="457"/>
        <v>16629.407999999999</v>
      </c>
      <c r="OQC52" s="7">
        <f t="shared" si="457"/>
        <v>16629.407999999999</v>
      </c>
      <c r="OQD52" s="7">
        <f t="shared" si="457"/>
        <v>16629.407999999999</v>
      </c>
      <c r="OQE52" s="7">
        <f t="shared" si="457"/>
        <v>16629.407999999999</v>
      </c>
      <c r="OQF52" s="7">
        <f t="shared" si="457"/>
        <v>16629.407999999999</v>
      </c>
      <c r="OQG52" s="7">
        <f t="shared" si="457"/>
        <v>16629.407999999999</v>
      </c>
      <c r="OQH52" s="7">
        <f t="shared" si="457"/>
        <v>16629.407999999999</v>
      </c>
      <c r="OQI52" s="7">
        <f t="shared" si="457"/>
        <v>16629.407999999999</v>
      </c>
      <c r="OQJ52" s="7">
        <f t="shared" si="457"/>
        <v>16629.407999999999</v>
      </c>
      <c r="OQK52" s="7">
        <f t="shared" si="457"/>
        <v>16629.407999999999</v>
      </c>
      <c r="OQL52" s="7">
        <f t="shared" si="457"/>
        <v>16629.407999999999</v>
      </c>
      <c r="OQM52" s="7">
        <f t="shared" si="457"/>
        <v>16629.407999999999</v>
      </c>
      <c r="OQN52" s="7">
        <f t="shared" si="457"/>
        <v>16629.407999999999</v>
      </c>
      <c r="OQO52" s="7">
        <f t="shared" si="457"/>
        <v>16629.407999999999</v>
      </c>
      <c r="OQP52" s="7">
        <f t="shared" si="457"/>
        <v>16629.407999999999</v>
      </c>
      <c r="OQQ52" s="7">
        <f t="shared" si="457"/>
        <v>16629.407999999999</v>
      </c>
      <c r="OQR52" s="7">
        <f t="shared" si="457"/>
        <v>16629.407999999999</v>
      </c>
      <c r="OQS52" s="7">
        <f t="shared" si="457"/>
        <v>16629.407999999999</v>
      </c>
      <c r="OQT52" s="7">
        <f t="shared" si="457"/>
        <v>16629.407999999999</v>
      </c>
      <c r="OQU52" s="7">
        <f t="shared" si="457"/>
        <v>16629.407999999999</v>
      </c>
      <c r="OQV52" s="7">
        <f t="shared" si="457"/>
        <v>16629.407999999999</v>
      </c>
      <c r="OQW52" s="7">
        <f t="shared" si="457"/>
        <v>16629.407999999999</v>
      </c>
      <c r="OQX52" s="7">
        <f t="shared" si="457"/>
        <v>16629.407999999999</v>
      </c>
      <c r="OQY52" s="7">
        <f t="shared" si="457"/>
        <v>16629.407999999999</v>
      </c>
      <c r="OQZ52" s="7">
        <f t="shared" si="457"/>
        <v>16629.407999999999</v>
      </c>
      <c r="ORA52" s="7">
        <f t="shared" si="457"/>
        <v>16629.407999999999</v>
      </c>
      <c r="ORB52" s="7">
        <f t="shared" si="457"/>
        <v>16629.407999999999</v>
      </c>
      <c r="ORC52" s="7">
        <f t="shared" si="457"/>
        <v>16629.407999999999</v>
      </c>
      <c r="ORD52" s="7">
        <f t="shared" si="457"/>
        <v>16629.407999999999</v>
      </c>
      <c r="ORE52" s="7">
        <f t="shared" si="457"/>
        <v>16629.407999999999</v>
      </c>
      <c r="ORF52" s="7">
        <f t="shared" si="457"/>
        <v>16629.407999999999</v>
      </c>
      <c r="ORG52" s="7">
        <f t="shared" si="457"/>
        <v>16629.407999999999</v>
      </c>
      <c r="ORH52" s="7">
        <f t="shared" si="457"/>
        <v>16629.407999999999</v>
      </c>
      <c r="ORI52" s="7">
        <f t="shared" si="457"/>
        <v>16629.407999999999</v>
      </c>
      <c r="ORJ52" s="7">
        <f t="shared" si="457"/>
        <v>16629.407999999999</v>
      </c>
      <c r="ORK52" s="7">
        <f t="shared" si="457"/>
        <v>16629.407999999999</v>
      </c>
      <c r="ORL52" s="7">
        <f t="shared" si="457"/>
        <v>16629.407999999999</v>
      </c>
      <c r="ORM52" s="7">
        <f t="shared" si="457"/>
        <v>16629.407999999999</v>
      </c>
      <c r="ORN52" s="7">
        <f t="shared" si="457"/>
        <v>16629.407999999999</v>
      </c>
      <c r="ORO52" s="7">
        <f t="shared" si="457"/>
        <v>16629.407999999999</v>
      </c>
      <c r="ORP52" s="7">
        <f t="shared" si="457"/>
        <v>16629.407999999999</v>
      </c>
      <c r="ORQ52" s="7">
        <f t="shared" si="457"/>
        <v>16629.407999999999</v>
      </c>
      <c r="ORR52" s="7">
        <f t="shared" si="457"/>
        <v>16629.407999999999</v>
      </c>
      <c r="ORS52" s="7">
        <f t="shared" si="457"/>
        <v>16629.407999999999</v>
      </c>
      <c r="ORT52" s="7">
        <f t="shared" si="457"/>
        <v>16629.407999999999</v>
      </c>
      <c r="ORU52" s="7">
        <f t="shared" si="457"/>
        <v>16629.407999999999</v>
      </c>
      <c r="ORV52" s="7">
        <f t="shared" si="457"/>
        <v>16629.407999999999</v>
      </c>
      <c r="ORW52" s="7">
        <f t="shared" si="457"/>
        <v>16629.407999999999</v>
      </c>
      <c r="ORX52" s="7">
        <f t="shared" si="457"/>
        <v>16629.407999999999</v>
      </c>
      <c r="ORY52" s="7">
        <f t="shared" si="457"/>
        <v>16629.407999999999</v>
      </c>
      <c r="ORZ52" s="7">
        <f t="shared" ref="ORZ52:OUK52" si="458">ORZ47+ORY52</f>
        <v>16629.407999999999</v>
      </c>
      <c r="OSA52" s="7">
        <f t="shared" si="458"/>
        <v>16629.407999999999</v>
      </c>
      <c r="OSB52" s="7">
        <f t="shared" si="458"/>
        <v>16629.407999999999</v>
      </c>
      <c r="OSC52" s="7">
        <f t="shared" si="458"/>
        <v>16629.407999999999</v>
      </c>
      <c r="OSD52" s="7">
        <f t="shared" si="458"/>
        <v>16629.407999999999</v>
      </c>
      <c r="OSE52" s="7">
        <f t="shared" si="458"/>
        <v>16629.407999999999</v>
      </c>
      <c r="OSF52" s="7">
        <f t="shared" si="458"/>
        <v>16629.407999999999</v>
      </c>
      <c r="OSG52" s="7">
        <f t="shared" si="458"/>
        <v>16629.407999999999</v>
      </c>
      <c r="OSH52" s="7">
        <f t="shared" si="458"/>
        <v>16629.407999999999</v>
      </c>
      <c r="OSI52" s="7">
        <f t="shared" si="458"/>
        <v>16629.407999999999</v>
      </c>
      <c r="OSJ52" s="7">
        <f t="shared" si="458"/>
        <v>16629.407999999999</v>
      </c>
      <c r="OSK52" s="7">
        <f t="shared" si="458"/>
        <v>16629.407999999999</v>
      </c>
      <c r="OSL52" s="7">
        <f t="shared" si="458"/>
        <v>16629.407999999999</v>
      </c>
      <c r="OSM52" s="7">
        <f t="shared" si="458"/>
        <v>16629.407999999999</v>
      </c>
      <c r="OSN52" s="7">
        <f t="shared" si="458"/>
        <v>16629.407999999999</v>
      </c>
      <c r="OSO52" s="7">
        <f t="shared" si="458"/>
        <v>16629.407999999999</v>
      </c>
      <c r="OSP52" s="7">
        <f t="shared" si="458"/>
        <v>16629.407999999999</v>
      </c>
      <c r="OSQ52" s="7">
        <f t="shared" si="458"/>
        <v>16629.407999999999</v>
      </c>
      <c r="OSR52" s="7">
        <f t="shared" si="458"/>
        <v>16629.407999999999</v>
      </c>
      <c r="OSS52" s="7">
        <f t="shared" si="458"/>
        <v>16629.407999999999</v>
      </c>
      <c r="OST52" s="7">
        <f t="shared" si="458"/>
        <v>16629.407999999999</v>
      </c>
      <c r="OSU52" s="7">
        <f t="shared" si="458"/>
        <v>16629.407999999999</v>
      </c>
      <c r="OSV52" s="7">
        <f t="shared" si="458"/>
        <v>16629.407999999999</v>
      </c>
      <c r="OSW52" s="7">
        <f t="shared" si="458"/>
        <v>16629.407999999999</v>
      </c>
      <c r="OSX52" s="7">
        <f t="shared" si="458"/>
        <v>16629.407999999999</v>
      </c>
      <c r="OSY52" s="7">
        <f t="shared" si="458"/>
        <v>16629.407999999999</v>
      </c>
      <c r="OSZ52" s="7">
        <f t="shared" si="458"/>
        <v>16629.407999999999</v>
      </c>
      <c r="OTA52" s="7">
        <f t="shared" si="458"/>
        <v>16629.407999999999</v>
      </c>
      <c r="OTB52" s="7">
        <f t="shared" si="458"/>
        <v>16629.407999999999</v>
      </c>
      <c r="OTC52" s="7">
        <f t="shared" si="458"/>
        <v>16629.407999999999</v>
      </c>
      <c r="OTD52" s="7">
        <f t="shared" si="458"/>
        <v>16629.407999999999</v>
      </c>
      <c r="OTE52" s="7">
        <f t="shared" si="458"/>
        <v>16629.407999999999</v>
      </c>
      <c r="OTF52" s="7">
        <f t="shared" si="458"/>
        <v>16629.407999999999</v>
      </c>
      <c r="OTG52" s="7">
        <f t="shared" si="458"/>
        <v>16629.407999999999</v>
      </c>
      <c r="OTH52" s="7">
        <f t="shared" si="458"/>
        <v>16629.407999999999</v>
      </c>
      <c r="OTI52" s="7">
        <f t="shared" si="458"/>
        <v>16629.407999999999</v>
      </c>
      <c r="OTJ52" s="7">
        <f t="shared" si="458"/>
        <v>16629.407999999999</v>
      </c>
      <c r="OTK52" s="7">
        <f t="shared" si="458"/>
        <v>16629.407999999999</v>
      </c>
      <c r="OTL52" s="7">
        <f t="shared" si="458"/>
        <v>16629.407999999999</v>
      </c>
      <c r="OTM52" s="7">
        <f t="shared" si="458"/>
        <v>16629.407999999999</v>
      </c>
      <c r="OTN52" s="7">
        <f t="shared" si="458"/>
        <v>16629.407999999999</v>
      </c>
      <c r="OTO52" s="7">
        <f t="shared" si="458"/>
        <v>16629.407999999999</v>
      </c>
      <c r="OTP52" s="7">
        <f t="shared" si="458"/>
        <v>16629.407999999999</v>
      </c>
      <c r="OTQ52" s="7">
        <f t="shared" si="458"/>
        <v>16629.407999999999</v>
      </c>
      <c r="OTR52" s="7">
        <f t="shared" si="458"/>
        <v>16629.407999999999</v>
      </c>
      <c r="OTS52" s="7">
        <f t="shared" si="458"/>
        <v>16629.407999999999</v>
      </c>
      <c r="OTT52" s="7">
        <f t="shared" si="458"/>
        <v>16629.407999999999</v>
      </c>
      <c r="OTU52" s="7">
        <f t="shared" si="458"/>
        <v>16629.407999999999</v>
      </c>
      <c r="OTV52" s="7">
        <f t="shared" si="458"/>
        <v>16629.407999999999</v>
      </c>
      <c r="OTW52" s="7">
        <f t="shared" si="458"/>
        <v>16629.407999999999</v>
      </c>
      <c r="OTX52" s="7">
        <f t="shared" si="458"/>
        <v>16629.407999999999</v>
      </c>
      <c r="OTY52" s="7">
        <f t="shared" si="458"/>
        <v>16629.407999999999</v>
      </c>
      <c r="OTZ52" s="7">
        <f t="shared" si="458"/>
        <v>16629.407999999999</v>
      </c>
      <c r="OUA52" s="7">
        <f t="shared" si="458"/>
        <v>16629.407999999999</v>
      </c>
      <c r="OUB52" s="7">
        <f t="shared" si="458"/>
        <v>16629.407999999999</v>
      </c>
      <c r="OUC52" s="7">
        <f t="shared" si="458"/>
        <v>16629.407999999999</v>
      </c>
      <c r="OUD52" s="7">
        <f t="shared" si="458"/>
        <v>16629.407999999999</v>
      </c>
      <c r="OUE52" s="7">
        <f t="shared" si="458"/>
        <v>16629.407999999999</v>
      </c>
      <c r="OUF52" s="7">
        <f t="shared" si="458"/>
        <v>16629.407999999999</v>
      </c>
      <c r="OUG52" s="7">
        <f t="shared" si="458"/>
        <v>16629.407999999999</v>
      </c>
      <c r="OUH52" s="7">
        <f t="shared" si="458"/>
        <v>16629.407999999999</v>
      </c>
      <c r="OUI52" s="7">
        <f t="shared" si="458"/>
        <v>16629.407999999999</v>
      </c>
      <c r="OUJ52" s="7">
        <f t="shared" si="458"/>
        <v>16629.407999999999</v>
      </c>
      <c r="OUK52" s="7">
        <f t="shared" si="458"/>
        <v>16629.407999999999</v>
      </c>
      <c r="OUL52" s="7">
        <f t="shared" ref="OUL52:OWW52" si="459">OUL47+OUK52</f>
        <v>16629.407999999999</v>
      </c>
      <c r="OUM52" s="7">
        <f t="shared" si="459"/>
        <v>16629.407999999999</v>
      </c>
      <c r="OUN52" s="7">
        <f t="shared" si="459"/>
        <v>16629.407999999999</v>
      </c>
      <c r="OUO52" s="7">
        <f t="shared" si="459"/>
        <v>16629.407999999999</v>
      </c>
      <c r="OUP52" s="7">
        <f t="shared" si="459"/>
        <v>16629.407999999999</v>
      </c>
      <c r="OUQ52" s="7">
        <f t="shared" si="459"/>
        <v>16629.407999999999</v>
      </c>
      <c r="OUR52" s="7">
        <f t="shared" si="459"/>
        <v>16629.407999999999</v>
      </c>
      <c r="OUS52" s="7">
        <f t="shared" si="459"/>
        <v>16629.407999999999</v>
      </c>
      <c r="OUT52" s="7">
        <f t="shared" si="459"/>
        <v>16629.407999999999</v>
      </c>
      <c r="OUU52" s="7">
        <f t="shared" si="459"/>
        <v>16629.407999999999</v>
      </c>
      <c r="OUV52" s="7">
        <f t="shared" si="459"/>
        <v>16629.407999999999</v>
      </c>
      <c r="OUW52" s="7">
        <f t="shared" si="459"/>
        <v>16629.407999999999</v>
      </c>
      <c r="OUX52" s="7">
        <f t="shared" si="459"/>
        <v>16629.407999999999</v>
      </c>
      <c r="OUY52" s="7">
        <f t="shared" si="459"/>
        <v>16629.407999999999</v>
      </c>
      <c r="OUZ52" s="7">
        <f t="shared" si="459"/>
        <v>16629.407999999999</v>
      </c>
      <c r="OVA52" s="7">
        <f t="shared" si="459"/>
        <v>16629.407999999999</v>
      </c>
      <c r="OVB52" s="7">
        <f t="shared" si="459"/>
        <v>16629.407999999999</v>
      </c>
      <c r="OVC52" s="7">
        <f t="shared" si="459"/>
        <v>16629.407999999999</v>
      </c>
      <c r="OVD52" s="7">
        <f t="shared" si="459"/>
        <v>16629.407999999999</v>
      </c>
      <c r="OVE52" s="7">
        <f t="shared" si="459"/>
        <v>16629.407999999999</v>
      </c>
      <c r="OVF52" s="7">
        <f t="shared" si="459"/>
        <v>16629.407999999999</v>
      </c>
      <c r="OVG52" s="7">
        <f t="shared" si="459"/>
        <v>16629.407999999999</v>
      </c>
      <c r="OVH52" s="7">
        <f t="shared" si="459"/>
        <v>16629.407999999999</v>
      </c>
      <c r="OVI52" s="7">
        <f t="shared" si="459"/>
        <v>16629.407999999999</v>
      </c>
      <c r="OVJ52" s="7">
        <f t="shared" si="459"/>
        <v>16629.407999999999</v>
      </c>
      <c r="OVK52" s="7">
        <f t="shared" si="459"/>
        <v>16629.407999999999</v>
      </c>
      <c r="OVL52" s="7">
        <f t="shared" si="459"/>
        <v>16629.407999999999</v>
      </c>
      <c r="OVM52" s="7">
        <f t="shared" si="459"/>
        <v>16629.407999999999</v>
      </c>
      <c r="OVN52" s="7">
        <f t="shared" si="459"/>
        <v>16629.407999999999</v>
      </c>
      <c r="OVO52" s="7">
        <f t="shared" si="459"/>
        <v>16629.407999999999</v>
      </c>
      <c r="OVP52" s="7">
        <f t="shared" si="459"/>
        <v>16629.407999999999</v>
      </c>
      <c r="OVQ52" s="7">
        <f t="shared" si="459"/>
        <v>16629.407999999999</v>
      </c>
      <c r="OVR52" s="7">
        <f t="shared" si="459"/>
        <v>16629.407999999999</v>
      </c>
      <c r="OVS52" s="7">
        <f t="shared" si="459"/>
        <v>16629.407999999999</v>
      </c>
      <c r="OVT52" s="7">
        <f t="shared" si="459"/>
        <v>16629.407999999999</v>
      </c>
      <c r="OVU52" s="7">
        <f t="shared" si="459"/>
        <v>16629.407999999999</v>
      </c>
      <c r="OVV52" s="7">
        <f t="shared" si="459"/>
        <v>16629.407999999999</v>
      </c>
      <c r="OVW52" s="7">
        <f t="shared" si="459"/>
        <v>16629.407999999999</v>
      </c>
      <c r="OVX52" s="7">
        <f t="shared" si="459"/>
        <v>16629.407999999999</v>
      </c>
      <c r="OVY52" s="7">
        <f t="shared" si="459"/>
        <v>16629.407999999999</v>
      </c>
      <c r="OVZ52" s="7">
        <f t="shared" si="459"/>
        <v>16629.407999999999</v>
      </c>
      <c r="OWA52" s="7">
        <f t="shared" si="459"/>
        <v>16629.407999999999</v>
      </c>
      <c r="OWB52" s="7">
        <f t="shared" si="459"/>
        <v>16629.407999999999</v>
      </c>
      <c r="OWC52" s="7">
        <f t="shared" si="459"/>
        <v>16629.407999999999</v>
      </c>
      <c r="OWD52" s="7">
        <f t="shared" si="459"/>
        <v>16629.407999999999</v>
      </c>
      <c r="OWE52" s="7">
        <f t="shared" si="459"/>
        <v>16629.407999999999</v>
      </c>
      <c r="OWF52" s="7">
        <f t="shared" si="459"/>
        <v>16629.407999999999</v>
      </c>
      <c r="OWG52" s="7">
        <f t="shared" si="459"/>
        <v>16629.407999999999</v>
      </c>
      <c r="OWH52" s="7">
        <f t="shared" si="459"/>
        <v>16629.407999999999</v>
      </c>
      <c r="OWI52" s="7">
        <f t="shared" si="459"/>
        <v>16629.407999999999</v>
      </c>
      <c r="OWJ52" s="7">
        <f t="shared" si="459"/>
        <v>16629.407999999999</v>
      </c>
      <c r="OWK52" s="7">
        <f t="shared" si="459"/>
        <v>16629.407999999999</v>
      </c>
      <c r="OWL52" s="7">
        <f t="shared" si="459"/>
        <v>16629.407999999999</v>
      </c>
      <c r="OWM52" s="7">
        <f t="shared" si="459"/>
        <v>16629.407999999999</v>
      </c>
      <c r="OWN52" s="7">
        <f t="shared" si="459"/>
        <v>16629.407999999999</v>
      </c>
      <c r="OWO52" s="7">
        <f t="shared" si="459"/>
        <v>16629.407999999999</v>
      </c>
      <c r="OWP52" s="7">
        <f t="shared" si="459"/>
        <v>16629.407999999999</v>
      </c>
      <c r="OWQ52" s="7">
        <f t="shared" si="459"/>
        <v>16629.407999999999</v>
      </c>
      <c r="OWR52" s="7">
        <f t="shared" si="459"/>
        <v>16629.407999999999</v>
      </c>
      <c r="OWS52" s="7">
        <f t="shared" si="459"/>
        <v>16629.407999999999</v>
      </c>
      <c r="OWT52" s="7">
        <f t="shared" si="459"/>
        <v>16629.407999999999</v>
      </c>
      <c r="OWU52" s="7">
        <f t="shared" si="459"/>
        <v>16629.407999999999</v>
      </c>
      <c r="OWV52" s="7">
        <f t="shared" si="459"/>
        <v>16629.407999999999</v>
      </c>
      <c r="OWW52" s="7">
        <f t="shared" si="459"/>
        <v>16629.407999999999</v>
      </c>
      <c r="OWX52" s="7">
        <f t="shared" ref="OWX52:OZI52" si="460">OWX47+OWW52</f>
        <v>16629.407999999999</v>
      </c>
      <c r="OWY52" s="7">
        <f t="shared" si="460"/>
        <v>16629.407999999999</v>
      </c>
      <c r="OWZ52" s="7">
        <f t="shared" si="460"/>
        <v>16629.407999999999</v>
      </c>
      <c r="OXA52" s="7">
        <f t="shared" si="460"/>
        <v>16629.407999999999</v>
      </c>
      <c r="OXB52" s="7">
        <f t="shared" si="460"/>
        <v>16629.407999999999</v>
      </c>
      <c r="OXC52" s="7">
        <f t="shared" si="460"/>
        <v>16629.407999999999</v>
      </c>
      <c r="OXD52" s="7">
        <f t="shared" si="460"/>
        <v>16629.407999999999</v>
      </c>
      <c r="OXE52" s="7">
        <f t="shared" si="460"/>
        <v>16629.407999999999</v>
      </c>
      <c r="OXF52" s="7">
        <f t="shared" si="460"/>
        <v>16629.407999999999</v>
      </c>
      <c r="OXG52" s="7">
        <f t="shared" si="460"/>
        <v>16629.407999999999</v>
      </c>
      <c r="OXH52" s="7">
        <f t="shared" si="460"/>
        <v>16629.407999999999</v>
      </c>
      <c r="OXI52" s="7">
        <f t="shared" si="460"/>
        <v>16629.407999999999</v>
      </c>
      <c r="OXJ52" s="7">
        <f t="shared" si="460"/>
        <v>16629.407999999999</v>
      </c>
      <c r="OXK52" s="7">
        <f t="shared" si="460"/>
        <v>16629.407999999999</v>
      </c>
      <c r="OXL52" s="7">
        <f t="shared" si="460"/>
        <v>16629.407999999999</v>
      </c>
      <c r="OXM52" s="7">
        <f t="shared" si="460"/>
        <v>16629.407999999999</v>
      </c>
      <c r="OXN52" s="7">
        <f t="shared" si="460"/>
        <v>16629.407999999999</v>
      </c>
      <c r="OXO52" s="7">
        <f t="shared" si="460"/>
        <v>16629.407999999999</v>
      </c>
      <c r="OXP52" s="7">
        <f t="shared" si="460"/>
        <v>16629.407999999999</v>
      </c>
      <c r="OXQ52" s="7">
        <f t="shared" si="460"/>
        <v>16629.407999999999</v>
      </c>
      <c r="OXR52" s="7">
        <f t="shared" si="460"/>
        <v>16629.407999999999</v>
      </c>
      <c r="OXS52" s="7">
        <f t="shared" si="460"/>
        <v>16629.407999999999</v>
      </c>
      <c r="OXT52" s="7">
        <f t="shared" si="460"/>
        <v>16629.407999999999</v>
      </c>
      <c r="OXU52" s="7">
        <f t="shared" si="460"/>
        <v>16629.407999999999</v>
      </c>
      <c r="OXV52" s="7">
        <f t="shared" si="460"/>
        <v>16629.407999999999</v>
      </c>
      <c r="OXW52" s="7">
        <f t="shared" si="460"/>
        <v>16629.407999999999</v>
      </c>
      <c r="OXX52" s="7">
        <f t="shared" si="460"/>
        <v>16629.407999999999</v>
      </c>
      <c r="OXY52" s="7">
        <f t="shared" si="460"/>
        <v>16629.407999999999</v>
      </c>
      <c r="OXZ52" s="7">
        <f t="shared" si="460"/>
        <v>16629.407999999999</v>
      </c>
      <c r="OYA52" s="7">
        <f t="shared" si="460"/>
        <v>16629.407999999999</v>
      </c>
      <c r="OYB52" s="7">
        <f t="shared" si="460"/>
        <v>16629.407999999999</v>
      </c>
      <c r="OYC52" s="7">
        <f t="shared" si="460"/>
        <v>16629.407999999999</v>
      </c>
      <c r="OYD52" s="7">
        <f t="shared" si="460"/>
        <v>16629.407999999999</v>
      </c>
      <c r="OYE52" s="7">
        <f t="shared" si="460"/>
        <v>16629.407999999999</v>
      </c>
      <c r="OYF52" s="7">
        <f t="shared" si="460"/>
        <v>16629.407999999999</v>
      </c>
      <c r="OYG52" s="7">
        <f t="shared" si="460"/>
        <v>16629.407999999999</v>
      </c>
      <c r="OYH52" s="7">
        <f t="shared" si="460"/>
        <v>16629.407999999999</v>
      </c>
      <c r="OYI52" s="7">
        <f t="shared" si="460"/>
        <v>16629.407999999999</v>
      </c>
      <c r="OYJ52" s="7">
        <f t="shared" si="460"/>
        <v>16629.407999999999</v>
      </c>
      <c r="OYK52" s="7">
        <f t="shared" si="460"/>
        <v>16629.407999999999</v>
      </c>
      <c r="OYL52" s="7">
        <f t="shared" si="460"/>
        <v>16629.407999999999</v>
      </c>
      <c r="OYM52" s="7">
        <f t="shared" si="460"/>
        <v>16629.407999999999</v>
      </c>
      <c r="OYN52" s="7">
        <f t="shared" si="460"/>
        <v>16629.407999999999</v>
      </c>
      <c r="OYO52" s="7">
        <f t="shared" si="460"/>
        <v>16629.407999999999</v>
      </c>
      <c r="OYP52" s="7">
        <f t="shared" si="460"/>
        <v>16629.407999999999</v>
      </c>
      <c r="OYQ52" s="7">
        <f t="shared" si="460"/>
        <v>16629.407999999999</v>
      </c>
      <c r="OYR52" s="7">
        <f t="shared" si="460"/>
        <v>16629.407999999999</v>
      </c>
      <c r="OYS52" s="7">
        <f t="shared" si="460"/>
        <v>16629.407999999999</v>
      </c>
      <c r="OYT52" s="7">
        <f t="shared" si="460"/>
        <v>16629.407999999999</v>
      </c>
      <c r="OYU52" s="7">
        <f t="shared" si="460"/>
        <v>16629.407999999999</v>
      </c>
      <c r="OYV52" s="7">
        <f t="shared" si="460"/>
        <v>16629.407999999999</v>
      </c>
      <c r="OYW52" s="7">
        <f t="shared" si="460"/>
        <v>16629.407999999999</v>
      </c>
      <c r="OYX52" s="7">
        <f t="shared" si="460"/>
        <v>16629.407999999999</v>
      </c>
      <c r="OYY52" s="7">
        <f t="shared" si="460"/>
        <v>16629.407999999999</v>
      </c>
      <c r="OYZ52" s="7">
        <f t="shared" si="460"/>
        <v>16629.407999999999</v>
      </c>
      <c r="OZA52" s="7">
        <f t="shared" si="460"/>
        <v>16629.407999999999</v>
      </c>
      <c r="OZB52" s="7">
        <f t="shared" si="460"/>
        <v>16629.407999999999</v>
      </c>
      <c r="OZC52" s="7">
        <f t="shared" si="460"/>
        <v>16629.407999999999</v>
      </c>
      <c r="OZD52" s="7">
        <f t="shared" si="460"/>
        <v>16629.407999999999</v>
      </c>
      <c r="OZE52" s="7">
        <f t="shared" si="460"/>
        <v>16629.407999999999</v>
      </c>
      <c r="OZF52" s="7">
        <f t="shared" si="460"/>
        <v>16629.407999999999</v>
      </c>
      <c r="OZG52" s="7">
        <f t="shared" si="460"/>
        <v>16629.407999999999</v>
      </c>
      <c r="OZH52" s="7">
        <f t="shared" si="460"/>
        <v>16629.407999999999</v>
      </c>
      <c r="OZI52" s="7">
        <f t="shared" si="460"/>
        <v>16629.407999999999</v>
      </c>
      <c r="OZJ52" s="7">
        <f t="shared" ref="OZJ52:PBU52" si="461">OZJ47+OZI52</f>
        <v>16629.407999999999</v>
      </c>
      <c r="OZK52" s="7">
        <f t="shared" si="461"/>
        <v>16629.407999999999</v>
      </c>
      <c r="OZL52" s="7">
        <f t="shared" si="461"/>
        <v>16629.407999999999</v>
      </c>
      <c r="OZM52" s="7">
        <f t="shared" si="461"/>
        <v>16629.407999999999</v>
      </c>
      <c r="OZN52" s="7">
        <f t="shared" si="461"/>
        <v>16629.407999999999</v>
      </c>
      <c r="OZO52" s="7">
        <f t="shared" si="461"/>
        <v>16629.407999999999</v>
      </c>
      <c r="OZP52" s="7">
        <f t="shared" si="461"/>
        <v>16629.407999999999</v>
      </c>
      <c r="OZQ52" s="7">
        <f t="shared" si="461"/>
        <v>16629.407999999999</v>
      </c>
      <c r="OZR52" s="7">
        <f t="shared" si="461"/>
        <v>16629.407999999999</v>
      </c>
      <c r="OZS52" s="7">
        <f t="shared" si="461"/>
        <v>16629.407999999999</v>
      </c>
      <c r="OZT52" s="7">
        <f t="shared" si="461"/>
        <v>16629.407999999999</v>
      </c>
      <c r="OZU52" s="7">
        <f t="shared" si="461"/>
        <v>16629.407999999999</v>
      </c>
      <c r="OZV52" s="7">
        <f t="shared" si="461"/>
        <v>16629.407999999999</v>
      </c>
      <c r="OZW52" s="7">
        <f t="shared" si="461"/>
        <v>16629.407999999999</v>
      </c>
      <c r="OZX52" s="7">
        <f t="shared" si="461"/>
        <v>16629.407999999999</v>
      </c>
      <c r="OZY52" s="7">
        <f t="shared" si="461"/>
        <v>16629.407999999999</v>
      </c>
      <c r="OZZ52" s="7">
        <f t="shared" si="461"/>
        <v>16629.407999999999</v>
      </c>
      <c r="PAA52" s="7">
        <f t="shared" si="461"/>
        <v>16629.407999999999</v>
      </c>
      <c r="PAB52" s="7">
        <f t="shared" si="461"/>
        <v>16629.407999999999</v>
      </c>
      <c r="PAC52" s="7">
        <f t="shared" si="461"/>
        <v>16629.407999999999</v>
      </c>
      <c r="PAD52" s="7">
        <f t="shared" si="461"/>
        <v>16629.407999999999</v>
      </c>
      <c r="PAE52" s="7">
        <f t="shared" si="461"/>
        <v>16629.407999999999</v>
      </c>
      <c r="PAF52" s="7">
        <f t="shared" si="461"/>
        <v>16629.407999999999</v>
      </c>
      <c r="PAG52" s="7">
        <f t="shared" si="461"/>
        <v>16629.407999999999</v>
      </c>
      <c r="PAH52" s="7">
        <f t="shared" si="461"/>
        <v>16629.407999999999</v>
      </c>
      <c r="PAI52" s="7">
        <f t="shared" si="461"/>
        <v>16629.407999999999</v>
      </c>
      <c r="PAJ52" s="7">
        <f t="shared" si="461"/>
        <v>16629.407999999999</v>
      </c>
      <c r="PAK52" s="7">
        <f t="shared" si="461"/>
        <v>16629.407999999999</v>
      </c>
      <c r="PAL52" s="7">
        <f t="shared" si="461"/>
        <v>16629.407999999999</v>
      </c>
      <c r="PAM52" s="7">
        <f t="shared" si="461"/>
        <v>16629.407999999999</v>
      </c>
      <c r="PAN52" s="7">
        <f t="shared" si="461"/>
        <v>16629.407999999999</v>
      </c>
      <c r="PAO52" s="7">
        <f t="shared" si="461"/>
        <v>16629.407999999999</v>
      </c>
      <c r="PAP52" s="7">
        <f t="shared" si="461"/>
        <v>16629.407999999999</v>
      </c>
      <c r="PAQ52" s="7">
        <f t="shared" si="461"/>
        <v>16629.407999999999</v>
      </c>
      <c r="PAR52" s="7">
        <f t="shared" si="461"/>
        <v>16629.407999999999</v>
      </c>
      <c r="PAS52" s="7">
        <f t="shared" si="461"/>
        <v>16629.407999999999</v>
      </c>
      <c r="PAT52" s="7">
        <f t="shared" si="461"/>
        <v>16629.407999999999</v>
      </c>
      <c r="PAU52" s="7">
        <f t="shared" si="461"/>
        <v>16629.407999999999</v>
      </c>
      <c r="PAV52" s="7">
        <f t="shared" si="461"/>
        <v>16629.407999999999</v>
      </c>
      <c r="PAW52" s="7">
        <f t="shared" si="461"/>
        <v>16629.407999999999</v>
      </c>
      <c r="PAX52" s="7">
        <f t="shared" si="461"/>
        <v>16629.407999999999</v>
      </c>
      <c r="PAY52" s="7">
        <f t="shared" si="461"/>
        <v>16629.407999999999</v>
      </c>
      <c r="PAZ52" s="7">
        <f t="shared" si="461"/>
        <v>16629.407999999999</v>
      </c>
      <c r="PBA52" s="7">
        <f t="shared" si="461"/>
        <v>16629.407999999999</v>
      </c>
      <c r="PBB52" s="7">
        <f t="shared" si="461"/>
        <v>16629.407999999999</v>
      </c>
      <c r="PBC52" s="7">
        <f t="shared" si="461"/>
        <v>16629.407999999999</v>
      </c>
      <c r="PBD52" s="7">
        <f t="shared" si="461"/>
        <v>16629.407999999999</v>
      </c>
      <c r="PBE52" s="7">
        <f t="shared" si="461"/>
        <v>16629.407999999999</v>
      </c>
      <c r="PBF52" s="7">
        <f t="shared" si="461"/>
        <v>16629.407999999999</v>
      </c>
      <c r="PBG52" s="7">
        <f t="shared" si="461"/>
        <v>16629.407999999999</v>
      </c>
      <c r="PBH52" s="7">
        <f t="shared" si="461"/>
        <v>16629.407999999999</v>
      </c>
      <c r="PBI52" s="7">
        <f t="shared" si="461"/>
        <v>16629.407999999999</v>
      </c>
      <c r="PBJ52" s="7">
        <f t="shared" si="461"/>
        <v>16629.407999999999</v>
      </c>
      <c r="PBK52" s="7">
        <f t="shared" si="461"/>
        <v>16629.407999999999</v>
      </c>
      <c r="PBL52" s="7">
        <f t="shared" si="461"/>
        <v>16629.407999999999</v>
      </c>
      <c r="PBM52" s="7">
        <f t="shared" si="461"/>
        <v>16629.407999999999</v>
      </c>
      <c r="PBN52" s="7">
        <f t="shared" si="461"/>
        <v>16629.407999999999</v>
      </c>
      <c r="PBO52" s="7">
        <f t="shared" si="461"/>
        <v>16629.407999999999</v>
      </c>
      <c r="PBP52" s="7">
        <f t="shared" si="461"/>
        <v>16629.407999999999</v>
      </c>
      <c r="PBQ52" s="7">
        <f t="shared" si="461"/>
        <v>16629.407999999999</v>
      </c>
      <c r="PBR52" s="7">
        <f t="shared" si="461"/>
        <v>16629.407999999999</v>
      </c>
      <c r="PBS52" s="7">
        <f t="shared" si="461"/>
        <v>16629.407999999999</v>
      </c>
      <c r="PBT52" s="7">
        <f t="shared" si="461"/>
        <v>16629.407999999999</v>
      </c>
      <c r="PBU52" s="7">
        <f t="shared" si="461"/>
        <v>16629.407999999999</v>
      </c>
      <c r="PBV52" s="7">
        <f t="shared" ref="PBV52:PEG52" si="462">PBV47+PBU52</f>
        <v>16629.407999999999</v>
      </c>
      <c r="PBW52" s="7">
        <f t="shared" si="462"/>
        <v>16629.407999999999</v>
      </c>
      <c r="PBX52" s="7">
        <f t="shared" si="462"/>
        <v>16629.407999999999</v>
      </c>
      <c r="PBY52" s="7">
        <f t="shared" si="462"/>
        <v>16629.407999999999</v>
      </c>
      <c r="PBZ52" s="7">
        <f t="shared" si="462"/>
        <v>16629.407999999999</v>
      </c>
      <c r="PCA52" s="7">
        <f t="shared" si="462"/>
        <v>16629.407999999999</v>
      </c>
      <c r="PCB52" s="7">
        <f t="shared" si="462"/>
        <v>16629.407999999999</v>
      </c>
      <c r="PCC52" s="7">
        <f t="shared" si="462"/>
        <v>16629.407999999999</v>
      </c>
      <c r="PCD52" s="7">
        <f t="shared" si="462"/>
        <v>16629.407999999999</v>
      </c>
      <c r="PCE52" s="7">
        <f t="shared" si="462"/>
        <v>16629.407999999999</v>
      </c>
      <c r="PCF52" s="7">
        <f t="shared" si="462"/>
        <v>16629.407999999999</v>
      </c>
      <c r="PCG52" s="7">
        <f t="shared" si="462"/>
        <v>16629.407999999999</v>
      </c>
      <c r="PCH52" s="7">
        <f t="shared" si="462"/>
        <v>16629.407999999999</v>
      </c>
      <c r="PCI52" s="7">
        <f t="shared" si="462"/>
        <v>16629.407999999999</v>
      </c>
      <c r="PCJ52" s="7">
        <f t="shared" si="462"/>
        <v>16629.407999999999</v>
      </c>
      <c r="PCK52" s="7">
        <f t="shared" si="462"/>
        <v>16629.407999999999</v>
      </c>
      <c r="PCL52" s="7">
        <f t="shared" si="462"/>
        <v>16629.407999999999</v>
      </c>
      <c r="PCM52" s="7">
        <f t="shared" si="462"/>
        <v>16629.407999999999</v>
      </c>
      <c r="PCN52" s="7">
        <f t="shared" si="462"/>
        <v>16629.407999999999</v>
      </c>
      <c r="PCO52" s="7">
        <f t="shared" si="462"/>
        <v>16629.407999999999</v>
      </c>
      <c r="PCP52" s="7">
        <f t="shared" si="462"/>
        <v>16629.407999999999</v>
      </c>
      <c r="PCQ52" s="7">
        <f t="shared" si="462"/>
        <v>16629.407999999999</v>
      </c>
      <c r="PCR52" s="7">
        <f t="shared" si="462"/>
        <v>16629.407999999999</v>
      </c>
      <c r="PCS52" s="7">
        <f t="shared" si="462"/>
        <v>16629.407999999999</v>
      </c>
      <c r="PCT52" s="7">
        <f t="shared" si="462"/>
        <v>16629.407999999999</v>
      </c>
      <c r="PCU52" s="7">
        <f t="shared" si="462"/>
        <v>16629.407999999999</v>
      </c>
      <c r="PCV52" s="7">
        <f t="shared" si="462"/>
        <v>16629.407999999999</v>
      </c>
      <c r="PCW52" s="7">
        <f t="shared" si="462"/>
        <v>16629.407999999999</v>
      </c>
      <c r="PCX52" s="7">
        <f t="shared" si="462"/>
        <v>16629.407999999999</v>
      </c>
      <c r="PCY52" s="7">
        <f t="shared" si="462"/>
        <v>16629.407999999999</v>
      </c>
      <c r="PCZ52" s="7">
        <f t="shared" si="462"/>
        <v>16629.407999999999</v>
      </c>
      <c r="PDA52" s="7">
        <f t="shared" si="462"/>
        <v>16629.407999999999</v>
      </c>
      <c r="PDB52" s="7">
        <f t="shared" si="462"/>
        <v>16629.407999999999</v>
      </c>
      <c r="PDC52" s="7">
        <f t="shared" si="462"/>
        <v>16629.407999999999</v>
      </c>
      <c r="PDD52" s="7">
        <f t="shared" si="462"/>
        <v>16629.407999999999</v>
      </c>
      <c r="PDE52" s="7">
        <f t="shared" si="462"/>
        <v>16629.407999999999</v>
      </c>
      <c r="PDF52" s="7">
        <f t="shared" si="462"/>
        <v>16629.407999999999</v>
      </c>
      <c r="PDG52" s="7">
        <f t="shared" si="462"/>
        <v>16629.407999999999</v>
      </c>
      <c r="PDH52" s="7">
        <f t="shared" si="462"/>
        <v>16629.407999999999</v>
      </c>
      <c r="PDI52" s="7">
        <f t="shared" si="462"/>
        <v>16629.407999999999</v>
      </c>
      <c r="PDJ52" s="7">
        <f t="shared" si="462"/>
        <v>16629.407999999999</v>
      </c>
      <c r="PDK52" s="7">
        <f t="shared" si="462"/>
        <v>16629.407999999999</v>
      </c>
      <c r="PDL52" s="7">
        <f t="shared" si="462"/>
        <v>16629.407999999999</v>
      </c>
      <c r="PDM52" s="7">
        <f t="shared" si="462"/>
        <v>16629.407999999999</v>
      </c>
      <c r="PDN52" s="7">
        <f t="shared" si="462"/>
        <v>16629.407999999999</v>
      </c>
      <c r="PDO52" s="7">
        <f t="shared" si="462"/>
        <v>16629.407999999999</v>
      </c>
      <c r="PDP52" s="7">
        <f t="shared" si="462"/>
        <v>16629.407999999999</v>
      </c>
      <c r="PDQ52" s="7">
        <f t="shared" si="462"/>
        <v>16629.407999999999</v>
      </c>
      <c r="PDR52" s="7">
        <f t="shared" si="462"/>
        <v>16629.407999999999</v>
      </c>
      <c r="PDS52" s="7">
        <f t="shared" si="462"/>
        <v>16629.407999999999</v>
      </c>
      <c r="PDT52" s="7">
        <f t="shared" si="462"/>
        <v>16629.407999999999</v>
      </c>
      <c r="PDU52" s="7">
        <f t="shared" si="462"/>
        <v>16629.407999999999</v>
      </c>
      <c r="PDV52" s="7">
        <f t="shared" si="462"/>
        <v>16629.407999999999</v>
      </c>
      <c r="PDW52" s="7">
        <f t="shared" si="462"/>
        <v>16629.407999999999</v>
      </c>
      <c r="PDX52" s="7">
        <f t="shared" si="462"/>
        <v>16629.407999999999</v>
      </c>
      <c r="PDY52" s="7">
        <f t="shared" si="462"/>
        <v>16629.407999999999</v>
      </c>
      <c r="PDZ52" s="7">
        <f t="shared" si="462"/>
        <v>16629.407999999999</v>
      </c>
      <c r="PEA52" s="7">
        <f t="shared" si="462"/>
        <v>16629.407999999999</v>
      </c>
      <c r="PEB52" s="7">
        <f t="shared" si="462"/>
        <v>16629.407999999999</v>
      </c>
      <c r="PEC52" s="7">
        <f t="shared" si="462"/>
        <v>16629.407999999999</v>
      </c>
      <c r="PED52" s="7">
        <f t="shared" si="462"/>
        <v>16629.407999999999</v>
      </c>
      <c r="PEE52" s="7">
        <f t="shared" si="462"/>
        <v>16629.407999999999</v>
      </c>
      <c r="PEF52" s="7">
        <f t="shared" si="462"/>
        <v>16629.407999999999</v>
      </c>
      <c r="PEG52" s="7">
        <f t="shared" si="462"/>
        <v>16629.407999999999</v>
      </c>
      <c r="PEH52" s="7">
        <f t="shared" ref="PEH52:PGS52" si="463">PEH47+PEG52</f>
        <v>16629.407999999999</v>
      </c>
      <c r="PEI52" s="7">
        <f t="shared" si="463"/>
        <v>16629.407999999999</v>
      </c>
      <c r="PEJ52" s="7">
        <f t="shared" si="463"/>
        <v>16629.407999999999</v>
      </c>
      <c r="PEK52" s="7">
        <f t="shared" si="463"/>
        <v>16629.407999999999</v>
      </c>
      <c r="PEL52" s="7">
        <f t="shared" si="463"/>
        <v>16629.407999999999</v>
      </c>
      <c r="PEM52" s="7">
        <f t="shared" si="463"/>
        <v>16629.407999999999</v>
      </c>
      <c r="PEN52" s="7">
        <f t="shared" si="463"/>
        <v>16629.407999999999</v>
      </c>
      <c r="PEO52" s="7">
        <f t="shared" si="463"/>
        <v>16629.407999999999</v>
      </c>
      <c r="PEP52" s="7">
        <f t="shared" si="463"/>
        <v>16629.407999999999</v>
      </c>
      <c r="PEQ52" s="7">
        <f t="shared" si="463"/>
        <v>16629.407999999999</v>
      </c>
      <c r="PER52" s="7">
        <f t="shared" si="463"/>
        <v>16629.407999999999</v>
      </c>
      <c r="PES52" s="7">
        <f t="shared" si="463"/>
        <v>16629.407999999999</v>
      </c>
      <c r="PET52" s="7">
        <f t="shared" si="463"/>
        <v>16629.407999999999</v>
      </c>
      <c r="PEU52" s="7">
        <f t="shared" si="463"/>
        <v>16629.407999999999</v>
      </c>
      <c r="PEV52" s="7">
        <f t="shared" si="463"/>
        <v>16629.407999999999</v>
      </c>
      <c r="PEW52" s="7">
        <f t="shared" si="463"/>
        <v>16629.407999999999</v>
      </c>
      <c r="PEX52" s="7">
        <f t="shared" si="463"/>
        <v>16629.407999999999</v>
      </c>
      <c r="PEY52" s="7">
        <f t="shared" si="463"/>
        <v>16629.407999999999</v>
      </c>
      <c r="PEZ52" s="7">
        <f t="shared" si="463"/>
        <v>16629.407999999999</v>
      </c>
      <c r="PFA52" s="7">
        <f t="shared" si="463"/>
        <v>16629.407999999999</v>
      </c>
      <c r="PFB52" s="7">
        <f t="shared" si="463"/>
        <v>16629.407999999999</v>
      </c>
      <c r="PFC52" s="7">
        <f t="shared" si="463"/>
        <v>16629.407999999999</v>
      </c>
      <c r="PFD52" s="7">
        <f t="shared" si="463"/>
        <v>16629.407999999999</v>
      </c>
      <c r="PFE52" s="7">
        <f t="shared" si="463"/>
        <v>16629.407999999999</v>
      </c>
      <c r="PFF52" s="7">
        <f t="shared" si="463"/>
        <v>16629.407999999999</v>
      </c>
      <c r="PFG52" s="7">
        <f t="shared" si="463"/>
        <v>16629.407999999999</v>
      </c>
      <c r="PFH52" s="7">
        <f t="shared" si="463"/>
        <v>16629.407999999999</v>
      </c>
      <c r="PFI52" s="7">
        <f t="shared" si="463"/>
        <v>16629.407999999999</v>
      </c>
      <c r="PFJ52" s="7">
        <f t="shared" si="463"/>
        <v>16629.407999999999</v>
      </c>
      <c r="PFK52" s="7">
        <f t="shared" si="463"/>
        <v>16629.407999999999</v>
      </c>
      <c r="PFL52" s="7">
        <f t="shared" si="463"/>
        <v>16629.407999999999</v>
      </c>
      <c r="PFM52" s="7">
        <f t="shared" si="463"/>
        <v>16629.407999999999</v>
      </c>
      <c r="PFN52" s="7">
        <f t="shared" si="463"/>
        <v>16629.407999999999</v>
      </c>
      <c r="PFO52" s="7">
        <f t="shared" si="463"/>
        <v>16629.407999999999</v>
      </c>
      <c r="PFP52" s="7">
        <f t="shared" si="463"/>
        <v>16629.407999999999</v>
      </c>
      <c r="PFQ52" s="7">
        <f t="shared" si="463"/>
        <v>16629.407999999999</v>
      </c>
      <c r="PFR52" s="7">
        <f t="shared" si="463"/>
        <v>16629.407999999999</v>
      </c>
      <c r="PFS52" s="7">
        <f t="shared" si="463"/>
        <v>16629.407999999999</v>
      </c>
      <c r="PFT52" s="7">
        <f t="shared" si="463"/>
        <v>16629.407999999999</v>
      </c>
      <c r="PFU52" s="7">
        <f t="shared" si="463"/>
        <v>16629.407999999999</v>
      </c>
      <c r="PFV52" s="7">
        <f t="shared" si="463"/>
        <v>16629.407999999999</v>
      </c>
      <c r="PFW52" s="7">
        <f t="shared" si="463"/>
        <v>16629.407999999999</v>
      </c>
      <c r="PFX52" s="7">
        <f t="shared" si="463"/>
        <v>16629.407999999999</v>
      </c>
      <c r="PFY52" s="7">
        <f t="shared" si="463"/>
        <v>16629.407999999999</v>
      </c>
      <c r="PFZ52" s="7">
        <f t="shared" si="463"/>
        <v>16629.407999999999</v>
      </c>
      <c r="PGA52" s="7">
        <f t="shared" si="463"/>
        <v>16629.407999999999</v>
      </c>
      <c r="PGB52" s="7">
        <f t="shared" si="463"/>
        <v>16629.407999999999</v>
      </c>
      <c r="PGC52" s="7">
        <f t="shared" si="463"/>
        <v>16629.407999999999</v>
      </c>
      <c r="PGD52" s="7">
        <f t="shared" si="463"/>
        <v>16629.407999999999</v>
      </c>
      <c r="PGE52" s="7">
        <f t="shared" si="463"/>
        <v>16629.407999999999</v>
      </c>
      <c r="PGF52" s="7">
        <f t="shared" si="463"/>
        <v>16629.407999999999</v>
      </c>
      <c r="PGG52" s="7">
        <f t="shared" si="463"/>
        <v>16629.407999999999</v>
      </c>
      <c r="PGH52" s="7">
        <f t="shared" si="463"/>
        <v>16629.407999999999</v>
      </c>
      <c r="PGI52" s="7">
        <f t="shared" si="463"/>
        <v>16629.407999999999</v>
      </c>
      <c r="PGJ52" s="7">
        <f t="shared" si="463"/>
        <v>16629.407999999999</v>
      </c>
      <c r="PGK52" s="7">
        <f t="shared" si="463"/>
        <v>16629.407999999999</v>
      </c>
      <c r="PGL52" s="7">
        <f t="shared" si="463"/>
        <v>16629.407999999999</v>
      </c>
      <c r="PGM52" s="7">
        <f t="shared" si="463"/>
        <v>16629.407999999999</v>
      </c>
      <c r="PGN52" s="7">
        <f t="shared" si="463"/>
        <v>16629.407999999999</v>
      </c>
      <c r="PGO52" s="7">
        <f t="shared" si="463"/>
        <v>16629.407999999999</v>
      </c>
      <c r="PGP52" s="7">
        <f t="shared" si="463"/>
        <v>16629.407999999999</v>
      </c>
      <c r="PGQ52" s="7">
        <f t="shared" si="463"/>
        <v>16629.407999999999</v>
      </c>
      <c r="PGR52" s="7">
        <f t="shared" si="463"/>
        <v>16629.407999999999</v>
      </c>
      <c r="PGS52" s="7">
        <f t="shared" si="463"/>
        <v>16629.407999999999</v>
      </c>
      <c r="PGT52" s="7">
        <f t="shared" ref="PGT52:PJE52" si="464">PGT47+PGS52</f>
        <v>16629.407999999999</v>
      </c>
      <c r="PGU52" s="7">
        <f t="shared" si="464"/>
        <v>16629.407999999999</v>
      </c>
      <c r="PGV52" s="7">
        <f t="shared" si="464"/>
        <v>16629.407999999999</v>
      </c>
      <c r="PGW52" s="7">
        <f t="shared" si="464"/>
        <v>16629.407999999999</v>
      </c>
      <c r="PGX52" s="7">
        <f t="shared" si="464"/>
        <v>16629.407999999999</v>
      </c>
      <c r="PGY52" s="7">
        <f t="shared" si="464"/>
        <v>16629.407999999999</v>
      </c>
      <c r="PGZ52" s="7">
        <f t="shared" si="464"/>
        <v>16629.407999999999</v>
      </c>
      <c r="PHA52" s="7">
        <f t="shared" si="464"/>
        <v>16629.407999999999</v>
      </c>
      <c r="PHB52" s="7">
        <f t="shared" si="464"/>
        <v>16629.407999999999</v>
      </c>
      <c r="PHC52" s="7">
        <f t="shared" si="464"/>
        <v>16629.407999999999</v>
      </c>
      <c r="PHD52" s="7">
        <f t="shared" si="464"/>
        <v>16629.407999999999</v>
      </c>
      <c r="PHE52" s="7">
        <f t="shared" si="464"/>
        <v>16629.407999999999</v>
      </c>
      <c r="PHF52" s="7">
        <f t="shared" si="464"/>
        <v>16629.407999999999</v>
      </c>
      <c r="PHG52" s="7">
        <f t="shared" si="464"/>
        <v>16629.407999999999</v>
      </c>
      <c r="PHH52" s="7">
        <f t="shared" si="464"/>
        <v>16629.407999999999</v>
      </c>
      <c r="PHI52" s="7">
        <f t="shared" si="464"/>
        <v>16629.407999999999</v>
      </c>
      <c r="PHJ52" s="7">
        <f t="shared" si="464"/>
        <v>16629.407999999999</v>
      </c>
      <c r="PHK52" s="7">
        <f t="shared" si="464"/>
        <v>16629.407999999999</v>
      </c>
      <c r="PHL52" s="7">
        <f t="shared" si="464"/>
        <v>16629.407999999999</v>
      </c>
      <c r="PHM52" s="7">
        <f t="shared" si="464"/>
        <v>16629.407999999999</v>
      </c>
      <c r="PHN52" s="7">
        <f t="shared" si="464"/>
        <v>16629.407999999999</v>
      </c>
      <c r="PHO52" s="7">
        <f t="shared" si="464"/>
        <v>16629.407999999999</v>
      </c>
      <c r="PHP52" s="7">
        <f t="shared" si="464"/>
        <v>16629.407999999999</v>
      </c>
      <c r="PHQ52" s="7">
        <f t="shared" si="464"/>
        <v>16629.407999999999</v>
      </c>
      <c r="PHR52" s="7">
        <f t="shared" si="464"/>
        <v>16629.407999999999</v>
      </c>
      <c r="PHS52" s="7">
        <f t="shared" si="464"/>
        <v>16629.407999999999</v>
      </c>
      <c r="PHT52" s="7">
        <f t="shared" si="464"/>
        <v>16629.407999999999</v>
      </c>
      <c r="PHU52" s="7">
        <f t="shared" si="464"/>
        <v>16629.407999999999</v>
      </c>
      <c r="PHV52" s="7">
        <f t="shared" si="464"/>
        <v>16629.407999999999</v>
      </c>
      <c r="PHW52" s="7">
        <f t="shared" si="464"/>
        <v>16629.407999999999</v>
      </c>
      <c r="PHX52" s="7">
        <f t="shared" si="464"/>
        <v>16629.407999999999</v>
      </c>
      <c r="PHY52" s="7">
        <f t="shared" si="464"/>
        <v>16629.407999999999</v>
      </c>
      <c r="PHZ52" s="7">
        <f t="shared" si="464"/>
        <v>16629.407999999999</v>
      </c>
      <c r="PIA52" s="7">
        <f t="shared" si="464"/>
        <v>16629.407999999999</v>
      </c>
      <c r="PIB52" s="7">
        <f t="shared" si="464"/>
        <v>16629.407999999999</v>
      </c>
      <c r="PIC52" s="7">
        <f t="shared" si="464"/>
        <v>16629.407999999999</v>
      </c>
      <c r="PID52" s="7">
        <f t="shared" si="464"/>
        <v>16629.407999999999</v>
      </c>
      <c r="PIE52" s="7">
        <f t="shared" si="464"/>
        <v>16629.407999999999</v>
      </c>
      <c r="PIF52" s="7">
        <f t="shared" si="464"/>
        <v>16629.407999999999</v>
      </c>
      <c r="PIG52" s="7">
        <f t="shared" si="464"/>
        <v>16629.407999999999</v>
      </c>
      <c r="PIH52" s="7">
        <f t="shared" si="464"/>
        <v>16629.407999999999</v>
      </c>
      <c r="PII52" s="7">
        <f t="shared" si="464"/>
        <v>16629.407999999999</v>
      </c>
      <c r="PIJ52" s="7">
        <f t="shared" si="464"/>
        <v>16629.407999999999</v>
      </c>
      <c r="PIK52" s="7">
        <f t="shared" si="464"/>
        <v>16629.407999999999</v>
      </c>
      <c r="PIL52" s="7">
        <f t="shared" si="464"/>
        <v>16629.407999999999</v>
      </c>
      <c r="PIM52" s="7">
        <f t="shared" si="464"/>
        <v>16629.407999999999</v>
      </c>
      <c r="PIN52" s="7">
        <f t="shared" si="464"/>
        <v>16629.407999999999</v>
      </c>
      <c r="PIO52" s="7">
        <f t="shared" si="464"/>
        <v>16629.407999999999</v>
      </c>
      <c r="PIP52" s="7">
        <f t="shared" si="464"/>
        <v>16629.407999999999</v>
      </c>
      <c r="PIQ52" s="7">
        <f t="shared" si="464"/>
        <v>16629.407999999999</v>
      </c>
      <c r="PIR52" s="7">
        <f t="shared" si="464"/>
        <v>16629.407999999999</v>
      </c>
      <c r="PIS52" s="7">
        <f t="shared" si="464"/>
        <v>16629.407999999999</v>
      </c>
      <c r="PIT52" s="7">
        <f t="shared" si="464"/>
        <v>16629.407999999999</v>
      </c>
      <c r="PIU52" s="7">
        <f t="shared" si="464"/>
        <v>16629.407999999999</v>
      </c>
      <c r="PIV52" s="7">
        <f t="shared" si="464"/>
        <v>16629.407999999999</v>
      </c>
      <c r="PIW52" s="7">
        <f t="shared" si="464"/>
        <v>16629.407999999999</v>
      </c>
      <c r="PIX52" s="7">
        <f t="shared" si="464"/>
        <v>16629.407999999999</v>
      </c>
      <c r="PIY52" s="7">
        <f t="shared" si="464"/>
        <v>16629.407999999999</v>
      </c>
      <c r="PIZ52" s="7">
        <f t="shared" si="464"/>
        <v>16629.407999999999</v>
      </c>
      <c r="PJA52" s="7">
        <f t="shared" si="464"/>
        <v>16629.407999999999</v>
      </c>
      <c r="PJB52" s="7">
        <f t="shared" si="464"/>
        <v>16629.407999999999</v>
      </c>
      <c r="PJC52" s="7">
        <f t="shared" si="464"/>
        <v>16629.407999999999</v>
      </c>
      <c r="PJD52" s="7">
        <f t="shared" si="464"/>
        <v>16629.407999999999</v>
      </c>
      <c r="PJE52" s="7">
        <f t="shared" si="464"/>
        <v>16629.407999999999</v>
      </c>
      <c r="PJF52" s="7">
        <f t="shared" ref="PJF52:PLQ52" si="465">PJF47+PJE52</f>
        <v>16629.407999999999</v>
      </c>
      <c r="PJG52" s="7">
        <f t="shared" si="465"/>
        <v>16629.407999999999</v>
      </c>
      <c r="PJH52" s="7">
        <f t="shared" si="465"/>
        <v>16629.407999999999</v>
      </c>
      <c r="PJI52" s="7">
        <f t="shared" si="465"/>
        <v>16629.407999999999</v>
      </c>
      <c r="PJJ52" s="7">
        <f t="shared" si="465"/>
        <v>16629.407999999999</v>
      </c>
      <c r="PJK52" s="7">
        <f t="shared" si="465"/>
        <v>16629.407999999999</v>
      </c>
      <c r="PJL52" s="7">
        <f t="shared" si="465"/>
        <v>16629.407999999999</v>
      </c>
      <c r="PJM52" s="7">
        <f t="shared" si="465"/>
        <v>16629.407999999999</v>
      </c>
      <c r="PJN52" s="7">
        <f t="shared" si="465"/>
        <v>16629.407999999999</v>
      </c>
      <c r="PJO52" s="7">
        <f t="shared" si="465"/>
        <v>16629.407999999999</v>
      </c>
      <c r="PJP52" s="7">
        <f t="shared" si="465"/>
        <v>16629.407999999999</v>
      </c>
      <c r="PJQ52" s="7">
        <f t="shared" si="465"/>
        <v>16629.407999999999</v>
      </c>
      <c r="PJR52" s="7">
        <f t="shared" si="465"/>
        <v>16629.407999999999</v>
      </c>
      <c r="PJS52" s="7">
        <f t="shared" si="465"/>
        <v>16629.407999999999</v>
      </c>
      <c r="PJT52" s="7">
        <f t="shared" si="465"/>
        <v>16629.407999999999</v>
      </c>
      <c r="PJU52" s="7">
        <f t="shared" si="465"/>
        <v>16629.407999999999</v>
      </c>
      <c r="PJV52" s="7">
        <f t="shared" si="465"/>
        <v>16629.407999999999</v>
      </c>
      <c r="PJW52" s="7">
        <f t="shared" si="465"/>
        <v>16629.407999999999</v>
      </c>
      <c r="PJX52" s="7">
        <f t="shared" si="465"/>
        <v>16629.407999999999</v>
      </c>
      <c r="PJY52" s="7">
        <f t="shared" si="465"/>
        <v>16629.407999999999</v>
      </c>
      <c r="PJZ52" s="7">
        <f t="shared" si="465"/>
        <v>16629.407999999999</v>
      </c>
      <c r="PKA52" s="7">
        <f t="shared" si="465"/>
        <v>16629.407999999999</v>
      </c>
      <c r="PKB52" s="7">
        <f t="shared" si="465"/>
        <v>16629.407999999999</v>
      </c>
      <c r="PKC52" s="7">
        <f t="shared" si="465"/>
        <v>16629.407999999999</v>
      </c>
      <c r="PKD52" s="7">
        <f t="shared" si="465"/>
        <v>16629.407999999999</v>
      </c>
      <c r="PKE52" s="7">
        <f t="shared" si="465"/>
        <v>16629.407999999999</v>
      </c>
      <c r="PKF52" s="7">
        <f t="shared" si="465"/>
        <v>16629.407999999999</v>
      </c>
      <c r="PKG52" s="7">
        <f t="shared" si="465"/>
        <v>16629.407999999999</v>
      </c>
      <c r="PKH52" s="7">
        <f t="shared" si="465"/>
        <v>16629.407999999999</v>
      </c>
      <c r="PKI52" s="7">
        <f t="shared" si="465"/>
        <v>16629.407999999999</v>
      </c>
      <c r="PKJ52" s="7">
        <f t="shared" si="465"/>
        <v>16629.407999999999</v>
      </c>
      <c r="PKK52" s="7">
        <f t="shared" si="465"/>
        <v>16629.407999999999</v>
      </c>
      <c r="PKL52" s="7">
        <f t="shared" si="465"/>
        <v>16629.407999999999</v>
      </c>
      <c r="PKM52" s="7">
        <f t="shared" si="465"/>
        <v>16629.407999999999</v>
      </c>
      <c r="PKN52" s="7">
        <f t="shared" si="465"/>
        <v>16629.407999999999</v>
      </c>
      <c r="PKO52" s="7">
        <f t="shared" si="465"/>
        <v>16629.407999999999</v>
      </c>
      <c r="PKP52" s="7">
        <f t="shared" si="465"/>
        <v>16629.407999999999</v>
      </c>
      <c r="PKQ52" s="7">
        <f t="shared" si="465"/>
        <v>16629.407999999999</v>
      </c>
      <c r="PKR52" s="7">
        <f t="shared" si="465"/>
        <v>16629.407999999999</v>
      </c>
      <c r="PKS52" s="7">
        <f t="shared" si="465"/>
        <v>16629.407999999999</v>
      </c>
      <c r="PKT52" s="7">
        <f t="shared" si="465"/>
        <v>16629.407999999999</v>
      </c>
      <c r="PKU52" s="7">
        <f t="shared" si="465"/>
        <v>16629.407999999999</v>
      </c>
      <c r="PKV52" s="7">
        <f t="shared" si="465"/>
        <v>16629.407999999999</v>
      </c>
      <c r="PKW52" s="7">
        <f t="shared" si="465"/>
        <v>16629.407999999999</v>
      </c>
      <c r="PKX52" s="7">
        <f t="shared" si="465"/>
        <v>16629.407999999999</v>
      </c>
      <c r="PKY52" s="7">
        <f t="shared" si="465"/>
        <v>16629.407999999999</v>
      </c>
      <c r="PKZ52" s="7">
        <f t="shared" si="465"/>
        <v>16629.407999999999</v>
      </c>
      <c r="PLA52" s="7">
        <f t="shared" si="465"/>
        <v>16629.407999999999</v>
      </c>
      <c r="PLB52" s="7">
        <f t="shared" si="465"/>
        <v>16629.407999999999</v>
      </c>
      <c r="PLC52" s="7">
        <f t="shared" si="465"/>
        <v>16629.407999999999</v>
      </c>
      <c r="PLD52" s="7">
        <f t="shared" si="465"/>
        <v>16629.407999999999</v>
      </c>
      <c r="PLE52" s="7">
        <f t="shared" si="465"/>
        <v>16629.407999999999</v>
      </c>
      <c r="PLF52" s="7">
        <f t="shared" si="465"/>
        <v>16629.407999999999</v>
      </c>
      <c r="PLG52" s="7">
        <f t="shared" si="465"/>
        <v>16629.407999999999</v>
      </c>
      <c r="PLH52" s="7">
        <f t="shared" si="465"/>
        <v>16629.407999999999</v>
      </c>
      <c r="PLI52" s="7">
        <f t="shared" si="465"/>
        <v>16629.407999999999</v>
      </c>
      <c r="PLJ52" s="7">
        <f t="shared" si="465"/>
        <v>16629.407999999999</v>
      </c>
      <c r="PLK52" s="7">
        <f t="shared" si="465"/>
        <v>16629.407999999999</v>
      </c>
      <c r="PLL52" s="7">
        <f t="shared" si="465"/>
        <v>16629.407999999999</v>
      </c>
      <c r="PLM52" s="7">
        <f t="shared" si="465"/>
        <v>16629.407999999999</v>
      </c>
      <c r="PLN52" s="7">
        <f t="shared" si="465"/>
        <v>16629.407999999999</v>
      </c>
      <c r="PLO52" s="7">
        <f t="shared" si="465"/>
        <v>16629.407999999999</v>
      </c>
      <c r="PLP52" s="7">
        <f t="shared" si="465"/>
        <v>16629.407999999999</v>
      </c>
      <c r="PLQ52" s="7">
        <f t="shared" si="465"/>
        <v>16629.407999999999</v>
      </c>
      <c r="PLR52" s="7">
        <f t="shared" ref="PLR52:POC52" si="466">PLR47+PLQ52</f>
        <v>16629.407999999999</v>
      </c>
      <c r="PLS52" s="7">
        <f t="shared" si="466"/>
        <v>16629.407999999999</v>
      </c>
      <c r="PLT52" s="7">
        <f t="shared" si="466"/>
        <v>16629.407999999999</v>
      </c>
      <c r="PLU52" s="7">
        <f t="shared" si="466"/>
        <v>16629.407999999999</v>
      </c>
      <c r="PLV52" s="7">
        <f t="shared" si="466"/>
        <v>16629.407999999999</v>
      </c>
      <c r="PLW52" s="7">
        <f t="shared" si="466"/>
        <v>16629.407999999999</v>
      </c>
      <c r="PLX52" s="7">
        <f t="shared" si="466"/>
        <v>16629.407999999999</v>
      </c>
      <c r="PLY52" s="7">
        <f t="shared" si="466"/>
        <v>16629.407999999999</v>
      </c>
      <c r="PLZ52" s="7">
        <f t="shared" si="466"/>
        <v>16629.407999999999</v>
      </c>
      <c r="PMA52" s="7">
        <f t="shared" si="466"/>
        <v>16629.407999999999</v>
      </c>
      <c r="PMB52" s="7">
        <f t="shared" si="466"/>
        <v>16629.407999999999</v>
      </c>
      <c r="PMC52" s="7">
        <f t="shared" si="466"/>
        <v>16629.407999999999</v>
      </c>
      <c r="PMD52" s="7">
        <f t="shared" si="466"/>
        <v>16629.407999999999</v>
      </c>
      <c r="PME52" s="7">
        <f t="shared" si="466"/>
        <v>16629.407999999999</v>
      </c>
      <c r="PMF52" s="7">
        <f t="shared" si="466"/>
        <v>16629.407999999999</v>
      </c>
      <c r="PMG52" s="7">
        <f t="shared" si="466"/>
        <v>16629.407999999999</v>
      </c>
      <c r="PMH52" s="7">
        <f t="shared" si="466"/>
        <v>16629.407999999999</v>
      </c>
      <c r="PMI52" s="7">
        <f t="shared" si="466"/>
        <v>16629.407999999999</v>
      </c>
      <c r="PMJ52" s="7">
        <f t="shared" si="466"/>
        <v>16629.407999999999</v>
      </c>
      <c r="PMK52" s="7">
        <f t="shared" si="466"/>
        <v>16629.407999999999</v>
      </c>
      <c r="PML52" s="7">
        <f t="shared" si="466"/>
        <v>16629.407999999999</v>
      </c>
      <c r="PMM52" s="7">
        <f t="shared" si="466"/>
        <v>16629.407999999999</v>
      </c>
      <c r="PMN52" s="7">
        <f t="shared" si="466"/>
        <v>16629.407999999999</v>
      </c>
      <c r="PMO52" s="7">
        <f t="shared" si="466"/>
        <v>16629.407999999999</v>
      </c>
      <c r="PMP52" s="7">
        <f t="shared" si="466"/>
        <v>16629.407999999999</v>
      </c>
      <c r="PMQ52" s="7">
        <f t="shared" si="466"/>
        <v>16629.407999999999</v>
      </c>
      <c r="PMR52" s="7">
        <f t="shared" si="466"/>
        <v>16629.407999999999</v>
      </c>
      <c r="PMS52" s="7">
        <f t="shared" si="466"/>
        <v>16629.407999999999</v>
      </c>
      <c r="PMT52" s="7">
        <f t="shared" si="466"/>
        <v>16629.407999999999</v>
      </c>
      <c r="PMU52" s="7">
        <f t="shared" si="466"/>
        <v>16629.407999999999</v>
      </c>
      <c r="PMV52" s="7">
        <f t="shared" si="466"/>
        <v>16629.407999999999</v>
      </c>
      <c r="PMW52" s="7">
        <f t="shared" si="466"/>
        <v>16629.407999999999</v>
      </c>
      <c r="PMX52" s="7">
        <f t="shared" si="466"/>
        <v>16629.407999999999</v>
      </c>
      <c r="PMY52" s="7">
        <f t="shared" si="466"/>
        <v>16629.407999999999</v>
      </c>
      <c r="PMZ52" s="7">
        <f t="shared" si="466"/>
        <v>16629.407999999999</v>
      </c>
      <c r="PNA52" s="7">
        <f t="shared" si="466"/>
        <v>16629.407999999999</v>
      </c>
      <c r="PNB52" s="7">
        <f t="shared" si="466"/>
        <v>16629.407999999999</v>
      </c>
      <c r="PNC52" s="7">
        <f t="shared" si="466"/>
        <v>16629.407999999999</v>
      </c>
      <c r="PND52" s="7">
        <f t="shared" si="466"/>
        <v>16629.407999999999</v>
      </c>
      <c r="PNE52" s="7">
        <f t="shared" si="466"/>
        <v>16629.407999999999</v>
      </c>
      <c r="PNF52" s="7">
        <f t="shared" si="466"/>
        <v>16629.407999999999</v>
      </c>
      <c r="PNG52" s="7">
        <f t="shared" si="466"/>
        <v>16629.407999999999</v>
      </c>
      <c r="PNH52" s="7">
        <f t="shared" si="466"/>
        <v>16629.407999999999</v>
      </c>
      <c r="PNI52" s="7">
        <f t="shared" si="466"/>
        <v>16629.407999999999</v>
      </c>
      <c r="PNJ52" s="7">
        <f t="shared" si="466"/>
        <v>16629.407999999999</v>
      </c>
      <c r="PNK52" s="7">
        <f t="shared" si="466"/>
        <v>16629.407999999999</v>
      </c>
      <c r="PNL52" s="7">
        <f t="shared" si="466"/>
        <v>16629.407999999999</v>
      </c>
      <c r="PNM52" s="7">
        <f t="shared" si="466"/>
        <v>16629.407999999999</v>
      </c>
      <c r="PNN52" s="7">
        <f t="shared" si="466"/>
        <v>16629.407999999999</v>
      </c>
      <c r="PNO52" s="7">
        <f t="shared" si="466"/>
        <v>16629.407999999999</v>
      </c>
      <c r="PNP52" s="7">
        <f t="shared" si="466"/>
        <v>16629.407999999999</v>
      </c>
      <c r="PNQ52" s="7">
        <f t="shared" si="466"/>
        <v>16629.407999999999</v>
      </c>
      <c r="PNR52" s="7">
        <f t="shared" si="466"/>
        <v>16629.407999999999</v>
      </c>
      <c r="PNS52" s="7">
        <f t="shared" si="466"/>
        <v>16629.407999999999</v>
      </c>
      <c r="PNT52" s="7">
        <f t="shared" si="466"/>
        <v>16629.407999999999</v>
      </c>
      <c r="PNU52" s="7">
        <f t="shared" si="466"/>
        <v>16629.407999999999</v>
      </c>
      <c r="PNV52" s="7">
        <f t="shared" si="466"/>
        <v>16629.407999999999</v>
      </c>
      <c r="PNW52" s="7">
        <f t="shared" si="466"/>
        <v>16629.407999999999</v>
      </c>
      <c r="PNX52" s="7">
        <f t="shared" si="466"/>
        <v>16629.407999999999</v>
      </c>
      <c r="PNY52" s="7">
        <f t="shared" si="466"/>
        <v>16629.407999999999</v>
      </c>
      <c r="PNZ52" s="7">
        <f t="shared" si="466"/>
        <v>16629.407999999999</v>
      </c>
      <c r="POA52" s="7">
        <f t="shared" si="466"/>
        <v>16629.407999999999</v>
      </c>
      <c r="POB52" s="7">
        <f t="shared" si="466"/>
        <v>16629.407999999999</v>
      </c>
      <c r="POC52" s="7">
        <f t="shared" si="466"/>
        <v>16629.407999999999</v>
      </c>
      <c r="POD52" s="7">
        <f t="shared" ref="POD52:PQO52" si="467">POD47+POC52</f>
        <v>16629.407999999999</v>
      </c>
      <c r="POE52" s="7">
        <f t="shared" si="467"/>
        <v>16629.407999999999</v>
      </c>
      <c r="POF52" s="7">
        <f t="shared" si="467"/>
        <v>16629.407999999999</v>
      </c>
      <c r="POG52" s="7">
        <f t="shared" si="467"/>
        <v>16629.407999999999</v>
      </c>
      <c r="POH52" s="7">
        <f t="shared" si="467"/>
        <v>16629.407999999999</v>
      </c>
      <c r="POI52" s="7">
        <f t="shared" si="467"/>
        <v>16629.407999999999</v>
      </c>
      <c r="POJ52" s="7">
        <f t="shared" si="467"/>
        <v>16629.407999999999</v>
      </c>
      <c r="POK52" s="7">
        <f t="shared" si="467"/>
        <v>16629.407999999999</v>
      </c>
      <c r="POL52" s="7">
        <f t="shared" si="467"/>
        <v>16629.407999999999</v>
      </c>
      <c r="POM52" s="7">
        <f t="shared" si="467"/>
        <v>16629.407999999999</v>
      </c>
      <c r="PON52" s="7">
        <f t="shared" si="467"/>
        <v>16629.407999999999</v>
      </c>
      <c r="POO52" s="7">
        <f t="shared" si="467"/>
        <v>16629.407999999999</v>
      </c>
      <c r="POP52" s="7">
        <f t="shared" si="467"/>
        <v>16629.407999999999</v>
      </c>
      <c r="POQ52" s="7">
        <f t="shared" si="467"/>
        <v>16629.407999999999</v>
      </c>
      <c r="POR52" s="7">
        <f t="shared" si="467"/>
        <v>16629.407999999999</v>
      </c>
      <c r="POS52" s="7">
        <f t="shared" si="467"/>
        <v>16629.407999999999</v>
      </c>
      <c r="POT52" s="7">
        <f t="shared" si="467"/>
        <v>16629.407999999999</v>
      </c>
      <c r="POU52" s="7">
        <f t="shared" si="467"/>
        <v>16629.407999999999</v>
      </c>
      <c r="POV52" s="7">
        <f t="shared" si="467"/>
        <v>16629.407999999999</v>
      </c>
      <c r="POW52" s="7">
        <f t="shared" si="467"/>
        <v>16629.407999999999</v>
      </c>
      <c r="POX52" s="7">
        <f t="shared" si="467"/>
        <v>16629.407999999999</v>
      </c>
      <c r="POY52" s="7">
        <f t="shared" si="467"/>
        <v>16629.407999999999</v>
      </c>
      <c r="POZ52" s="7">
        <f t="shared" si="467"/>
        <v>16629.407999999999</v>
      </c>
      <c r="PPA52" s="7">
        <f t="shared" si="467"/>
        <v>16629.407999999999</v>
      </c>
      <c r="PPB52" s="7">
        <f t="shared" si="467"/>
        <v>16629.407999999999</v>
      </c>
      <c r="PPC52" s="7">
        <f t="shared" si="467"/>
        <v>16629.407999999999</v>
      </c>
      <c r="PPD52" s="7">
        <f t="shared" si="467"/>
        <v>16629.407999999999</v>
      </c>
      <c r="PPE52" s="7">
        <f t="shared" si="467"/>
        <v>16629.407999999999</v>
      </c>
      <c r="PPF52" s="7">
        <f t="shared" si="467"/>
        <v>16629.407999999999</v>
      </c>
      <c r="PPG52" s="7">
        <f t="shared" si="467"/>
        <v>16629.407999999999</v>
      </c>
      <c r="PPH52" s="7">
        <f t="shared" si="467"/>
        <v>16629.407999999999</v>
      </c>
      <c r="PPI52" s="7">
        <f t="shared" si="467"/>
        <v>16629.407999999999</v>
      </c>
      <c r="PPJ52" s="7">
        <f t="shared" si="467"/>
        <v>16629.407999999999</v>
      </c>
      <c r="PPK52" s="7">
        <f t="shared" si="467"/>
        <v>16629.407999999999</v>
      </c>
      <c r="PPL52" s="7">
        <f t="shared" si="467"/>
        <v>16629.407999999999</v>
      </c>
      <c r="PPM52" s="7">
        <f t="shared" si="467"/>
        <v>16629.407999999999</v>
      </c>
      <c r="PPN52" s="7">
        <f t="shared" si="467"/>
        <v>16629.407999999999</v>
      </c>
      <c r="PPO52" s="7">
        <f t="shared" si="467"/>
        <v>16629.407999999999</v>
      </c>
      <c r="PPP52" s="7">
        <f t="shared" si="467"/>
        <v>16629.407999999999</v>
      </c>
      <c r="PPQ52" s="7">
        <f t="shared" si="467"/>
        <v>16629.407999999999</v>
      </c>
      <c r="PPR52" s="7">
        <f t="shared" si="467"/>
        <v>16629.407999999999</v>
      </c>
      <c r="PPS52" s="7">
        <f t="shared" si="467"/>
        <v>16629.407999999999</v>
      </c>
      <c r="PPT52" s="7">
        <f t="shared" si="467"/>
        <v>16629.407999999999</v>
      </c>
      <c r="PPU52" s="7">
        <f t="shared" si="467"/>
        <v>16629.407999999999</v>
      </c>
      <c r="PPV52" s="7">
        <f t="shared" si="467"/>
        <v>16629.407999999999</v>
      </c>
      <c r="PPW52" s="7">
        <f t="shared" si="467"/>
        <v>16629.407999999999</v>
      </c>
      <c r="PPX52" s="7">
        <f t="shared" si="467"/>
        <v>16629.407999999999</v>
      </c>
      <c r="PPY52" s="7">
        <f t="shared" si="467"/>
        <v>16629.407999999999</v>
      </c>
      <c r="PPZ52" s="7">
        <f t="shared" si="467"/>
        <v>16629.407999999999</v>
      </c>
      <c r="PQA52" s="7">
        <f t="shared" si="467"/>
        <v>16629.407999999999</v>
      </c>
      <c r="PQB52" s="7">
        <f t="shared" si="467"/>
        <v>16629.407999999999</v>
      </c>
      <c r="PQC52" s="7">
        <f t="shared" si="467"/>
        <v>16629.407999999999</v>
      </c>
      <c r="PQD52" s="7">
        <f t="shared" si="467"/>
        <v>16629.407999999999</v>
      </c>
      <c r="PQE52" s="7">
        <f t="shared" si="467"/>
        <v>16629.407999999999</v>
      </c>
      <c r="PQF52" s="7">
        <f t="shared" si="467"/>
        <v>16629.407999999999</v>
      </c>
      <c r="PQG52" s="7">
        <f t="shared" si="467"/>
        <v>16629.407999999999</v>
      </c>
      <c r="PQH52" s="7">
        <f t="shared" si="467"/>
        <v>16629.407999999999</v>
      </c>
      <c r="PQI52" s="7">
        <f t="shared" si="467"/>
        <v>16629.407999999999</v>
      </c>
      <c r="PQJ52" s="7">
        <f t="shared" si="467"/>
        <v>16629.407999999999</v>
      </c>
      <c r="PQK52" s="7">
        <f t="shared" si="467"/>
        <v>16629.407999999999</v>
      </c>
      <c r="PQL52" s="7">
        <f t="shared" si="467"/>
        <v>16629.407999999999</v>
      </c>
      <c r="PQM52" s="7">
        <f t="shared" si="467"/>
        <v>16629.407999999999</v>
      </c>
      <c r="PQN52" s="7">
        <f t="shared" si="467"/>
        <v>16629.407999999999</v>
      </c>
      <c r="PQO52" s="7">
        <f t="shared" si="467"/>
        <v>16629.407999999999</v>
      </c>
      <c r="PQP52" s="7">
        <f t="shared" ref="PQP52:PTA52" si="468">PQP47+PQO52</f>
        <v>16629.407999999999</v>
      </c>
      <c r="PQQ52" s="7">
        <f t="shared" si="468"/>
        <v>16629.407999999999</v>
      </c>
      <c r="PQR52" s="7">
        <f t="shared" si="468"/>
        <v>16629.407999999999</v>
      </c>
      <c r="PQS52" s="7">
        <f t="shared" si="468"/>
        <v>16629.407999999999</v>
      </c>
      <c r="PQT52" s="7">
        <f t="shared" si="468"/>
        <v>16629.407999999999</v>
      </c>
      <c r="PQU52" s="7">
        <f t="shared" si="468"/>
        <v>16629.407999999999</v>
      </c>
      <c r="PQV52" s="7">
        <f t="shared" si="468"/>
        <v>16629.407999999999</v>
      </c>
      <c r="PQW52" s="7">
        <f t="shared" si="468"/>
        <v>16629.407999999999</v>
      </c>
      <c r="PQX52" s="7">
        <f t="shared" si="468"/>
        <v>16629.407999999999</v>
      </c>
      <c r="PQY52" s="7">
        <f t="shared" si="468"/>
        <v>16629.407999999999</v>
      </c>
      <c r="PQZ52" s="7">
        <f t="shared" si="468"/>
        <v>16629.407999999999</v>
      </c>
      <c r="PRA52" s="7">
        <f t="shared" si="468"/>
        <v>16629.407999999999</v>
      </c>
      <c r="PRB52" s="7">
        <f t="shared" si="468"/>
        <v>16629.407999999999</v>
      </c>
      <c r="PRC52" s="7">
        <f t="shared" si="468"/>
        <v>16629.407999999999</v>
      </c>
      <c r="PRD52" s="7">
        <f t="shared" si="468"/>
        <v>16629.407999999999</v>
      </c>
      <c r="PRE52" s="7">
        <f t="shared" si="468"/>
        <v>16629.407999999999</v>
      </c>
      <c r="PRF52" s="7">
        <f t="shared" si="468"/>
        <v>16629.407999999999</v>
      </c>
      <c r="PRG52" s="7">
        <f t="shared" si="468"/>
        <v>16629.407999999999</v>
      </c>
      <c r="PRH52" s="7">
        <f t="shared" si="468"/>
        <v>16629.407999999999</v>
      </c>
      <c r="PRI52" s="7">
        <f t="shared" si="468"/>
        <v>16629.407999999999</v>
      </c>
      <c r="PRJ52" s="7">
        <f t="shared" si="468"/>
        <v>16629.407999999999</v>
      </c>
      <c r="PRK52" s="7">
        <f t="shared" si="468"/>
        <v>16629.407999999999</v>
      </c>
      <c r="PRL52" s="7">
        <f t="shared" si="468"/>
        <v>16629.407999999999</v>
      </c>
      <c r="PRM52" s="7">
        <f t="shared" si="468"/>
        <v>16629.407999999999</v>
      </c>
      <c r="PRN52" s="7">
        <f t="shared" si="468"/>
        <v>16629.407999999999</v>
      </c>
      <c r="PRO52" s="7">
        <f t="shared" si="468"/>
        <v>16629.407999999999</v>
      </c>
      <c r="PRP52" s="7">
        <f t="shared" si="468"/>
        <v>16629.407999999999</v>
      </c>
      <c r="PRQ52" s="7">
        <f t="shared" si="468"/>
        <v>16629.407999999999</v>
      </c>
      <c r="PRR52" s="7">
        <f t="shared" si="468"/>
        <v>16629.407999999999</v>
      </c>
      <c r="PRS52" s="7">
        <f t="shared" si="468"/>
        <v>16629.407999999999</v>
      </c>
      <c r="PRT52" s="7">
        <f t="shared" si="468"/>
        <v>16629.407999999999</v>
      </c>
      <c r="PRU52" s="7">
        <f t="shared" si="468"/>
        <v>16629.407999999999</v>
      </c>
      <c r="PRV52" s="7">
        <f t="shared" si="468"/>
        <v>16629.407999999999</v>
      </c>
      <c r="PRW52" s="7">
        <f t="shared" si="468"/>
        <v>16629.407999999999</v>
      </c>
      <c r="PRX52" s="7">
        <f t="shared" si="468"/>
        <v>16629.407999999999</v>
      </c>
      <c r="PRY52" s="7">
        <f t="shared" si="468"/>
        <v>16629.407999999999</v>
      </c>
      <c r="PRZ52" s="7">
        <f t="shared" si="468"/>
        <v>16629.407999999999</v>
      </c>
      <c r="PSA52" s="7">
        <f t="shared" si="468"/>
        <v>16629.407999999999</v>
      </c>
      <c r="PSB52" s="7">
        <f t="shared" si="468"/>
        <v>16629.407999999999</v>
      </c>
      <c r="PSC52" s="7">
        <f t="shared" si="468"/>
        <v>16629.407999999999</v>
      </c>
      <c r="PSD52" s="7">
        <f t="shared" si="468"/>
        <v>16629.407999999999</v>
      </c>
      <c r="PSE52" s="7">
        <f t="shared" si="468"/>
        <v>16629.407999999999</v>
      </c>
      <c r="PSF52" s="7">
        <f t="shared" si="468"/>
        <v>16629.407999999999</v>
      </c>
      <c r="PSG52" s="7">
        <f t="shared" si="468"/>
        <v>16629.407999999999</v>
      </c>
      <c r="PSH52" s="7">
        <f t="shared" si="468"/>
        <v>16629.407999999999</v>
      </c>
      <c r="PSI52" s="7">
        <f t="shared" si="468"/>
        <v>16629.407999999999</v>
      </c>
      <c r="PSJ52" s="7">
        <f t="shared" si="468"/>
        <v>16629.407999999999</v>
      </c>
      <c r="PSK52" s="7">
        <f t="shared" si="468"/>
        <v>16629.407999999999</v>
      </c>
      <c r="PSL52" s="7">
        <f t="shared" si="468"/>
        <v>16629.407999999999</v>
      </c>
      <c r="PSM52" s="7">
        <f t="shared" si="468"/>
        <v>16629.407999999999</v>
      </c>
      <c r="PSN52" s="7">
        <f t="shared" si="468"/>
        <v>16629.407999999999</v>
      </c>
      <c r="PSO52" s="7">
        <f t="shared" si="468"/>
        <v>16629.407999999999</v>
      </c>
      <c r="PSP52" s="7">
        <f t="shared" si="468"/>
        <v>16629.407999999999</v>
      </c>
      <c r="PSQ52" s="7">
        <f t="shared" si="468"/>
        <v>16629.407999999999</v>
      </c>
      <c r="PSR52" s="7">
        <f t="shared" si="468"/>
        <v>16629.407999999999</v>
      </c>
      <c r="PSS52" s="7">
        <f t="shared" si="468"/>
        <v>16629.407999999999</v>
      </c>
      <c r="PST52" s="7">
        <f t="shared" si="468"/>
        <v>16629.407999999999</v>
      </c>
      <c r="PSU52" s="7">
        <f t="shared" si="468"/>
        <v>16629.407999999999</v>
      </c>
      <c r="PSV52" s="7">
        <f t="shared" si="468"/>
        <v>16629.407999999999</v>
      </c>
      <c r="PSW52" s="7">
        <f t="shared" si="468"/>
        <v>16629.407999999999</v>
      </c>
      <c r="PSX52" s="7">
        <f t="shared" si="468"/>
        <v>16629.407999999999</v>
      </c>
      <c r="PSY52" s="7">
        <f t="shared" si="468"/>
        <v>16629.407999999999</v>
      </c>
      <c r="PSZ52" s="7">
        <f t="shared" si="468"/>
        <v>16629.407999999999</v>
      </c>
      <c r="PTA52" s="7">
        <f t="shared" si="468"/>
        <v>16629.407999999999</v>
      </c>
      <c r="PTB52" s="7">
        <f t="shared" ref="PTB52:PVM52" si="469">PTB47+PTA52</f>
        <v>16629.407999999999</v>
      </c>
      <c r="PTC52" s="7">
        <f t="shared" si="469"/>
        <v>16629.407999999999</v>
      </c>
      <c r="PTD52" s="7">
        <f t="shared" si="469"/>
        <v>16629.407999999999</v>
      </c>
      <c r="PTE52" s="7">
        <f t="shared" si="469"/>
        <v>16629.407999999999</v>
      </c>
      <c r="PTF52" s="7">
        <f t="shared" si="469"/>
        <v>16629.407999999999</v>
      </c>
      <c r="PTG52" s="7">
        <f t="shared" si="469"/>
        <v>16629.407999999999</v>
      </c>
      <c r="PTH52" s="7">
        <f t="shared" si="469"/>
        <v>16629.407999999999</v>
      </c>
      <c r="PTI52" s="7">
        <f t="shared" si="469"/>
        <v>16629.407999999999</v>
      </c>
      <c r="PTJ52" s="7">
        <f t="shared" si="469"/>
        <v>16629.407999999999</v>
      </c>
      <c r="PTK52" s="7">
        <f t="shared" si="469"/>
        <v>16629.407999999999</v>
      </c>
      <c r="PTL52" s="7">
        <f t="shared" si="469"/>
        <v>16629.407999999999</v>
      </c>
      <c r="PTM52" s="7">
        <f t="shared" si="469"/>
        <v>16629.407999999999</v>
      </c>
      <c r="PTN52" s="7">
        <f t="shared" si="469"/>
        <v>16629.407999999999</v>
      </c>
      <c r="PTO52" s="7">
        <f t="shared" si="469"/>
        <v>16629.407999999999</v>
      </c>
      <c r="PTP52" s="7">
        <f t="shared" si="469"/>
        <v>16629.407999999999</v>
      </c>
      <c r="PTQ52" s="7">
        <f t="shared" si="469"/>
        <v>16629.407999999999</v>
      </c>
      <c r="PTR52" s="7">
        <f t="shared" si="469"/>
        <v>16629.407999999999</v>
      </c>
      <c r="PTS52" s="7">
        <f t="shared" si="469"/>
        <v>16629.407999999999</v>
      </c>
      <c r="PTT52" s="7">
        <f t="shared" si="469"/>
        <v>16629.407999999999</v>
      </c>
      <c r="PTU52" s="7">
        <f t="shared" si="469"/>
        <v>16629.407999999999</v>
      </c>
      <c r="PTV52" s="7">
        <f t="shared" si="469"/>
        <v>16629.407999999999</v>
      </c>
      <c r="PTW52" s="7">
        <f t="shared" si="469"/>
        <v>16629.407999999999</v>
      </c>
      <c r="PTX52" s="7">
        <f t="shared" si="469"/>
        <v>16629.407999999999</v>
      </c>
      <c r="PTY52" s="7">
        <f t="shared" si="469"/>
        <v>16629.407999999999</v>
      </c>
      <c r="PTZ52" s="7">
        <f t="shared" si="469"/>
        <v>16629.407999999999</v>
      </c>
      <c r="PUA52" s="7">
        <f t="shared" si="469"/>
        <v>16629.407999999999</v>
      </c>
      <c r="PUB52" s="7">
        <f t="shared" si="469"/>
        <v>16629.407999999999</v>
      </c>
      <c r="PUC52" s="7">
        <f t="shared" si="469"/>
        <v>16629.407999999999</v>
      </c>
      <c r="PUD52" s="7">
        <f t="shared" si="469"/>
        <v>16629.407999999999</v>
      </c>
      <c r="PUE52" s="7">
        <f t="shared" si="469"/>
        <v>16629.407999999999</v>
      </c>
      <c r="PUF52" s="7">
        <f t="shared" si="469"/>
        <v>16629.407999999999</v>
      </c>
      <c r="PUG52" s="7">
        <f t="shared" si="469"/>
        <v>16629.407999999999</v>
      </c>
      <c r="PUH52" s="7">
        <f t="shared" si="469"/>
        <v>16629.407999999999</v>
      </c>
      <c r="PUI52" s="7">
        <f t="shared" si="469"/>
        <v>16629.407999999999</v>
      </c>
      <c r="PUJ52" s="7">
        <f t="shared" si="469"/>
        <v>16629.407999999999</v>
      </c>
      <c r="PUK52" s="7">
        <f t="shared" si="469"/>
        <v>16629.407999999999</v>
      </c>
      <c r="PUL52" s="7">
        <f t="shared" si="469"/>
        <v>16629.407999999999</v>
      </c>
      <c r="PUM52" s="7">
        <f t="shared" si="469"/>
        <v>16629.407999999999</v>
      </c>
      <c r="PUN52" s="7">
        <f t="shared" si="469"/>
        <v>16629.407999999999</v>
      </c>
      <c r="PUO52" s="7">
        <f t="shared" si="469"/>
        <v>16629.407999999999</v>
      </c>
      <c r="PUP52" s="7">
        <f t="shared" si="469"/>
        <v>16629.407999999999</v>
      </c>
      <c r="PUQ52" s="7">
        <f t="shared" si="469"/>
        <v>16629.407999999999</v>
      </c>
      <c r="PUR52" s="7">
        <f t="shared" si="469"/>
        <v>16629.407999999999</v>
      </c>
      <c r="PUS52" s="7">
        <f t="shared" si="469"/>
        <v>16629.407999999999</v>
      </c>
      <c r="PUT52" s="7">
        <f t="shared" si="469"/>
        <v>16629.407999999999</v>
      </c>
      <c r="PUU52" s="7">
        <f t="shared" si="469"/>
        <v>16629.407999999999</v>
      </c>
      <c r="PUV52" s="7">
        <f t="shared" si="469"/>
        <v>16629.407999999999</v>
      </c>
      <c r="PUW52" s="7">
        <f t="shared" si="469"/>
        <v>16629.407999999999</v>
      </c>
      <c r="PUX52" s="7">
        <f t="shared" si="469"/>
        <v>16629.407999999999</v>
      </c>
      <c r="PUY52" s="7">
        <f t="shared" si="469"/>
        <v>16629.407999999999</v>
      </c>
      <c r="PUZ52" s="7">
        <f t="shared" si="469"/>
        <v>16629.407999999999</v>
      </c>
      <c r="PVA52" s="7">
        <f t="shared" si="469"/>
        <v>16629.407999999999</v>
      </c>
      <c r="PVB52" s="7">
        <f t="shared" si="469"/>
        <v>16629.407999999999</v>
      </c>
      <c r="PVC52" s="7">
        <f t="shared" si="469"/>
        <v>16629.407999999999</v>
      </c>
      <c r="PVD52" s="7">
        <f t="shared" si="469"/>
        <v>16629.407999999999</v>
      </c>
      <c r="PVE52" s="7">
        <f t="shared" si="469"/>
        <v>16629.407999999999</v>
      </c>
      <c r="PVF52" s="7">
        <f t="shared" si="469"/>
        <v>16629.407999999999</v>
      </c>
      <c r="PVG52" s="7">
        <f t="shared" si="469"/>
        <v>16629.407999999999</v>
      </c>
      <c r="PVH52" s="7">
        <f t="shared" si="469"/>
        <v>16629.407999999999</v>
      </c>
      <c r="PVI52" s="7">
        <f t="shared" si="469"/>
        <v>16629.407999999999</v>
      </c>
      <c r="PVJ52" s="7">
        <f t="shared" si="469"/>
        <v>16629.407999999999</v>
      </c>
      <c r="PVK52" s="7">
        <f t="shared" si="469"/>
        <v>16629.407999999999</v>
      </c>
      <c r="PVL52" s="7">
        <f t="shared" si="469"/>
        <v>16629.407999999999</v>
      </c>
      <c r="PVM52" s="7">
        <f t="shared" si="469"/>
        <v>16629.407999999999</v>
      </c>
      <c r="PVN52" s="7">
        <f t="shared" ref="PVN52:PXY52" si="470">PVN47+PVM52</f>
        <v>16629.407999999999</v>
      </c>
      <c r="PVO52" s="7">
        <f t="shared" si="470"/>
        <v>16629.407999999999</v>
      </c>
      <c r="PVP52" s="7">
        <f t="shared" si="470"/>
        <v>16629.407999999999</v>
      </c>
      <c r="PVQ52" s="7">
        <f t="shared" si="470"/>
        <v>16629.407999999999</v>
      </c>
      <c r="PVR52" s="7">
        <f t="shared" si="470"/>
        <v>16629.407999999999</v>
      </c>
      <c r="PVS52" s="7">
        <f t="shared" si="470"/>
        <v>16629.407999999999</v>
      </c>
      <c r="PVT52" s="7">
        <f t="shared" si="470"/>
        <v>16629.407999999999</v>
      </c>
      <c r="PVU52" s="7">
        <f t="shared" si="470"/>
        <v>16629.407999999999</v>
      </c>
      <c r="PVV52" s="7">
        <f t="shared" si="470"/>
        <v>16629.407999999999</v>
      </c>
      <c r="PVW52" s="7">
        <f t="shared" si="470"/>
        <v>16629.407999999999</v>
      </c>
      <c r="PVX52" s="7">
        <f t="shared" si="470"/>
        <v>16629.407999999999</v>
      </c>
      <c r="PVY52" s="7">
        <f t="shared" si="470"/>
        <v>16629.407999999999</v>
      </c>
      <c r="PVZ52" s="7">
        <f t="shared" si="470"/>
        <v>16629.407999999999</v>
      </c>
      <c r="PWA52" s="7">
        <f t="shared" si="470"/>
        <v>16629.407999999999</v>
      </c>
      <c r="PWB52" s="7">
        <f t="shared" si="470"/>
        <v>16629.407999999999</v>
      </c>
      <c r="PWC52" s="7">
        <f t="shared" si="470"/>
        <v>16629.407999999999</v>
      </c>
      <c r="PWD52" s="7">
        <f t="shared" si="470"/>
        <v>16629.407999999999</v>
      </c>
      <c r="PWE52" s="7">
        <f t="shared" si="470"/>
        <v>16629.407999999999</v>
      </c>
      <c r="PWF52" s="7">
        <f t="shared" si="470"/>
        <v>16629.407999999999</v>
      </c>
      <c r="PWG52" s="7">
        <f t="shared" si="470"/>
        <v>16629.407999999999</v>
      </c>
      <c r="PWH52" s="7">
        <f t="shared" si="470"/>
        <v>16629.407999999999</v>
      </c>
      <c r="PWI52" s="7">
        <f t="shared" si="470"/>
        <v>16629.407999999999</v>
      </c>
      <c r="PWJ52" s="7">
        <f t="shared" si="470"/>
        <v>16629.407999999999</v>
      </c>
      <c r="PWK52" s="7">
        <f t="shared" si="470"/>
        <v>16629.407999999999</v>
      </c>
      <c r="PWL52" s="7">
        <f t="shared" si="470"/>
        <v>16629.407999999999</v>
      </c>
      <c r="PWM52" s="7">
        <f t="shared" si="470"/>
        <v>16629.407999999999</v>
      </c>
      <c r="PWN52" s="7">
        <f t="shared" si="470"/>
        <v>16629.407999999999</v>
      </c>
      <c r="PWO52" s="7">
        <f t="shared" si="470"/>
        <v>16629.407999999999</v>
      </c>
      <c r="PWP52" s="7">
        <f t="shared" si="470"/>
        <v>16629.407999999999</v>
      </c>
      <c r="PWQ52" s="7">
        <f t="shared" si="470"/>
        <v>16629.407999999999</v>
      </c>
      <c r="PWR52" s="7">
        <f t="shared" si="470"/>
        <v>16629.407999999999</v>
      </c>
      <c r="PWS52" s="7">
        <f t="shared" si="470"/>
        <v>16629.407999999999</v>
      </c>
      <c r="PWT52" s="7">
        <f t="shared" si="470"/>
        <v>16629.407999999999</v>
      </c>
      <c r="PWU52" s="7">
        <f t="shared" si="470"/>
        <v>16629.407999999999</v>
      </c>
      <c r="PWV52" s="7">
        <f t="shared" si="470"/>
        <v>16629.407999999999</v>
      </c>
      <c r="PWW52" s="7">
        <f t="shared" si="470"/>
        <v>16629.407999999999</v>
      </c>
      <c r="PWX52" s="7">
        <f t="shared" si="470"/>
        <v>16629.407999999999</v>
      </c>
      <c r="PWY52" s="7">
        <f t="shared" si="470"/>
        <v>16629.407999999999</v>
      </c>
      <c r="PWZ52" s="7">
        <f t="shared" si="470"/>
        <v>16629.407999999999</v>
      </c>
      <c r="PXA52" s="7">
        <f t="shared" si="470"/>
        <v>16629.407999999999</v>
      </c>
      <c r="PXB52" s="7">
        <f t="shared" si="470"/>
        <v>16629.407999999999</v>
      </c>
      <c r="PXC52" s="7">
        <f t="shared" si="470"/>
        <v>16629.407999999999</v>
      </c>
      <c r="PXD52" s="7">
        <f t="shared" si="470"/>
        <v>16629.407999999999</v>
      </c>
      <c r="PXE52" s="7">
        <f t="shared" si="470"/>
        <v>16629.407999999999</v>
      </c>
      <c r="PXF52" s="7">
        <f t="shared" si="470"/>
        <v>16629.407999999999</v>
      </c>
      <c r="PXG52" s="7">
        <f t="shared" si="470"/>
        <v>16629.407999999999</v>
      </c>
      <c r="PXH52" s="7">
        <f t="shared" si="470"/>
        <v>16629.407999999999</v>
      </c>
      <c r="PXI52" s="7">
        <f t="shared" si="470"/>
        <v>16629.407999999999</v>
      </c>
      <c r="PXJ52" s="7">
        <f t="shared" si="470"/>
        <v>16629.407999999999</v>
      </c>
      <c r="PXK52" s="7">
        <f t="shared" si="470"/>
        <v>16629.407999999999</v>
      </c>
      <c r="PXL52" s="7">
        <f t="shared" si="470"/>
        <v>16629.407999999999</v>
      </c>
      <c r="PXM52" s="7">
        <f t="shared" si="470"/>
        <v>16629.407999999999</v>
      </c>
      <c r="PXN52" s="7">
        <f t="shared" si="470"/>
        <v>16629.407999999999</v>
      </c>
      <c r="PXO52" s="7">
        <f t="shared" si="470"/>
        <v>16629.407999999999</v>
      </c>
      <c r="PXP52" s="7">
        <f t="shared" si="470"/>
        <v>16629.407999999999</v>
      </c>
      <c r="PXQ52" s="7">
        <f t="shared" si="470"/>
        <v>16629.407999999999</v>
      </c>
      <c r="PXR52" s="7">
        <f t="shared" si="470"/>
        <v>16629.407999999999</v>
      </c>
      <c r="PXS52" s="7">
        <f t="shared" si="470"/>
        <v>16629.407999999999</v>
      </c>
      <c r="PXT52" s="7">
        <f t="shared" si="470"/>
        <v>16629.407999999999</v>
      </c>
      <c r="PXU52" s="7">
        <f t="shared" si="470"/>
        <v>16629.407999999999</v>
      </c>
      <c r="PXV52" s="7">
        <f t="shared" si="470"/>
        <v>16629.407999999999</v>
      </c>
      <c r="PXW52" s="7">
        <f t="shared" si="470"/>
        <v>16629.407999999999</v>
      </c>
      <c r="PXX52" s="7">
        <f t="shared" si="470"/>
        <v>16629.407999999999</v>
      </c>
      <c r="PXY52" s="7">
        <f t="shared" si="470"/>
        <v>16629.407999999999</v>
      </c>
      <c r="PXZ52" s="7">
        <f t="shared" ref="PXZ52:QAK52" si="471">PXZ47+PXY52</f>
        <v>16629.407999999999</v>
      </c>
      <c r="PYA52" s="7">
        <f t="shared" si="471"/>
        <v>16629.407999999999</v>
      </c>
      <c r="PYB52" s="7">
        <f t="shared" si="471"/>
        <v>16629.407999999999</v>
      </c>
      <c r="PYC52" s="7">
        <f t="shared" si="471"/>
        <v>16629.407999999999</v>
      </c>
      <c r="PYD52" s="7">
        <f t="shared" si="471"/>
        <v>16629.407999999999</v>
      </c>
      <c r="PYE52" s="7">
        <f t="shared" si="471"/>
        <v>16629.407999999999</v>
      </c>
      <c r="PYF52" s="7">
        <f t="shared" si="471"/>
        <v>16629.407999999999</v>
      </c>
      <c r="PYG52" s="7">
        <f t="shared" si="471"/>
        <v>16629.407999999999</v>
      </c>
      <c r="PYH52" s="7">
        <f t="shared" si="471"/>
        <v>16629.407999999999</v>
      </c>
      <c r="PYI52" s="7">
        <f t="shared" si="471"/>
        <v>16629.407999999999</v>
      </c>
      <c r="PYJ52" s="7">
        <f t="shared" si="471"/>
        <v>16629.407999999999</v>
      </c>
      <c r="PYK52" s="7">
        <f t="shared" si="471"/>
        <v>16629.407999999999</v>
      </c>
      <c r="PYL52" s="7">
        <f t="shared" si="471"/>
        <v>16629.407999999999</v>
      </c>
      <c r="PYM52" s="7">
        <f t="shared" si="471"/>
        <v>16629.407999999999</v>
      </c>
      <c r="PYN52" s="7">
        <f t="shared" si="471"/>
        <v>16629.407999999999</v>
      </c>
      <c r="PYO52" s="7">
        <f t="shared" si="471"/>
        <v>16629.407999999999</v>
      </c>
      <c r="PYP52" s="7">
        <f t="shared" si="471"/>
        <v>16629.407999999999</v>
      </c>
      <c r="PYQ52" s="7">
        <f t="shared" si="471"/>
        <v>16629.407999999999</v>
      </c>
      <c r="PYR52" s="7">
        <f t="shared" si="471"/>
        <v>16629.407999999999</v>
      </c>
      <c r="PYS52" s="7">
        <f t="shared" si="471"/>
        <v>16629.407999999999</v>
      </c>
      <c r="PYT52" s="7">
        <f t="shared" si="471"/>
        <v>16629.407999999999</v>
      </c>
      <c r="PYU52" s="7">
        <f t="shared" si="471"/>
        <v>16629.407999999999</v>
      </c>
      <c r="PYV52" s="7">
        <f t="shared" si="471"/>
        <v>16629.407999999999</v>
      </c>
      <c r="PYW52" s="7">
        <f t="shared" si="471"/>
        <v>16629.407999999999</v>
      </c>
      <c r="PYX52" s="7">
        <f t="shared" si="471"/>
        <v>16629.407999999999</v>
      </c>
      <c r="PYY52" s="7">
        <f t="shared" si="471"/>
        <v>16629.407999999999</v>
      </c>
      <c r="PYZ52" s="7">
        <f t="shared" si="471"/>
        <v>16629.407999999999</v>
      </c>
      <c r="PZA52" s="7">
        <f t="shared" si="471"/>
        <v>16629.407999999999</v>
      </c>
      <c r="PZB52" s="7">
        <f t="shared" si="471"/>
        <v>16629.407999999999</v>
      </c>
      <c r="PZC52" s="7">
        <f t="shared" si="471"/>
        <v>16629.407999999999</v>
      </c>
      <c r="PZD52" s="7">
        <f t="shared" si="471"/>
        <v>16629.407999999999</v>
      </c>
      <c r="PZE52" s="7">
        <f t="shared" si="471"/>
        <v>16629.407999999999</v>
      </c>
      <c r="PZF52" s="7">
        <f t="shared" si="471"/>
        <v>16629.407999999999</v>
      </c>
      <c r="PZG52" s="7">
        <f t="shared" si="471"/>
        <v>16629.407999999999</v>
      </c>
      <c r="PZH52" s="7">
        <f t="shared" si="471"/>
        <v>16629.407999999999</v>
      </c>
      <c r="PZI52" s="7">
        <f t="shared" si="471"/>
        <v>16629.407999999999</v>
      </c>
      <c r="PZJ52" s="7">
        <f t="shared" si="471"/>
        <v>16629.407999999999</v>
      </c>
      <c r="PZK52" s="7">
        <f t="shared" si="471"/>
        <v>16629.407999999999</v>
      </c>
      <c r="PZL52" s="7">
        <f t="shared" si="471"/>
        <v>16629.407999999999</v>
      </c>
      <c r="PZM52" s="7">
        <f t="shared" si="471"/>
        <v>16629.407999999999</v>
      </c>
      <c r="PZN52" s="7">
        <f t="shared" si="471"/>
        <v>16629.407999999999</v>
      </c>
      <c r="PZO52" s="7">
        <f t="shared" si="471"/>
        <v>16629.407999999999</v>
      </c>
      <c r="PZP52" s="7">
        <f t="shared" si="471"/>
        <v>16629.407999999999</v>
      </c>
      <c r="PZQ52" s="7">
        <f t="shared" si="471"/>
        <v>16629.407999999999</v>
      </c>
      <c r="PZR52" s="7">
        <f t="shared" si="471"/>
        <v>16629.407999999999</v>
      </c>
      <c r="PZS52" s="7">
        <f t="shared" si="471"/>
        <v>16629.407999999999</v>
      </c>
      <c r="PZT52" s="7">
        <f t="shared" si="471"/>
        <v>16629.407999999999</v>
      </c>
      <c r="PZU52" s="7">
        <f t="shared" si="471"/>
        <v>16629.407999999999</v>
      </c>
      <c r="PZV52" s="7">
        <f t="shared" si="471"/>
        <v>16629.407999999999</v>
      </c>
      <c r="PZW52" s="7">
        <f t="shared" si="471"/>
        <v>16629.407999999999</v>
      </c>
      <c r="PZX52" s="7">
        <f t="shared" si="471"/>
        <v>16629.407999999999</v>
      </c>
      <c r="PZY52" s="7">
        <f t="shared" si="471"/>
        <v>16629.407999999999</v>
      </c>
      <c r="PZZ52" s="7">
        <f t="shared" si="471"/>
        <v>16629.407999999999</v>
      </c>
      <c r="QAA52" s="7">
        <f t="shared" si="471"/>
        <v>16629.407999999999</v>
      </c>
      <c r="QAB52" s="7">
        <f t="shared" si="471"/>
        <v>16629.407999999999</v>
      </c>
      <c r="QAC52" s="7">
        <f t="shared" si="471"/>
        <v>16629.407999999999</v>
      </c>
      <c r="QAD52" s="7">
        <f t="shared" si="471"/>
        <v>16629.407999999999</v>
      </c>
      <c r="QAE52" s="7">
        <f t="shared" si="471"/>
        <v>16629.407999999999</v>
      </c>
      <c r="QAF52" s="7">
        <f t="shared" si="471"/>
        <v>16629.407999999999</v>
      </c>
      <c r="QAG52" s="7">
        <f t="shared" si="471"/>
        <v>16629.407999999999</v>
      </c>
      <c r="QAH52" s="7">
        <f t="shared" si="471"/>
        <v>16629.407999999999</v>
      </c>
      <c r="QAI52" s="7">
        <f t="shared" si="471"/>
        <v>16629.407999999999</v>
      </c>
      <c r="QAJ52" s="7">
        <f t="shared" si="471"/>
        <v>16629.407999999999</v>
      </c>
      <c r="QAK52" s="7">
        <f t="shared" si="471"/>
        <v>16629.407999999999</v>
      </c>
      <c r="QAL52" s="7">
        <f t="shared" ref="QAL52:QCW52" si="472">QAL47+QAK52</f>
        <v>16629.407999999999</v>
      </c>
      <c r="QAM52" s="7">
        <f t="shared" si="472"/>
        <v>16629.407999999999</v>
      </c>
      <c r="QAN52" s="7">
        <f t="shared" si="472"/>
        <v>16629.407999999999</v>
      </c>
      <c r="QAO52" s="7">
        <f t="shared" si="472"/>
        <v>16629.407999999999</v>
      </c>
      <c r="QAP52" s="7">
        <f t="shared" si="472"/>
        <v>16629.407999999999</v>
      </c>
      <c r="QAQ52" s="7">
        <f t="shared" si="472"/>
        <v>16629.407999999999</v>
      </c>
      <c r="QAR52" s="7">
        <f t="shared" si="472"/>
        <v>16629.407999999999</v>
      </c>
      <c r="QAS52" s="7">
        <f t="shared" si="472"/>
        <v>16629.407999999999</v>
      </c>
      <c r="QAT52" s="7">
        <f t="shared" si="472"/>
        <v>16629.407999999999</v>
      </c>
      <c r="QAU52" s="7">
        <f t="shared" si="472"/>
        <v>16629.407999999999</v>
      </c>
      <c r="QAV52" s="7">
        <f t="shared" si="472"/>
        <v>16629.407999999999</v>
      </c>
      <c r="QAW52" s="7">
        <f t="shared" si="472"/>
        <v>16629.407999999999</v>
      </c>
      <c r="QAX52" s="7">
        <f t="shared" si="472"/>
        <v>16629.407999999999</v>
      </c>
      <c r="QAY52" s="7">
        <f t="shared" si="472"/>
        <v>16629.407999999999</v>
      </c>
      <c r="QAZ52" s="7">
        <f t="shared" si="472"/>
        <v>16629.407999999999</v>
      </c>
      <c r="QBA52" s="7">
        <f t="shared" si="472"/>
        <v>16629.407999999999</v>
      </c>
      <c r="QBB52" s="7">
        <f t="shared" si="472"/>
        <v>16629.407999999999</v>
      </c>
      <c r="QBC52" s="7">
        <f t="shared" si="472"/>
        <v>16629.407999999999</v>
      </c>
      <c r="QBD52" s="7">
        <f t="shared" si="472"/>
        <v>16629.407999999999</v>
      </c>
      <c r="QBE52" s="7">
        <f t="shared" si="472"/>
        <v>16629.407999999999</v>
      </c>
      <c r="QBF52" s="7">
        <f t="shared" si="472"/>
        <v>16629.407999999999</v>
      </c>
      <c r="QBG52" s="7">
        <f t="shared" si="472"/>
        <v>16629.407999999999</v>
      </c>
      <c r="QBH52" s="7">
        <f t="shared" si="472"/>
        <v>16629.407999999999</v>
      </c>
      <c r="QBI52" s="7">
        <f t="shared" si="472"/>
        <v>16629.407999999999</v>
      </c>
      <c r="QBJ52" s="7">
        <f t="shared" si="472"/>
        <v>16629.407999999999</v>
      </c>
      <c r="QBK52" s="7">
        <f t="shared" si="472"/>
        <v>16629.407999999999</v>
      </c>
      <c r="QBL52" s="7">
        <f t="shared" si="472"/>
        <v>16629.407999999999</v>
      </c>
      <c r="QBM52" s="7">
        <f t="shared" si="472"/>
        <v>16629.407999999999</v>
      </c>
      <c r="QBN52" s="7">
        <f t="shared" si="472"/>
        <v>16629.407999999999</v>
      </c>
      <c r="QBO52" s="7">
        <f t="shared" si="472"/>
        <v>16629.407999999999</v>
      </c>
      <c r="QBP52" s="7">
        <f t="shared" si="472"/>
        <v>16629.407999999999</v>
      </c>
      <c r="QBQ52" s="7">
        <f t="shared" si="472"/>
        <v>16629.407999999999</v>
      </c>
      <c r="QBR52" s="7">
        <f t="shared" si="472"/>
        <v>16629.407999999999</v>
      </c>
      <c r="QBS52" s="7">
        <f t="shared" si="472"/>
        <v>16629.407999999999</v>
      </c>
      <c r="QBT52" s="7">
        <f t="shared" si="472"/>
        <v>16629.407999999999</v>
      </c>
      <c r="QBU52" s="7">
        <f t="shared" si="472"/>
        <v>16629.407999999999</v>
      </c>
      <c r="QBV52" s="7">
        <f t="shared" si="472"/>
        <v>16629.407999999999</v>
      </c>
      <c r="QBW52" s="7">
        <f t="shared" si="472"/>
        <v>16629.407999999999</v>
      </c>
      <c r="QBX52" s="7">
        <f t="shared" si="472"/>
        <v>16629.407999999999</v>
      </c>
      <c r="QBY52" s="7">
        <f t="shared" si="472"/>
        <v>16629.407999999999</v>
      </c>
      <c r="QBZ52" s="7">
        <f t="shared" si="472"/>
        <v>16629.407999999999</v>
      </c>
      <c r="QCA52" s="7">
        <f t="shared" si="472"/>
        <v>16629.407999999999</v>
      </c>
      <c r="QCB52" s="7">
        <f t="shared" si="472"/>
        <v>16629.407999999999</v>
      </c>
      <c r="QCC52" s="7">
        <f t="shared" si="472"/>
        <v>16629.407999999999</v>
      </c>
      <c r="QCD52" s="7">
        <f t="shared" si="472"/>
        <v>16629.407999999999</v>
      </c>
      <c r="QCE52" s="7">
        <f t="shared" si="472"/>
        <v>16629.407999999999</v>
      </c>
      <c r="QCF52" s="7">
        <f t="shared" si="472"/>
        <v>16629.407999999999</v>
      </c>
      <c r="QCG52" s="7">
        <f t="shared" si="472"/>
        <v>16629.407999999999</v>
      </c>
      <c r="QCH52" s="7">
        <f t="shared" si="472"/>
        <v>16629.407999999999</v>
      </c>
      <c r="QCI52" s="7">
        <f t="shared" si="472"/>
        <v>16629.407999999999</v>
      </c>
      <c r="QCJ52" s="7">
        <f t="shared" si="472"/>
        <v>16629.407999999999</v>
      </c>
      <c r="QCK52" s="7">
        <f t="shared" si="472"/>
        <v>16629.407999999999</v>
      </c>
      <c r="QCL52" s="7">
        <f t="shared" si="472"/>
        <v>16629.407999999999</v>
      </c>
      <c r="QCM52" s="7">
        <f t="shared" si="472"/>
        <v>16629.407999999999</v>
      </c>
      <c r="QCN52" s="7">
        <f t="shared" si="472"/>
        <v>16629.407999999999</v>
      </c>
      <c r="QCO52" s="7">
        <f t="shared" si="472"/>
        <v>16629.407999999999</v>
      </c>
      <c r="QCP52" s="7">
        <f t="shared" si="472"/>
        <v>16629.407999999999</v>
      </c>
      <c r="QCQ52" s="7">
        <f t="shared" si="472"/>
        <v>16629.407999999999</v>
      </c>
      <c r="QCR52" s="7">
        <f t="shared" si="472"/>
        <v>16629.407999999999</v>
      </c>
      <c r="QCS52" s="7">
        <f t="shared" si="472"/>
        <v>16629.407999999999</v>
      </c>
      <c r="QCT52" s="7">
        <f t="shared" si="472"/>
        <v>16629.407999999999</v>
      </c>
      <c r="QCU52" s="7">
        <f t="shared" si="472"/>
        <v>16629.407999999999</v>
      </c>
      <c r="QCV52" s="7">
        <f t="shared" si="472"/>
        <v>16629.407999999999</v>
      </c>
      <c r="QCW52" s="7">
        <f t="shared" si="472"/>
        <v>16629.407999999999</v>
      </c>
      <c r="QCX52" s="7">
        <f t="shared" ref="QCX52:QFI52" si="473">QCX47+QCW52</f>
        <v>16629.407999999999</v>
      </c>
      <c r="QCY52" s="7">
        <f t="shared" si="473"/>
        <v>16629.407999999999</v>
      </c>
      <c r="QCZ52" s="7">
        <f t="shared" si="473"/>
        <v>16629.407999999999</v>
      </c>
      <c r="QDA52" s="7">
        <f t="shared" si="473"/>
        <v>16629.407999999999</v>
      </c>
      <c r="QDB52" s="7">
        <f t="shared" si="473"/>
        <v>16629.407999999999</v>
      </c>
      <c r="QDC52" s="7">
        <f t="shared" si="473"/>
        <v>16629.407999999999</v>
      </c>
      <c r="QDD52" s="7">
        <f t="shared" si="473"/>
        <v>16629.407999999999</v>
      </c>
      <c r="QDE52" s="7">
        <f t="shared" si="473"/>
        <v>16629.407999999999</v>
      </c>
      <c r="QDF52" s="7">
        <f t="shared" si="473"/>
        <v>16629.407999999999</v>
      </c>
      <c r="QDG52" s="7">
        <f t="shared" si="473"/>
        <v>16629.407999999999</v>
      </c>
      <c r="QDH52" s="7">
        <f t="shared" si="473"/>
        <v>16629.407999999999</v>
      </c>
      <c r="QDI52" s="7">
        <f t="shared" si="473"/>
        <v>16629.407999999999</v>
      </c>
      <c r="QDJ52" s="7">
        <f t="shared" si="473"/>
        <v>16629.407999999999</v>
      </c>
      <c r="QDK52" s="7">
        <f t="shared" si="473"/>
        <v>16629.407999999999</v>
      </c>
      <c r="QDL52" s="7">
        <f t="shared" si="473"/>
        <v>16629.407999999999</v>
      </c>
      <c r="QDM52" s="7">
        <f t="shared" si="473"/>
        <v>16629.407999999999</v>
      </c>
      <c r="QDN52" s="7">
        <f t="shared" si="473"/>
        <v>16629.407999999999</v>
      </c>
      <c r="QDO52" s="7">
        <f t="shared" si="473"/>
        <v>16629.407999999999</v>
      </c>
      <c r="QDP52" s="7">
        <f t="shared" si="473"/>
        <v>16629.407999999999</v>
      </c>
      <c r="QDQ52" s="7">
        <f t="shared" si="473"/>
        <v>16629.407999999999</v>
      </c>
      <c r="QDR52" s="7">
        <f t="shared" si="473"/>
        <v>16629.407999999999</v>
      </c>
      <c r="QDS52" s="7">
        <f t="shared" si="473"/>
        <v>16629.407999999999</v>
      </c>
      <c r="QDT52" s="7">
        <f t="shared" si="473"/>
        <v>16629.407999999999</v>
      </c>
      <c r="QDU52" s="7">
        <f t="shared" si="473"/>
        <v>16629.407999999999</v>
      </c>
      <c r="QDV52" s="7">
        <f t="shared" si="473"/>
        <v>16629.407999999999</v>
      </c>
      <c r="QDW52" s="7">
        <f t="shared" si="473"/>
        <v>16629.407999999999</v>
      </c>
      <c r="QDX52" s="7">
        <f t="shared" si="473"/>
        <v>16629.407999999999</v>
      </c>
      <c r="QDY52" s="7">
        <f t="shared" si="473"/>
        <v>16629.407999999999</v>
      </c>
      <c r="QDZ52" s="7">
        <f t="shared" si="473"/>
        <v>16629.407999999999</v>
      </c>
      <c r="QEA52" s="7">
        <f t="shared" si="473"/>
        <v>16629.407999999999</v>
      </c>
      <c r="QEB52" s="7">
        <f t="shared" si="473"/>
        <v>16629.407999999999</v>
      </c>
      <c r="QEC52" s="7">
        <f t="shared" si="473"/>
        <v>16629.407999999999</v>
      </c>
      <c r="QED52" s="7">
        <f t="shared" si="473"/>
        <v>16629.407999999999</v>
      </c>
      <c r="QEE52" s="7">
        <f t="shared" si="473"/>
        <v>16629.407999999999</v>
      </c>
      <c r="QEF52" s="7">
        <f t="shared" si="473"/>
        <v>16629.407999999999</v>
      </c>
      <c r="QEG52" s="7">
        <f t="shared" si="473"/>
        <v>16629.407999999999</v>
      </c>
      <c r="QEH52" s="7">
        <f t="shared" si="473"/>
        <v>16629.407999999999</v>
      </c>
      <c r="QEI52" s="7">
        <f t="shared" si="473"/>
        <v>16629.407999999999</v>
      </c>
      <c r="QEJ52" s="7">
        <f t="shared" si="473"/>
        <v>16629.407999999999</v>
      </c>
      <c r="QEK52" s="7">
        <f t="shared" si="473"/>
        <v>16629.407999999999</v>
      </c>
      <c r="QEL52" s="7">
        <f t="shared" si="473"/>
        <v>16629.407999999999</v>
      </c>
      <c r="QEM52" s="7">
        <f t="shared" si="473"/>
        <v>16629.407999999999</v>
      </c>
      <c r="QEN52" s="7">
        <f t="shared" si="473"/>
        <v>16629.407999999999</v>
      </c>
      <c r="QEO52" s="7">
        <f t="shared" si="473"/>
        <v>16629.407999999999</v>
      </c>
      <c r="QEP52" s="7">
        <f t="shared" si="473"/>
        <v>16629.407999999999</v>
      </c>
      <c r="QEQ52" s="7">
        <f t="shared" si="473"/>
        <v>16629.407999999999</v>
      </c>
      <c r="QER52" s="7">
        <f t="shared" si="473"/>
        <v>16629.407999999999</v>
      </c>
      <c r="QES52" s="7">
        <f t="shared" si="473"/>
        <v>16629.407999999999</v>
      </c>
      <c r="QET52" s="7">
        <f t="shared" si="473"/>
        <v>16629.407999999999</v>
      </c>
      <c r="QEU52" s="7">
        <f t="shared" si="473"/>
        <v>16629.407999999999</v>
      </c>
      <c r="QEV52" s="7">
        <f t="shared" si="473"/>
        <v>16629.407999999999</v>
      </c>
      <c r="QEW52" s="7">
        <f t="shared" si="473"/>
        <v>16629.407999999999</v>
      </c>
      <c r="QEX52" s="7">
        <f t="shared" si="473"/>
        <v>16629.407999999999</v>
      </c>
      <c r="QEY52" s="7">
        <f t="shared" si="473"/>
        <v>16629.407999999999</v>
      </c>
      <c r="QEZ52" s="7">
        <f t="shared" si="473"/>
        <v>16629.407999999999</v>
      </c>
      <c r="QFA52" s="7">
        <f t="shared" si="473"/>
        <v>16629.407999999999</v>
      </c>
      <c r="QFB52" s="7">
        <f t="shared" si="473"/>
        <v>16629.407999999999</v>
      </c>
      <c r="QFC52" s="7">
        <f t="shared" si="473"/>
        <v>16629.407999999999</v>
      </c>
      <c r="QFD52" s="7">
        <f t="shared" si="473"/>
        <v>16629.407999999999</v>
      </c>
      <c r="QFE52" s="7">
        <f t="shared" si="473"/>
        <v>16629.407999999999</v>
      </c>
      <c r="QFF52" s="7">
        <f t="shared" si="473"/>
        <v>16629.407999999999</v>
      </c>
      <c r="QFG52" s="7">
        <f t="shared" si="473"/>
        <v>16629.407999999999</v>
      </c>
      <c r="QFH52" s="7">
        <f t="shared" si="473"/>
        <v>16629.407999999999</v>
      </c>
      <c r="QFI52" s="7">
        <f t="shared" si="473"/>
        <v>16629.407999999999</v>
      </c>
      <c r="QFJ52" s="7">
        <f t="shared" ref="QFJ52:QHU52" si="474">QFJ47+QFI52</f>
        <v>16629.407999999999</v>
      </c>
      <c r="QFK52" s="7">
        <f t="shared" si="474"/>
        <v>16629.407999999999</v>
      </c>
      <c r="QFL52" s="7">
        <f t="shared" si="474"/>
        <v>16629.407999999999</v>
      </c>
      <c r="QFM52" s="7">
        <f t="shared" si="474"/>
        <v>16629.407999999999</v>
      </c>
      <c r="QFN52" s="7">
        <f t="shared" si="474"/>
        <v>16629.407999999999</v>
      </c>
      <c r="QFO52" s="7">
        <f t="shared" si="474"/>
        <v>16629.407999999999</v>
      </c>
      <c r="QFP52" s="7">
        <f t="shared" si="474"/>
        <v>16629.407999999999</v>
      </c>
      <c r="QFQ52" s="7">
        <f t="shared" si="474"/>
        <v>16629.407999999999</v>
      </c>
      <c r="QFR52" s="7">
        <f t="shared" si="474"/>
        <v>16629.407999999999</v>
      </c>
      <c r="QFS52" s="7">
        <f t="shared" si="474"/>
        <v>16629.407999999999</v>
      </c>
      <c r="QFT52" s="7">
        <f t="shared" si="474"/>
        <v>16629.407999999999</v>
      </c>
      <c r="QFU52" s="7">
        <f t="shared" si="474"/>
        <v>16629.407999999999</v>
      </c>
      <c r="QFV52" s="7">
        <f t="shared" si="474"/>
        <v>16629.407999999999</v>
      </c>
      <c r="QFW52" s="7">
        <f t="shared" si="474"/>
        <v>16629.407999999999</v>
      </c>
      <c r="QFX52" s="7">
        <f t="shared" si="474"/>
        <v>16629.407999999999</v>
      </c>
      <c r="QFY52" s="7">
        <f t="shared" si="474"/>
        <v>16629.407999999999</v>
      </c>
      <c r="QFZ52" s="7">
        <f t="shared" si="474"/>
        <v>16629.407999999999</v>
      </c>
      <c r="QGA52" s="7">
        <f t="shared" si="474"/>
        <v>16629.407999999999</v>
      </c>
      <c r="QGB52" s="7">
        <f t="shared" si="474"/>
        <v>16629.407999999999</v>
      </c>
      <c r="QGC52" s="7">
        <f t="shared" si="474"/>
        <v>16629.407999999999</v>
      </c>
      <c r="QGD52" s="7">
        <f t="shared" si="474"/>
        <v>16629.407999999999</v>
      </c>
      <c r="QGE52" s="7">
        <f t="shared" si="474"/>
        <v>16629.407999999999</v>
      </c>
      <c r="QGF52" s="7">
        <f t="shared" si="474"/>
        <v>16629.407999999999</v>
      </c>
      <c r="QGG52" s="7">
        <f t="shared" si="474"/>
        <v>16629.407999999999</v>
      </c>
      <c r="QGH52" s="7">
        <f t="shared" si="474"/>
        <v>16629.407999999999</v>
      </c>
      <c r="QGI52" s="7">
        <f t="shared" si="474"/>
        <v>16629.407999999999</v>
      </c>
      <c r="QGJ52" s="7">
        <f t="shared" si="474"/>
        <v>16629.407999999999</v>
      </c>
      <c r="QGK52" s="7">
        <f t="shared" si="474"/>
        <v>16629.407999999999</v>
      </c>
      <c r="QGL52" s="7">
        <f t="shared" si="474"/>
        <v>16629.407999999999</v>
      </c>
      <c r="QGM52" s="7">
        <f t="shared" si="474"/>
        <v>16629.407999999999</v>
      </c>
      <c r="QGN52" s="7">
        <f t="shared" si="474"/>
        <v>16629.407999999999</v>
      </c>
      <c r="QGO52" s="7">
        <f t="shared" si="474"/>
        <v>16629.407999999999</v>
      </c>
      <c r="QGP52" s="7">
        <f t="shared" si="474"/>
        <v>16629.407999999999</v>
      </c>
      <c r="QGQ52" s="7">
        <f t="shared" si="474"/>
        <v>16629.407999999999</v>
      </c>
      <c r="QGR52" s="7">
        <f t="shared" si="474"/>
        <v>16629.407999999999</v>
      </c>
      <c r="QGS52" s="7">
        <f t="shared" si="474"/>
        <v>16629.407999999999</v>
      </c>
      <c r="QGT52" s="7">
        <f t="shared" si="474"/>
        <v>16629.407999999999</v>
      </c>
      <c r="QGU52" s="7">
        <f t="shared" si="474"/>
        <v>16629.407999999999</v>
      </c>
      <c r="QGV52" s="7">
        <f t="shared" si="474"/>
        <v>16629.407999999999</v>
      </c>
      <c r="QGW52" s="7">
        <f t="shared" si="474"/>
        <v>16629.407999999999</v>
      </c>
      <c r="QGX52" s="7">
        <f t="shared" si="474"/>
        <v>16629.407999999999</v>
      </c>
      <c r="QGY52" s="7">
        <f t="shared" si="474"/>
        <v>16629.407999999999</v>
      </c>
      <c r="QGZ52" s="7">
        <f t="shared" si="474"/>
        <v>16629.407999999999</v>
      </c>
      <c r="QHA52" s="7">
        <f t="shared" si="474"/>
        <v>16629.407999999999</v>
      </c>
      <c r="QHB52" s="7">
        <f t="shared" si="474"/>
        <v>16629.407999999999</v>
      </c>
      <c r="QHC52" s="7">
        <f t="shared" si="474"/>
        <v>16629.407999999999</v>
      </c>
      <c r="QHD52" s="7">
        <f t="shared" si="474"/>
        <v>16629.407999999999</v>
      </c>
      <c r="QHE52" s="7">
        <f t="shared" si="474"/>
        <v>16629.407999999999</v>
      </c>
      <c r="QHF52" s="7">
        <f t="shared" si="474"/>
        <v>16629.407999999999</v>
      </c>
      <c r="QHG52" s="7">
        <f t="shared" si="474"/>
        <v>16629.407999999999</v>
      </c>
      <c r="QHH52" s="7">
        <f t="shared" si="474"/>
        <v>16629.407999999999</v>
      </c>
      <c r="QHI52" s="7">
        <f t="shared" si="474"/>
        <v>16629.407999999999</v>
      </c>
      <c r="QHJ52" s="7">
        <f t="shared" si="474"/>
        <v>16629.407999999999</v>
      </c>
      <c r="QHK52" s="7">
        <f t="shared" si="474"/>
        <v>16629.407999999999</v>
      </c>
      <c r="QHL52" s="7">
        <f t="shared" si="474"/>
        <v>16629.407999999999</v>
      </c>
      <c r="QHM52" s="7">
        <f t="shared" si="474"/>
        <v>16629.407999999999</v>
      </c>
      <c r="QHN52" s="7">
        <f t="shared" si="474"/>
        <v>16629.407999999999</v>
      </c>
      <c r="QHO52" s="7">
        <f t="shared" si="474"/>
        <v>16629.407999999999</v>
      </c>
      <c r="QHP52" s="7">
        <f t="shared" si="474"/>
        <v>16629.407999999999</v>
      </c>
      <c r="QHQ52" s="7">
        <f t="shared" si="474"/>
        <v>16629.407999999999</v>
      </c>
      <c r="QHR52" s="7">
        <f t="shared" si="474"/>
        <v>16629.407999999999</v>
      </c>
      <c r="QHS52" s="7">
        <f t="shared" si="474"/>
        <v>16629.407999999999</v>
      </c>
      <c r="QHT52" s="7">
        <f t="shared" si="474"/>
        <v>16629.407999999999</v>
      </c>
      <c r="QHU52" s="7">
        <f t="shared" si="474"/>
        <v>16629.407999999999</v>
      </c>
      <c r="QHV52" s="7">
        <f t="shared" ref="QHV52:QKG52" si="475">QHV47+QHU52</f>
        <v>16629.407999999999</v>
      </c>
      <c r="QHW52" s="7">
        <f t="shared" si="475"/>
        <v>16629.407999999999</v>
      </c>
      <c r="QHX52" s="7">
        <f t="shared" si="475"/>
        <v>16629.407999999999</v>
      </c>
      <c r="QHY52" s="7">
        <f t="shared" si="475"/>
        <v>16629.407999999999</v>
      </c>
      <c r="QHZ52" s="7">
        <f t="shared" si="475"/>
        <v>16629.407999999999</v>
      </c>
      <c r="QIA52" s="7">
        <f t="shared" si="475"/>
        <v>16629.407999999999</v>
      </c>
      <c r="QIB52" s="7">
        <f t="shared" si="475"/>
        <v>16629.407999999999</v>
      </c>
      <c r="QIC52" s="7">
        <f t="shared" si="475"/>
        <v>16629.407999999999</v>
      </c>
      <c r="QID52" s="7">
        <f t="shared" si="475"/>
        <v>16629.407999999999</v>
      </c>
      <c r="QIE52" s="7">
        <f t="shared" si="475"/>
        <v>16629.407999999999</v>
      </c>
      <c r="QIF52" s="7">
        <f t="shared" si="475"/>
        <v>16629.407999999999</v>
      </c>
      <c r="QIG52" s="7">
        <f t="shared" si="475"/>
        <v>16629.407999999999</v>
      </c>
      <c r="QIH52" s="7">
        <f t="shared" si="475"/>
        <v>16629.407999999999</v>
      </c>
      <c r="QII52" s="7">
        <f t="shared" si="475"/>
        <v>16629.407999999999</v>
      </c>
      <c r="QIJ52" s="7">
        <f t="shared" si="475"/>
        <v>16629.407999999999</v>
      </c>
      <c r="QIK52" s="7">
        <f t="shared" si="475"/>
        <v>16629.407999999999</v>
      </c>
      <c r="QIL52" s="7">
        <f t="shared" si="475"/>
        <v>16629.407999999999</v>
      </c>
      <c r="QIM52" s="7">
        <f t="shared" si="475"/>
        <v>16629.407999999999</v>
      </c>
      <c r="QIN52" s="7">
        <f t="shared" si="475"/>
        <v>16629.407999999999</v>
      </c>
      <c r="QIO52" s="7">
        <f t="shared" si="475"/>
        <v>16629.407999999999</v>
      </c>
      <c r="QIP52" s="7">
        <f t="shared" si="475"/>
        <v>16629.407999999999</v>
      </c>
      <c r="QIQ52" s="7">
        <f t="shared" si="475"/>
        <v>16629.407999999999</v>
      </c>
      <c r="QIR52" s="7">
        <f t="shared" si="475"/>
        <v>16629.407999999999</v>
      </c>
      <c r="QIS52" s="7">
        <f t="shared" si="475"/>
        <v>16629.407999999999</v>
      </c>
      <c r="QIT52" s="7">
        <f t="shared" si="475"/>
        <v>16629.407999999999</v>
      </c>
      <c r="QIU52" s="7">
        <f t="shared" si="475"/>
        <v>16629.407999999999</v>
      </c>
      <c r="QIV52" s="7">
        <f t="shared" si="475"/>
        <v>16629.407999999999</v>
      </c>
      <c r="QIW52" s="7">
        <f t="shared" si="475"/>
        <v>16629.407999999999</v>
      </c>
      <c r="QIX52" s="7">
        <f t="shared" si="475"/>
        <v>16629.407999999999</v>
      </c>
      <c r="QIY52" s="7">
        <f t="shared" si="475"/>
        <v>16629.407999999999</v>
      </c>
      <c r="QIZ52" s="7">
        <f t="shared" si="475"/>
        <v>16629.407999999999</v>
      </c>
      <c r="QJA52" s="7">
        <f t="shared" si="475"/>
        <v>16629.407999999999</v>
      </c>
      <c r="QJB52" s="7">
        <f t="shared" si="475"/>
        <v>16629.407999999999</v>
      </c>
      <c r="QJC52" s="7">
        <f t="shared" si="475"/>
        <v>16629.407999999999</v>
      </c>
      <c r="QJD52" s="7">
        <f t="shared" si="475"/>
        <v>16629.407999999999</v>
      </c>
      <c r="QJE52" s="7">
        <f t="shared" si="475"/>
        <v>16629.407999999999</v>
      </c>
      <c r="QJF52" s="7">
        <f t="shared" si="475"/>
        <v>16629.407999999999</v>
      </c>
      <c r="QJG52" s="7">
        <f t="shared" si="475"/>
        <v>16629.407999999999</v>
      </c>
      <c r="QJH52" s="7">
        <f t="shared" si="475"/>
        <v>16629.407999999999</v>
      </c>
      <c r="QJI52" s="7">
        <f t="shared" si="475"/>
        <v>16629.407999999999</v>
      </c>
      <c r="QJJ52" s="7">
        <f t="shared" si="475"/>
        <v>16629.407999999999</v>
      </c>
      <c r="QJK52" s="7">
        <f t="shared" si="475"/>
        <v>16629.407999999999</v>
      </c>
      <c r="QJL52" s="7">
        <f t="shared" si="475"/>
        <v>16629.407999999999</v>
      </c>
      <c r="QJM52" s="7">
        <f t="shared" si="475"/>
        <v>16629.407999999999</v>
      </c>
      <c r="QJN52" s="7">
        <f t="shared" si="475"/>
        <v>16629.407999999999</v>
      </c>
      <c r="QJO52" s="7">
        <f t="shared" si="475"/>
        <v>16629.407999999999</v>
      </c>
      <c r="QJP52" s="7">
        <f t="shared" si="475"/>
        <v>16629.407999999999</v>
      </c>
      <c r="QJQ52" s="7">
        <f t="shared" si="475"/>
        <v>16629.407999999999</v>
      </c>
      <c r="QJR52" s="7">
        <f t="shared" si="475"/>
        <v>16629.407999999999</v>
      </c>
      <c r="QJS52" s="7">
        <f t="shared" si="475"/>
        <v>16629.407999999999</v>
      </c>
      <c r="QJT52" s="7">
        <f t="shared" si="475"/>
        <v>16629.407999999999</v>
      </c>
      <c r="QJU52" s="7">
        <f t="shared" si="475"/>
        <v>16629.407999999999</v>
      </c>
      <c r="QJV52" s="7">
        <f t="shared" si="475"/>
        <v>16629.407999999999</v>
      </c>
      <c r="QJW52" s="7">
        <f t="shared" si="475"/>
        <v>16629.407999999999</v>
      </c>
      <c r="QJX52" s="7">
        <f t="shared" si="475"/>
        <v>16629.407999999999</v>
      </c>
      <c r="QJY52" s="7">
        <f t="shared" si="475"/>
        <v>16629.407999999999</v>
      </c>
      <c r="QJZ52" s="7">
        <f t="shared" si="475"/>
        <v>16629.407999999999</v>
      </c>
      <c r="QKA52" s="7">
        <f t="shared" si="475"/>
        <v>16629.407999999999</v>
      </c>
      <c r="QKB52" s="7">
        <f t="shared" si="475"/>
        <v>16629.407999999999</v>
      </c>
      <c r="QKC52" s="7">
        <f t="shared" si="475"/>
        <v>16629.407999999999</v>
      </c>
      <c r="QKD52" s="7">
        <f t="shared" si="475"/>
        <v>16629.407999999999</v>
      </c>
      <c r="QKE52" s="7">
        <f t="shared" si="475"/>
        <v>16629.407999999999</v>
      </c>
      <c r="QKF52" s="7">
        <f t="shared" si="475"/>
        <v>16629.407999999999</v>
      </c>
      <c r="QKG52" s="7">
        <f t="shared" si="475"/>
        <v>16629.407999999999</v>
      </c>
      <c r="QKH52" s="7">
        <f t="shared" ref="QKH52:QMS52" si="476">QKH47+QKG52</f>
        <v>16629.407999999999</v>
      </c>
      <c r="QKI52" s="7">
        <f t="shared" si="476"/>
        <v>16629.407999999999</v>
      </c>
      <c r="QKJ52" s="7">
        <f t="shared" si="476"/>
        <v>16629.407999999999</v>
      </c>
      <c r="QKK52" s="7">
        <f t="shared" si="476"/>
        <v>16629.407999999999</v>
      </c>
      <c r="QKL52" s="7">
        <f t="shared" si="476"/>
        <v>16629.407999999999</v>
      </c>
      <c r="QKM52" s="7">
        <f t="shared" si="476"/>
        <v>16629.407999999999</v>
      </c>
      <c r="QKN52" s="7">
        <f t="shared" si="476"/>
        <v>16629.407999999999</v>
      </c>
      <c r="QKO52" s="7">
        <f t="shared" si="476"/>
        <v>16629.407999999999</v>
      </c>
      <c r="QKP52" s="7">
        <f t="shared" si="476"/>
        <v>16629.407999999999</v>
      </c>
      <c r="QKQ52" s="7">
        <f t="shared" si="476"/>
        <v>16629.407999999999</v>
      </c>
      <c r="QKR52" s="7">
        <f t="shared" si="476"/>
        <v>16629.407999999999</v>
      </c>
      <c r="QKS52" s="7">
        <f t="shared" si="476"/>
        <v>16629.407999999999</v>
      </c>
      <c r="QKT52" s="7">
        <f t="shared" si="476"/>
        <v>16629.407999999999</v>
      </c>
      <c r="QKU52" s="7">
        <f t="shared" si="476"/>
        <v>16629.407999999999</v>
      </c>
      <c r="QKV52" s="7">
        <f t="shared" si="476"/>
        <v>16629.407999999999</v>
      </c>
      <c r="QKW52" s="7">
        <f t="shared" si="476"/>
        <v>16629.407999999999</v>
      </c>
      <c r="QKX52" s="7">
        <f t="shared" si="476"/>
        <v>16629.407999999999</v>
      </c>
      <c r="QKY52" s="7">
        <f t="shared" si="476"/>
        <v>16629.407999999999</v>
      </c>
      <c r="QKZ52" s="7">
        <f t="shared" si="476"/>
        <v>16629.407999999999</v>
      </c>
      <c r="QLA52" s="7">
        <f t="shared" si="476"/>
        <v>16629.407999999999</v>
      </c>
      <c r="QLB52" s="7">
        <f t="shared" si="476"/>
        <v>16629.407999999999</v>
      </c>
      <c r="QLC52" s="7">
        <f t="shared" si="476"/>
        <v>16629.407999999999</v>
      </c>
      <c r="QLD52" s="7">
        <f t="shared" si="476"/>
        <v>16629.407999999999</v>
      </c>
      <c r="QLE52" s="7">
        <f t="shared" si="476"/>
        <v>16629.407999999999</v>
      </c>
      <c r="QLF52" s="7">
        <f t="shared" si="476"/>
        <v>16629.407999999999</v>
      </c>
      <c r="QLG52" s="7">
        <f t="shared" si="476"/>
        <v>16629.407999999999</v>
      </c>
      <c r="QLH52" s="7">
        <f t="shared" si="476"/>
        <v>16629.407999999999</v>
      </c>
      <c r="QLI52" s="7">
        <f t="shared" si="476"/>
        <v>16629.407999999999</v>
      </c>
      <c r="QLJ52" s="7">
        <f t="shared" si="476"/>
        <v>16629.407999999999</v>
      </c>
      <c r="QLK52" s="7">
        <f t="shared" si="476"/>
        <v>16629.407999999999</v>
      </c>
      <c r="QLL52" s="7">
        <f t="shared" si="476"/>
        <v>16629.407999999999</v>
      </c>
      <c r="QLM52" s="7">
        <f t="shared" si="476"/>
        <v>16629.407999999999</v>
      </c>
      <c r="QLN52" s="7">
        <f t="shared" si="476"/>
        <v>16629.407999999999</v>
      </c>
      <c r="QLO52" s="7">
        <f t="shared" si="476"/>
        <v>16629.407999999999</v>
      </c>
      <c r="QLP52" s="7">
        <f t="shared" si="476"/>
        <v>16629.407999999999</v>
      </c>
      <c r="QLQ52" s="7">
        <f t="shared" si="476"/>
        <v>16629.407999999999</v>
      </c>
      <c r="QLR52" s="7">
        <f t="shared" si="476"/>
        <v>16629.407999999999</v>
      </c>
      <c r="QLS52" s="7">
        <f t="shared" si="476"/>
        <v>16629.407999999999</v>
      </c>
      <c r="QLT52" s="7">
        <f t="shared" si="476"/>
        <v>16629.407999999999</v>
      </c>
      <c r="QLU52" s="7">
        <f t="shared" si="476"/>
        <v>16629.407999999999</v>
      </c>
      <c r="QLV52" s="7">
        <f t="shared" si="476"/>
        <v>16629.407999999999</v>
      </c>
      <c r="QLW52" s="7">
        <f t="shared" si="476"/>
        <v>16629.407999999999</v>
      </c>
      <c r="QLX52" s="7">
        <f t="shared" si="476"/>
        <v>16629.407999999999</v>
      </c>
      <c r="QLY52" s="7">
        <f t="shared" si="476"/>
        <v>16629.407999999999</v>
      </c>
      <c r="QLZ52" s="7">
        <f t="shared" si="476"/>
        <v>16629.407999999999</v>
      </c>
      <c r="QMA52" s="7">
        <f t="shared" si="476"/>
        <v>16629.407999999999</v>
      </c>
      <c r="QMB52" s="7">
        <f t="shared" si="476"/>
        <v>16629.407999999999</v>
      </c>
      <c r="QMC52" s="7">
        <f t="shared" si="476"/>
        <v>16629.407999999999</v>
      </c>
      <c r="QMD52" s="7">
        <f t="shared" si="476"/>
        <v>16629.407999999999</v>
      </c>
      <c r="QME52" s="7">
        <f t="shared" si="476"/>
        <v>16629.407999999999</v>
      </c>
      <c r="QMF52" s="7">
        <f t="shared" si="476"/>
        <v>16629.407999999999</v>
      </c>
      <c r="QMG52" s="7">
        <f t="shared" si="476"/>
        <v>16629.407999999999</v>
      </c>
      <c r="QMH52" s="7">
        <f t="shared" si="476"/>
        <v>16629.407999999999</v>
      </c>
      <c r="QMI52" s="7">
        <f t="shared" si="476"/>
        <v>16629.407999999999</v>
      </c>
      <c r="QMJ52" s="7">
        <f t="shared" si="476"/>
        <v>16629.407999999999</v>
      </c>
      <c r="QMK52" s="7">
        <f t="shared" si="476"/>
        <v>16629.407999999999</v>
      </c>
      <c r="QML52" s="7">
        <f t="shared" si="476"/>
        <v>16629.407999999999</v>
      </c>
      <c r="QMM52" s="7">
        <f t="shared" si="476"/>
        <v>16629.407999999999</v>
      </c>
      <c r="QMN52" s="7">
        <f t="shared" si="476"/>
        <v>16629.407999999999</v>
      </c>
      <c r="QMO52" s="7">
        <f t="shared" si="476"/>
        <v>16629.407999999999</v>
      </c>
      <c r="QMP52" s="7">
        <f t="shared" si="476"/>
        <v>16629.407999999999</v>
      </c>
      <c r="QMQ52" s="7">
        <f t="shared" si="476"/>
        <v>16629.407999999999</v>
      </c>
      <c r="QMR52" s="7">
        <f t="shared" si="476"/>
        <v>16629.407999999999</v>
      </c>
      <c r="QMS52" s="7">
        <f t="shared" si="476"/>
        <v>16629.407999999999</v>
      </c>
      <c r="QMT52" s="7">
        <f t="shared" ref="QMT52:QPE52" si="477">QMT47+QMS52</f>
        <v>16629.407999999999</v>
      </c>
      <c r="QMU52" s="7">
        <f t="shared" si="477"/>
        <v>16629.407999999999</v>
      </c>
      <c r="QMV52" s="7">
        <f t="shared" si="477"/>
        <v>16629.407999999999</v>
      </c>
      <c r="QMW52" s="7">
        <f t="shared" si="477"/>
        <v>16629.407999999999</v>
      </c>
      <c r="QMX52" s="7">
        <f t="shared" si="477"/>
        <v>16629.407999999999</v>
      </c>
      <c r="QMY52" s="7">
        <f t="shared" si="477"/>
        <v>16629.407999999999</v>
      </c>
      <c r="QMZ52" s="7">
        <f t="shared" si="477"/>
        <v>16629.407999999999</v>
      </c>
      <c r="QNA52" s="7">
        <f t="shared" si="477"/>
        <v>16629.407999999999</v>
      </c>
      <c r="QNB52" s="7">
        <f t="shared" si="477"/>
        <v>16629.407999999999</v>
      </c>
      <c r="QNC52" s="7">
        <f t="shared" si="477"/>
        <v>16629.407999999999</v>
      </c>
      <c r="QND52" s="7">
        <f t="shared" si="477"/>
        <v>16629.407999999999</v>
      </c>
      <c r="QNE52" s="7">
        <f t="shared" si="477"/>
        <v>16629.407999999999</v>
      </c>
      <c r="QNF52" s="7">
        <f t="shared" si="477"/>
        <v>16629.407999999999</v>
      </c>
      <c r="QNG52" s="7">
        <f t="shared" si="477"/>
        <v>16629.407999999999</v>
      </c>
      <c r="QNH52" s="7">
        <f t="shared" si="477"/>
        <v>16629.407999999999</v>
      </c>
      <c r="QNI52" s="7">
        <f t="shared" si="477"/>
        <v>16629.407999999999</v>
      </c>
      <c r="QNJ52" s="7">
        <f t="shared" si="477"/>
        <v>16629.407999999999</v>
      </c>
      <c r="QNK52" s="7">
        <f t="shared" si="477"/>
        <v>16629.407999999999</v>
      </c>
      <c r="QNL52" s="7">
        <f t="shared" si="477"/>
        <v>16629.407999999999</v>
      </c>
      <c r="QNM52" s="7">
        <f t="shared" si="477"/>
        <v>16629.407999999999</v>
      </c>
      <c r="QNN52" s="7">
        <f t="shared" si="477"/>
        <v>16629.407999999999</v>
      </c>
      <c r="QNO52" s="7">
        <f t="shared" si="477"/>
        <v>16629.407999999999</v>
      </c>
      <c r="QNP52" s="7">
        <f t="shared" si="477"/>
        <v>16629.407999999999</v>
      </c>
      <c r="QNQ52" s="7">
        <f t="shared" si="477"/>
        <v>16629.407999999999</v>
      </c>
      <c r="QNR52" s="7">
        <f t="shared" si="477"/>
        <v>16629.407999999999</v>
      </c>
      <c r="QNS52" s="7">
        <f t="shared" si="477"/>
        <v>16629.407999999999</v>
      </c>
      <c r="QNT52" s="7">
        <f t="shared" si="477"/>
        <v>16629.407999999999</v>
      </c>
      <c r="QNU52" s="7">
        <f t="shared" si="477"/>
        <v>16629.407999999999</v>
      </c>
      <c r="QNV52" s="7">
        <f t="shared" si="477"/>
        <v>16629.407999999999</v>
      </c>
      <c r="QNW52" s="7">
        <f t="shared" si="477"/>
        <v>16629.407999999999</v>
      </c>
      <c r="QNX52" s="7">
        <f t="shared" si="477"/>
        <v>16629.407999999999</v>
      </c>
      <c r="QNY52" s="7">
        <f t="shared" si="477"/>
        <v>16629.407999999999</v>
      </c>
      <c r="QNZ52" s="7">
        <f t="shared" si="477"/>
        <v>16629.407999999999</v>
      </c>
      <c r="QOA52" s="7">
        <f t="shared" si="477"/>
        <v>16629.407999999999</v>
      </c>
      <c r="QOB52" s="7">
        <f t="shared" si="477"/>
        <v>16629.407999999999</v>
      </c>
      <c r="QOC52" s="7">
        <f t="shared" si="477"/>
        <v>16629.407999999999</v>
      </c>
      <c r="QOD52" s="7">
        <f t="shared" si="477"/>
        <v>16629.407999999999</v>
      </c>
      <c r="QOE52" s="7">
        <f t="shared" si="477"/>
        <v>16629.407999999999</v>
      </c>
      <c r="QOF52" s="7">
        <f t="shared" si="477"/>
        <v>16629.407999999999</v>
      </c>
      <c r="QOG52" s="7">
        <f t="shared" si="477"/>
        <v>16629.407999999999</v>
      </c>
      <c r="QOH52" s="7">
        <f t="shared" si="477"/>
        <v>16629.407999999999</v>
      </c>
      <c r="QOI52" s="7">
        <f t="shared" si="477"/>
        <v>16629.407999999999</v>
      </c>
      <c r="QOJ52" s="7">
        <f t="shared" si="477"/>
        <v>16629.407999999999</v>
      </c>
      <c r="QOK52" s="7">
        <f t="shared" si="477"/>
        <v>16629.407999999999</v>
      </c>
      <c r="QOL52" s="7">
        <f t="shared" si="477"/>
        <v>16629.407999999999</v>
      </c>
      <c r="QOM52" s="7">
        <f t="shared" si="477"/>
        <v>16629.407999999999</v>
      </c>
      <c r="QON52" s="7">
        <f t="shared" si="477"/>
        <v>16629.407999999999</v>
      </c>
      <c r="QOO52" s="7">
        <f t="shared" si="477"/>
        <v>16629.407999999999</v>
      </c>
      <c r="QOP52" s="7">
        <f t="shared" si="477"/>
        <v>16629.407999999999</v>
      </c>
      <c r="QOQ52" s="7">
        <f t="shared" si="477"/>
        <v>16629.407999999999</v>
      </c>
      <c r="QOR52" s="7">
        <f t="shared" si="477"/>
        <v>16629.407999999999</v>
      </c>
      <c r="QOS52" s="7">
        <f t="shared" si="477"/>
        <v>16629.407999999999</v>
      </c>
      <c r="QOT52" s="7">
        <f t="shared" si="477"/>
        <v>16629.407999999999</v>
      </c>
      <c r="QOU52" s="7">
        <f t="shared" si="477"/>
        <v>16629.407999999999</v>
      </c>
      <c r="QOV52" s="7">
        <f t="shared" si="477"/>
        <v>16629.407999999999</v>
      </c>
      <c r="QOW52" s="7">
        <f t="shared" si="477"/>
        <v>16629.407999999999</v>
      </c>
      <c r="QOX52" s="7">
        <f t="shared" si="477"/>
        <v>16629.407999999999</v>
      </c>
      <c r="QOY52" s="7">
        <f t="shared" si="477"/>
        <v>16629.407999999999</v>
      </c>
      <c r="QOZ52" s="7">
        <f t="shared" si="477"/>
        <v>16629.407999999999</v>
      </c>
      <c r="QPA52" s="7">
        <f t="shared" si="477"/>
        <v>16629.407999999999</v>
      </c>
      <c r="QPB52" s="7">
        <f t="shared" si="477"/>
        <v>16629.407999999999</v>
      </c>
      <c r="QPC52" s="7">
        <f t="shared" si="477"/>
        <v>16629.407999999999</v>
      </c>
      <c r="QPD52" s="7">
        <f t="shared" si="477"/>
        <v>16629.407999999999</v>
      </c>
      <c r="QPE52" s="7">
        <f t="shared" si="477"/>
        <v>16629.407999999999</v>
      </c>
      <c r="QPF52" s="7">
        <f t="shared" ref="QPF52:QRQ52" si="478">QPF47+QPE52</f>
        <v>16629.407999999999</v>
      </c>
      <c r="QPG52" s="7">
        <f t="shared" si="478"/>
        <v>16629.407999999999</v>
      </c>
      <c r="QPH52" s="7">
        <f t="shared" si="478"/>
        <v>16629.407999999999</v>
      </c>
      <c r="QPI52" s="7">
        <f t="shared" si="478"/>
        <v>16629.407999999999</v>
      </c>
      <c r="QPJ52" s="7">
        <f t="shared" si="478"/>
        <v>16629.407999999999</v>
      </c>
      <c r="QPK52" s="7">
        <f t="shared" si="478"/>
        <v>16629.407999999999</v>
      </c>
      <c r="QPL52" s="7">
        <f t="shared" si="478"/>
        <v>16629.407999999999</v>
      </c>
      <c r="QPM52" s="7">
        <f t="shared" si="478"/>
        <v>16629.407999999999</v>
      </c>
      <c r="QPN52" s="7">
        <f t="shared" si="478"/>
        <v>16629.407999999999</v>
      </c>
      <c r="QPO52" s="7">
        <f t="shared" si="478"/>
        <v>16629.407999999999</v>
      </c>
      <c r="QPP52" s="7">
        <f t="shared" si="478"/>
        <v>16629.407999999999</v>
      </c>
      <c r="QPQ52" s="7">
        <f t="shared" si="478"/>
        <v>16629.407999999999</v>
      </c>
      <c r="QPR52" s="7">
        <f t="shared" si="478"/>
        <v>16629.407999999999</v>
      </c>
      <c r="QPS52" s="7">
        <f t="shared" si="478"/>
        <v>16629.407999999999</v>
      </c>
      <c r="QPT52" s="7">
        <f t="shared" si="478"/>
        <v>16629.407999999999</v>
      </c>
      <c r="QPU52" s="7">
        <f t="shared" si="478"/>
        <v>16629.407999999999</v>
      </c>
      <c r="QPV52" s="7">
        <f t="shared" si="478"/>
        <v>16629.407999999999</v>
      </c>
      <c r="QPW52" s="7">
        <f t="shared" si="478"/>
        <v>16629.407999999999</v>
      </c>
      <c r="QPX52" s="7">
        <f t="shared" si="478"/>
        <v>16629.407999999999</v>
      </c>
      <c r="QPY52" s="7">
        <f t="shared" si="478"/>
        <v>16629.407999999999</v>
      </c>
      <c r="QPZ52" s="7">
        <f t="shared" si="478"/>
        <v>16629.407999999999</v>
      </c>
      <c r="QQA52" s="7">
        <f t="shared" si="478"/>
        <v>16629.407999999999</v>
      </c>
      <c r="QQB52" s="7">
        <f t="shared" si="478"/>
        <v>16629.407999999999</v>
      </c>
      <c r="QQC52" s="7">
        <f t="shared" si="478"/>
        <v>16629.407999999999</v>
      </c>
      <c r="QQD52" s="7">
        <f t="shared" si="478"/>
        <v>16629.407999999999</v>
      </c>
      <c r="QQE52" s="7">
        <f t="shared" si="478"/>
        <v>16629.407999999999</v>
      </c>
      <c r="QQF52" s="7">
        <f t="shared" si="478"/>
        <v>16629.407999999999</v>
      </c>
      <c r="QQG52" s="7">
        <f t="shared" si="478"/>
        <v>16629.407999999999</v>
      </c>
      <c r="QQH52" s="7">
        <f t="shared" si="478"/>
        <v>16629.407999999999</v>
      </c>
      <c r="QQI52" s="7">
        <f t="shared" si="478"/>
        <v>16629.407999999999</v>
      </c>
      <c r="QQJ52" s="7">
        <f t="shared" si="478"/>
        <v>16629.407999999999</v>
      </c>
      <c r="QQK52" s="7">
        <f t="shared" si="478"/>
        <v>16629.407999999999</v>
      </c>
      <c r="QQL52" s="7">
        <f t="shared" si="478"/>
        <v>16629.407999999999</v>
      </c>
      <c r="QQM52" s="7">
        <f t="shared" si="478"/>
        <v>16629.407999999999</v>
      </c>
      <c r="QQN52" s="7">
        <f t="shared" si="478"/>
        <v>16629.407999999999</v>
      </c>
      <c r="QQO52" s="7">
        <f t="shared" si="478"/>
        <v>16629.407999999999</v>
      </c>
      <c r="QQP52" s="7">
        <f t="shared" si="478"/>
        <v>16629.407999999999</v>
      </c>
      <c r="QQQ52" s="7">
        <f t="shared" si="478"/>
        <v>16629.407999999999</v>
      </c>
      <c r="QQR52" s="7">
        <f t="shared" si="478"/>
        <v>16629.407999999999</v>
      </c>
      <c r="QQS52" s="7">
        <f t="shared" si="478"/>
        <v>16629.407999999999</v>
      </c>
      <c r="QQT52" s="7">
        <f t="shared" si="478"/>
        <v>16629.407999999999</v>
      </c>
      <c r="QQU52" s="7">
        <f t="shared" si="478"/>
        <v>16629.407999999999</v>
      </c>
      <c r="QQV52" s="7">
        <f t="shared" si="478"/>
        <v>16629.407999999999</v>
      </c>
      <c r="QQW52" s="7">
        <f t="shared" si="478"/>
        <v>16629.407999999999</v>
      </c>
      <c r="QQX52" s="7">
        <f t="shared" si="478"/>
        <v>16629.407999999999</v>
      </c>
      <c r="QQY52" s="7">
        <f t="shared" si="478"/>
        <v>16629.407999999999</v>
      </c>
      <c r="QQZ52" s="7">
        <f t="shared" si="478"/>
        <v>16629.407999999999</v>
      </c>
      <c r="QRA52" s="7">
        <f t="shared" si="478"/>
        <v>16629.407999999999</v>
      </c>
      <c r="QRB52" s="7">
        <f t="shared" si="478"/>
        <v>16629.407999999999</v>
      </c>
      <c r="QRC52" s="7">
        <f t="shared" si="478"/>
        <v>16629.407999999999</v>
      </c>
      <c r="QRD52" s="7">
        <f t="shared" si="478"/>
        <v>16629.407999999999</v>
      </c>
      <c r="QRE52" s="7">
        <f t="shared" si="478"/>
        <v>16629.407999999999</v>
      </c>
      <c r="QRF52" s="7">
        <f t="shared" si="478"/>
        <v>16629.407999999999</v>
      </c>
      <c r="QRG52" s="7">
        <f t="shared" si="478"/>
        <v>16629.407999999999</v>
      </c>
      <c r="QRH52" s="7">
        <f t="shared" si="478"/>
        <v>16629.407999999999</v>
      </c>
      <c r="QRI52" s="7">
        <f t="shared" si="478"/>
        <v>16629.407999999999</v>
      </c>
      <c r="QRJ52" s="7">
        <f t="shared" si="478"/>
        <v>16629.407999999999</v>
      </c>
      <c r="QRK52" s="7">
        <f t="shared" si="478"/>
        <v>16629.407999999999</v>
      </c>
      <c r="QRL52" s="7">
        <f t="shared" si="478"/>
        <v>16629.407999999999</v>
      </c>
      <c r="QRM52" s="7">
        <f t="shared" si="478"/>
        <v>16629.407999999999</v>
      </c>
      <c r="QRN52" s="7">
        <f t="shared" si="478"/>
        <v>16629.407999999999</v>
      </c>
      <c r="QRO52" s="7">
        <f t="shared" si="478"/>
        <v>16629.407999999999</v>
      </c>
      <c r="QRP52" s="7">
        <f t="shared" si="478"/>
        <v>16629.407999999999</v>
      </c>
      <c r="QRQ52" s="7">
        <f t="shared" si="478"/>
        <v>16629.407999999999</v>
      </c>
      <c r="QRR52" s="7">
        <f t="shared" ref="QRR52:QUC52" si="479">QRR47+QRQ52</f>
        <v>16629.407999999999</v>
      </c>
      <c r="QRS52" s="7">
        <f t="shared" si="479"/>
        <v>16629.407999999999</v>
      </c>
      <c r="QRT52" s="7">
        <f t="shared" si="479"/>
        <v>16629.407999999999</v>
      </c>
      <c r="QRU52" s="7">
        <f t="shared" si="479"/>
        <v>16629.407999999999</v>
      </c>
      <c r="QRV52" s="7">
        <f t="shared" si="479"/>
        <v>16629.407999999999</v>
      </c>
      <c r="QRW52" s="7">
        <f t="shared" si="479"/>
        <v>16629.407999999999</v>
      </c>
      <c r="QRX52" s="7">
        <f t="shared" si="479"/>
        <v>16629.407999999999</v>
      </c>
      <c r="QRY52" s="7">
        <f t="shared" si="479"/>
        <v>16629.407999999999</v>
      </c>
      <c r="QRZ52" s="7">
        <f t="shared" si="479"/>
        <v>16629.407999999999</v>
      </c>
      <c r="QSA52" s="7">
        <f t="shared" si="479"/>
        <v>16629.407999999999</v>
      </c>
      <c r="QSB52" s="7">
        <f t="shared" si="479"/>
        <v>16629.407999999999</v>
      </c>
      <c r="QSC52" s="7">
        <f t="shared" si="479"/>
        <v>16629.407999999999</v>
      </c>
      <c r="QSD52" s="7">
        <f t="shared" si="479"/>
        <v>16629.407999999999</v>
      </c>
      <c r="QSE52" s="7">
        <f t="shared" si="479"/>
        <v>16629.407999999999</v>
      </c>
      <c r="QSF52" s="7">
        <f t="shared" si="479"/>
        <v>16629.407999999999</v>
      </c>
      <c r="QSG52" s="7">
        <f t="shared" si="479"/>
        <v>16629.407999999999</v>
      </c>
      <c r="QSH52" s="7">
        <f t="shared" si="479"/>
        <v>16629.407999999999</v>
      </c>
      <c r="QSI52" s="7">
        <f t="shared" si="479"/>
        <v>16629.407999999999</v>
      </c>
      <c r="QSJ52" s="7">
        <f t="shared" si="479"/>
        <v>16629.407999999999</v>
      </c>
      <c r="QSK52" s="7">
        <f t="shared" si="479"/>
        <v>16629.407999999999</v>
      </c>
      <c r="QSL52" s="7">
        <f t="shared" si="479"/>
        <v>16629.407999999999</v>
      </c>
      <c r="QSM52" s="7">
        <f t="shared" si="479"/>
        <v>16629.407999999999</v>
      </c>
      <c r="QSN52" s="7">
        <f t="shared" si="479"/>
        <v>16629.407999999999</v>
      </c>
      <c r="QSO52" s="7">
        <f t="shared" si="479"/>
        <v>16629.407999999999</v>
      </c>
      <c r="QSP52" s="7">
        <f t="shared" si="479"/>
        <v>16629.407999999999</v>
      </c>
      <c r="QSQ52" s="7">
        <f t="shared" si="479"/>
        <v>16629.407999999999</v>
      </c>
      <c r="QSR52" s="7">
        <f t="shared" si="479"/>
        <v>16629.407999999999</v>
      </c>
      <c r="QSS52" s="7">
        <f t="shared" si="479"/>
        <v>16629.407999999999</v>
      </c>
      <c r="QST52" s="7">
        <f t="shared" si="479"/>
        <v>16629.407999999999</v>
      </c>
      <c r="QSU52" s="7">
        <f t="shared" si="479"/>
        <v>16629.407999999999</v>
      </c>
      <c r="QSV52" s="7">
        <f t="shared" si="479"/>
        <v>16629.407999999999</v>
      </c>
      <c r="QSW52" s="7">
        <f t="shared" si="479"/>
        <v>16629.407999999999</v>
      </c>
      <c r="QSX52" s="7">
        <f t="shared" si="479"/>
        <v>16629.407999999999</v>
      </c>
      <c r="QSY52" s="7">
        <f t="shared" si="479"/>
        <v>16629.407999999999</v>
      </c>
      <c r="QSZ52" s="7">
        <f t="shared" si="479"/>
        <v>16629.407999999999</v>
      </c>
      <c r="QTA52" s="7">
        <f t="shared" si="479"/>
        <v>16629.407999999999</v>
      </c>
      <c r="QTB52" s="7">
        <f t="shared" si="479"/>
        <v>16629.407999999999</v>
      </c>
      <c r="QTC52" s="7">
        <f t="shared" si="479"/>
        <v>16629.407999999999</v>
      </c>
      <c r="QTD52" s="7">
        <f t="shared" si="479"/>
        <v>16629.407999999999</v>
      </c>
      <c r="QTE52" s="7">
        <f t="shared" si="479"/>
        <v>16629.407999999999</v>
      </c>
      <c r="QTF52" s="7">
        <f t="shared" si="479"/>
        <v>16629.407999999999</v>
      </c>
      <c r="QTG52" s="7">
        <f t="shared" si="479"/>
        <v>16629.407999999999</v>
      </c>
      <c r="QTH52" s="7">
        <f t="shared" si="479"/>
        <v>16629.407999999999</v>
      </c>
      <c r="QTI52" s="7">
        <f t="shared" si="479"/>
        <v>16629.407999999999</v>
      </c>
      <c r="QTJ52" s="7">
        <f t="shared" si="479"/>
        <v>16629.407999999999</v>
      </c>
      <c r="QTK52" s="7">
        <f t="shared" si="479"/>
        <v>16629.407999999999</v>
      </c>
      <c r="QTL52" s="7">
        <f t="shared" si="479"/>
        <v>16629.407999999999</v>
      </c>
      <c r="QTM52" s="7">
        <f t="shared" si="479"/>
        <v>16629.407999999999</v>
      </c>
      <c r="QTN52" s="7">
        <f t="shared" si="479"/>
        <v>16629.407999999999</v>
      </c>
      <c r="QTO52" s="7">
        <f t="shared" si="479"/>
        <v>16629.407999999999</v>
      </c>
      <c r="QTP52" s="7">
        <f t="shared" si="479"/>
        <v>16629.407999999999</v>
      </c>
      <c r="QTQ52" s="7">
        <f t="shared" si="479"/>
        <v>16629.407999999999</v>
      </c>
      <c r="QTR52" s="7">
        <f t="shared" si="479"/>
        <v>16629.407999999999</v>
      </c>
      <c r="QTS52" s="7">
        <f t="shared" si="479"/>
        <v>16629.407999999999</v>
      </c>
      <c r="QTT52" s="7">
        <f t="shared" si="479"/>
        <v>16629.407999999999</v>
      </c>
      <c r="QTU52" s="7">
        <f t="shared" si="479"/>
        <v>16629.407999999999</v>
      </c>
      <c r="QTV52" s="7">
        <f t="shared" si="479"/>
        <v>16629.407999999999</v>
      </c>
      <c r="QTW52" s="7">
        <f t="shared" si="479"/>
        <v>16629.407999999999</v>
      </c>
      <c r="QTX52" s="7">
        <f t="shared" si="479"/>
        <v>16629.407999999999</v>
      </c>
      <c r="QTY52" s="7">
        <f t="shared" si="479"/>
        <v>16629.407999999999</v>
      </c>
      <c r="QTZ52" s="7">
        <f t="shared" si="479"/>
        <v>16629.407999999999</v>
      </c>
      <c r="QUA52" s="7">
        <f t="shared" si="479"/>
        <v>16629.407999999999</v>
      </c>
      <c r="QUB52" s="7">
        <f t="shared" si="479"/>
        <v>16629.407999999999</v>
      </c>
      <c r="QUC52" s="7">
        <f t="shared" si="479"/>
        <v>16629.407999999999</v>
      </c>
      <c r="QUD52" s="7">
        <f t="shared" ref="QUD52:QWO52" si="480">QUD47+QUC52</f>
        <v>16629.407999999999</v>
      </c>
      <c r="QUE52" s="7">
        <f t="shared" si="480"/>
        <v>16629.407999999999</v>
      </c>
      <c r="QUF52" s="7">
        <f t="shared" si="480"/>
        <v>16629.407999999999</v>
      </c>
      <c r="QUG52" s="7">
        <f t="shared" si="480"/>
        <v>16629.407999999999</v>
      </c>
      <c r="QUH52" s="7">
        <f t="shared" si="480"/>
        <v>16629.407999999999</v>
      </c>
      <c r="QUI52" s="7">
        <f t="shared" si="480"/>
        <v>16629.407999999999</v>
      </c>
      <c r="QUJ52" s="7">
        <f t="shared" si="480"/>
        <v>16629.407999999999</v>
      </c>
      <c r="QUK52" s="7">
        <f t="shared" si="480"/>
        <v>16629.407999999999</v>
      </c>
      <c r="QUL52" s="7">
        <f t="shared" si="480"/>
        <v>16629.407999999999</v>
      </c>
      <c r="QUM52" s="7">
        <f t="shared" si="480"/>
        <v>16629.407999999999</v>
      </c>
      <c r="QUN52" s="7">
        <f t="shared" si="480"/>
        <v>16629.407999999999</v>
      </c>
      <c r="QUO52" s="7">
        <f t="shared" si="480"/>
        <v>16629.407999999999</v>
      </c>
      <c r="QUP52" s="7">
        <f t="shared" si="480"/>
        <v>16629.407999999999</v>
      </c>
      <c r="QUQ52" s="7">
        <f t="shared" si="480"/>
        <v>16629.407999999999</v>
      </c>
      <c r="QUR52" s="7">
        <f t="shared" si="480"/>
        <v>16629.407999999999</v>
      </c>
      <c r="QUS52" s="7">
        <f t="shared" si="480"/>
        <v>16629.407999999999</v>
      </c>
      <c r="QUT52" s="7">
        <f t="shared" si="480"/>
        <v>16629.407999999999</v>
      </c>
      <c r="QUU52" s="7">
        <f t="shared" si="480"/>
        <v>16629.407999999999</v>
      </c>
      <c r="QUV52" s="7">
        <f t="shared" si="480"/>
        <v>16629.407999999999</v>
      </c>
      <c r="QUW52" s="7">
        <f t="shared" si="480"/>
        <v>16629.407999999999</v>
      </c>
      <c r="QUX52" s="7">
        <f t="shared" si="480"/>
        <v>16629.407999999999</v>
      </c>
      <c r="QUY52" s="7">
        <f t="shared" si="480"/>
        <v>16629.407999999999</v>
      </c>
      <c r="QUZ52" s="7">
        <f t="shared" si="480"/>
        <v>16629.407999999999</v>
      </c>
      <c r="QVA52" s="7">
        <f t="shared" si="480"/>
        <v>16629.407999999999</v>
      </c>
      <c r="QVB52" s="7">
        <f t="shared" si="480"/>
        <v>16629.407999999999</v>
      </c>
      <c r="QVC52" s="7">
        <f t="shared" si="480"/>
        <v>16629.407999999999</v>
      </c>
      <c r="QVD52" s="7">
        <f t="shared" si="480"/>
        <v>16629.407999999999</v>
      </c>
      <c r="QVE52" s="7">
        <f t="shared" si="480"/>
        <v>16629.407999999999</v>
      </c>
      <c r="QVF52" s="7">
        <f t="shared" si="480"/>
        <v>16629.407999999999</v>
      </c>
      <c r="QVG52" s="7">
        <f t="shared" si="480"/>
        <v>16629.407999999999</v>
      </c>
      <c r="QVH52" s="7">
        <f t="shared" si="480"/>
        <v>16629.407999999999</v>
      </c>
      <c r="QVI52" s="7">
        <f t="shared" si="480"/>
        <v>16629.407999999999</v>
      </c>
      <c r="QVJ52" s="7">
        <f t="shared" si="480"/>
        <v>16629.407999999999</v>
      </c>
      <c r="QVK52" s="7">
        <f t="shared" si="480"/>
        <v>16629.407999999999</v>
      </c>
      <c r="QVL52" s="7">
        <f t="shared" si="480"/>
        <v>16629.407999999999</v>
      </c>
      <c r="QVM52" s="7">
        <f t="shared" si="480"/>
        <v>16629.407999999999</v>
      </c>
      <c r="QVN52" s="7">
        <f t="shared" si="480"/>
        <v>16629.407999999999</v>
      </c>
      <c r="QVO52" s="7">
        <f t="shared" si="480"/>
        <v>16629.407999999999</v>
      </c>
      <c r="QVP52" s="7">
        <f t="shared" si="480"/>
        <v>16629.407999999999</v>
      </c>
      <c r="QVQ52" s="7">
        <f t="shared" si="480"/>
        <v>16629.407999999999</v>
      </c>
      <c r="QVR52" s="7">
        <f t="shared" si="480"/>
        <v>16629.407999999999</v>
      </c>
      <c r="QVS52" s="7">
        <f t="shared" si="480"/>
        <v>16629.407999999999</v>
      </c>
      <c r="QVT52" s="7">
        <f t="shared" si="480"/>
        <v>16629.407999999999</v>
      </c>
      <c r="QVU52" s="7">
        <f t="shared" si="480"/>
        <v>16629.407999999999</v>
      </c>
      <c r="QVV52" s="7">
        <f t="shared" si="480"/>
        <v>16629.407999999999</v>
      </c>
      <c r="QVW52" s="7">
        <f t="shared" si="480"/>
        <v>16629.407999999999</v>
      </c>
      <c r="QVX52" s="7">
        <f t="shared" si="480"/>
        <v>16629.407999999999</v>
      </c>
      <c r="QVY52" s="7">
        <f t="shared" si="480"/>
        <v>16629.407999999999</v>
      </c>
      <c r="QVZ52" s="7">
        <f t="shared" si="480"/>
        <v>16629.407999999999</v>
      </c>
      <c r="QWA52" s="7">
        <f t="shared" si="480"/>
        <v>16629.407999999999</v>
      </c>
      <c r="QWB52" s="7">
        <f t="shared" si="480"/>
        <v>16629.407999999999</v>
      </c>
      <c r="QWC52" s="7">
        <f t="shared" si="480"/>
        <v>16629.407999999999</v>
      </c>
      <c r="QWD52" s="7">
        <f t="shared" si="480"/>
        <v>16629.407999999999</v>
      </c>
      <c r="QWE52" s="7">
        <f t="shared" si="480"/>
        <v>16629.407999999999</v>
      </c>
      <c r="QWF52" s="7">
        <f t="shared" si="480"/>
        <v>16629.407999999999</v>
      </c>
      <c r="QWG52" s="7">
        <f t="shared" si="480"/>
        <v>16629.407999999999</v>
      </c>
      <c r="QWH52" s="7">
        <f t="shared" si="480"/>
        <v>16629.407999999999</v>
      </c>
      <c r="QWI52" s="7">
        <f t="shared" si="480"/>
        <v>16629.407999999999</v>
      </c>
      <c r="QWJ52" s="7">
        <f t="shared" si="480"/>
        <v>16629.407999999999</v>
      </c>
      <c r="QWK52" s="7">
        <f t="shared" si="480"/>
        <v>16629.407999999999</v>
      </c>
      <c r="QWL52" s="7">
        <f t="shared" si="480"/>
        <v>16629.407999999999</v>
      </c>
      <c r="QWM52" s="7">
        <f t="shared" si="480"/>
        <v>16629.407999999999</v>
      </c>
      <c r="QWN52" s="7">
        <f t="shared" si="480"/>
        <v>16629.407999999999</v>
      </c>
      <c r="QWO52" s="7">
        <f t="shared" si="480"/>
        <v>16629.407999999999</v>
      </c>
      <c r="QWP52" s="7">
        <f t="shared" ref="QWP52:QZA52" si="481">QWP47+QWO52</f>
        <v>16629.407999999999</v>
      </c>
      <c r="QWQ52" s="7">
        <f t="shared" si="481"/>
        <v>16629.407999999999</v>
      </c>
      <c r="QWR52" s="7">
        <f t="shared" si="481"/>
        <v>16629.407999999999</v>
      </c>
      <c r="QWS52" s="7">
        <f t="shared" si="481"/>
        <v>16629.407999999999</v>
      </c>
      <c r="QWT52" s="7">
        <f t="shared" si="481"/>
        <v>16629.407999999999</v>
      </c>
      <c r="QWU52" s="7">
        <f t="shared" si="481"/>
        <v>16629.407999999999</v>
      </c>
      <c r="QWV52" s="7">
        <f t="shared" si="481"/>
        <v>16629.407999999999</v>
      </c>
      <c r="QWW52" s="7">
        <f t="shared" si="481"/>
        <v>16629.407999999999</v>
      </c>
      <c r="QWX52" s="7">
        <f t="shared" si="481"/>
        <v>16629.407999999999</v>
      </c>
      <c r="QWY52" s="7">
        <f t="shared" si="481"/>
        <v>16629.407999999999</v>
      </c>
      <c r="QWZ52" s="7">
        <f t="shared" si="481"/>
        <v>16629.407999999999</v>
      </c>
      <c r="QXA52" s="7">
        <f t="shared" si="481"/>
        <v>16629.407999999999</v>
      </c>
      <c r="QXB52" s="7">
        <f t="shared" si="481"/>
        <v>16629.407999999999</v>
      </c>
      <c r="QXC52" s="7">
        <f t="shared" si="481"/>
        <v>16629.407999999999</v>
      </c>
      <c r="QXD52" s="7">
        <f t="shared" si="481"/>
        <v>16629.407999999999</v>
      </c>
      <c r="QXE52" s="7">
        <f t="shared" si="481"/>
        <v>16629.407999999999</v>
      </c>
      <c r="QXF52" s="7">
        <f t="shared" si="481"/>
        <v>16629.407999999999</v>
      </c>
      <c r="QXG52" s="7">
        <f t="shared" si="481"/>
        <v>16629.407999999999</v>
      </c>
      <c r="QXH52" s="7">
        <f t="shared" si="481"/>
        <v>16629.407999999999</v>
      </c>
      <c r="QXI52" s="7">
        <f t="shared" si="481"/>
        <v>16629.407999999999</v>
      </c>
      <c r="QXJ52" s="7">
        <f t="shared" si="481"/>
        <v>16629.407999999999</v>
      </c>
      <c r="QXK52" s="7">
        <f t="shared" si="481"/>
        <v>16629.407999999999</v>
      </c>
      <c r="QXL52" s="7">
        <f t="shared" si="481"/>
        <v>16629.407999999999</v>
      </c>
      <c r="QXM52" s="7">
        <f t="shared" si="481"/>
        <v>16629.407999999999</v>
      </c>
      <c r="QXN52" s="7">
        <f t="shared" si="481"/>
        <v>16629.407999999999</v>
      </c>
      <c r="QXO52" s="7">
        <f t="shared" si="481"/>
        <v>16629.407999999999</v>
      </c>
      <c r="QXP52" s="7">
        <f t="shared" si="481"/>
        <v>16629.407999999999</v>
      </c>
      <c r="QXQ52" s="7">
        <f t="shared" si="481"/>
        <v>16629.407999999999</v>
      </c>
      <c r="QXR52" s="7">
        <f t="shared" si="481"/>
        <v>16629.407999999999</v>
      </c>
      <c r="QXS52" s="7">
        <f t="shared" si="481"/>
        <v>16629.407999999999</v>
      </c>
      <c r="QXT52" s="7">
        <f t="shared" si="481"/>
        <v>16629.407999999999</v>
      </c>
      <c r="QXU52" s="7">
        <f t="shared" si="481"/>
        <v>16629.407999999999</v>
      </c>
      <c r="QXV52" s="7">
        <f t="shared" si="481"/>
        <v>16629.407999999999</v>
      </c>
      <c r="QXW52" s="7">
        <f t="shared" si="481"/>
        <v>16629.407999999999</v>
      </c>
      <c r="QXX52" s="7">
        <f t="shared" si="481"/>
        <v>16629.407999999999</v>
      </c>
      <c r="QXY52" s="7">
        <f t="shared" si="481"/>
        <v>16629.407999999999</v>
      </c>
      <c r="QXZ52" s="7">
        <f t="shared" si="481"/>
        <v>16629.407999999999</v>
      </c>
      <c r="QYA52" s="7">
        <f t="shared" si="481"/>
        <v>16629.407999999999</v>
      </c>
      <c r="QYB52" s="7">
        <f t="shared" si="481"/>
        <v>16629.407999999999</v>
      </c>
      <c r="QYC52" s="7">
        <f t="shared" si="481"/>
        <v>16629.407999999999</v>
      </c>
      <c r="QYD52" s="7">
        <f t="shared" si="481"/>
        <v>16629.407999999999</v>
      </c>
      <c r="QYE52" s="7">
        <f t="shared" si="481"/>
        <v>16629.407999999999</v>
      </c>
      <c r="QYF52" s="7">
        <f t="shared" si="481"/>
        <v>16629.407999999999</v>
      </c>
      <c r="QYG52" s="7">
        <f t="shared" si="481"/>
        <v>16629.407999999999</v>
      </c>
      <c r="QYH52" s="7">
        <f t="shared" si="481"/>
        <v>16629.407999999999</v>
      </c>
      <c r="QYI52" s="7">
        <f t="shared" si="481"/>
        <v>16629.407999999999</v>
      </c>
      <c r="QYJ52" s="7">
        <f t="shared" si="481"/>
        <v>16629.407999999999</v>
      </c>
      <c r="QYK52" s="7">
        <f t="shared" si="481"/>
        <v>16629.407999999999</v>
      </c>
      <c r="QYL52" s="7">
        <f t="shared" si="481"/>
        <v>16629.407999999999</v>
      </c>
      <c r="QYM52" s="7">
        <f t="shared" si="481"/>
        <v>16629.407999999999</v>
      </c>
      <c r="QYN52" s="7">
        <f t="shared" si="481"/>
        <v>16629.407999999999</v>
      </c>
      <c r="QYO52" s="7">
        <f t="shared" si="481"/>
        <v>16629.407999999999</v>
      </c>
      <c r="QYP52" s="7">
        <f t="shared" si="481"/>
        <v>16629.407999999999</v>
      </c>
      <c r="QYQ52" s="7">
        <f t="shared" si="481"/>
        <v>16629.407999999999</v>
      </c>
      <c r="QYR52" s="7">
        <f t="shared" si="481"/>
        <v>16629.407999999999</v>
      </c>
      <c r="QYS52" s="7">
        <f t="shared" si="481"/>
        <v>16629.407999999999</v>
      </c>
      <c r="QYT52" s="7">
        <f t="shared" si="481"/>
        <v>16629.407999999999</v>
      </c>
      <c r="QYU52" s="7">
        <f t="shared" si="481"/>
        <v>16629.407999999999</v>
      </c>
      <c r="QYV52" s="7">
        <f t="shared" si="481"/>
        <v>16629.407999999999</v>
      </c>
      <c r="QYW52" s="7">
        <f t="shared" si="481"/>
        <v>16629.407999999999</v>
      </c>
      <c r="QYX52" s="7">
        <f t="shared" si="481"/>
        <v>16629.407999999999</v>
      </c>
      <c r="QYY52" s="7">
        <f t="shared" si="481"/>
        <v>16629.407999999999</v>
      </c>
      <c r="QYZ52" s="7">
        <f t="shared" si="481"/>
        <v>16629.407999999999</v>
      </c>
      <c r="QZA52" s="7">
        <f t="shared" si="481"/>
        <v>16629.407999999999</v>
      </c>
      <c r="QZB52" s="7">
        <f t="shared" ref="QZB52:RBM52" si="482">QZB47+QZA52</f>
        <v>16629.407999999999</v>
      </c>
      <c r="QZC52" s="7">
        <f t="shared" si="482"/>
        <v>16629.407999999999</v>
      </c>
      <c r="QZD52" s="7">
        <f t="shared" si="482"/>
        <v>16629.407999999999</v>
      </c>
      <c r="QZE52" s="7">
        <f t="shared" si="482"/>
        <v>16629.407999999999</v>
      </c>
      <c r="QZF52" s="7">
        <f t="shared" si="482"/>
        <v>16629.407999999999</v>
      </c>
      <c r="QZG52" s="7">
        <f t="shared" si="482"/>
        <v>16629.407999999999</v>
      </c>
      <c r="QZH52" s="7">
        <f t="shared" si="482"/>
        <v>16629.407999999999</v>
      </c>
      <c r="QZI52" s="7">
        <f t="shared" si="482"/>
        <v>16629.407999999999</v>
      </c>
      <c r="QZJ52" s="7">
        <f t="shared" si="482"/>
        <v>16629.407999999999</v>
      </c>
      <c r="QZK52" s="7">
        <f t="shared" si="482"/>
        <v>16629.407999999999</v>
      </c>
      <c r="QZL52" s="7">
        <f t="shared" si="482"/>
        <v>16629.407999999999</v>
      </c>
      <c r="QZM52" s="7">
        <f t="shared" si="482"/>
        <v>16629.407999999999</v>
      </c>
      <c r="QZN52" s="7">
        <f t="shared" si="482"/>
        <v>16629.407999999999</v>
      </c>
      <c r="QZO52" s="7">
        <f t="shared" si="482"/>
        <v>16629.407999999999</v>
      </c>
      <c r="QZP52" s="7">
        <f t="shared" si="482"/>
        <v>16629.407999999999</v>
      </c>
      <c r="QZQ52" s="7">
        <f t="shared" si="482"/>
        <v>16629.407999999999</v>
      </c>
      <c r="QZR52" s="7">
        <f t="shared" si="482"/>
        <v>16629.407999999999</v>
      </c>
      <c r="QZS52" s="7">
        <f t="shared" si="482"/>
        <v>16629.407999999999</v>
      </c>
      <c r="QZT52" s="7">
        <f t="shared" si="482"/>
        <v>16629.407999999999</v>
      </c>
      <c r="QZU52" s="7">
        <f t="shared" si="482"/>
        <v>16629.407999999999</v>
      </c>
      <c r="QZV52" s="7">
        <f t="shared" si="482"/>
        <v>16629.407999999999</v>
      </c>
      <c r="QZW52" s="7">
        <f t="shared" si="482"/>
        <v>16629.407999999999</v>
      </c>
      <c r="QZX52" s="7">
        <f t="shared" si="482"/>
        <v>16629.407999999999</v>
      </c>
      <c r="QZY52" s="7">
        <f t="shared" si="482"/>
        <v>16629.407999999999</v>
      </c>
      <c r="QZZ52" s="7">
        <f t="shared" si="482"/>
        <v>16629.407999999999</v>
      </c>
      <c r="RAA52" s="7">
        <f t="shared" si="482"/>
        <v>16629.407999999999</v>
      </c>
      <c r="RAB52" s="7">
        <f t="shared" si="482"/>
        <v>16629.407999999999</v>
      </c>
      <c r="RAC52" s="7">
        <f t="shared" si="482"/>
        <v>16629.407999999999</v>
      </c>
      <c r="RAD52" s="7">
        <f t="shared" si="482"/>
        <v>16629.407999999999</v>
      </c>
      <c r="RAE52" s="7">
        <f t="shared" si="482"/>
        <v>16629.407999999999</v>
      </c>
      <c r="RAF52" s="7">
        <f t="shared" si="482"/>
        <v>16629.407999999999</v>
      </c>
      <c r="RAG52" s="7">
        <f t="shared" si="482"/>
        <v>16629.407999999999</v>
      </c>
      <c r="RAH52" s="7">
        <f t="shared" si="482"/>
        <v>16629.407999999999</v>
      </c>
      <c r="RAI52" s="7">
        <f t="shared" si="482"/>
        <v>16629.407999999999</v>
      </c>
      <c r="RAJ52" s="7">
        <f t="shared" si="482"/>
        <v>16629.407999999999</v>
      </c>
      <c r="RAK52" s="7">
        <f t="shared" si="482"/>
        <v>16629.407999999999</v>
      </c>
      <c r="RAL52" s="7">
        <f t="shared" si="482"/>
        <v>16629.407999999999</v>
      </c>
      <c r="RAM52" s="7">
        <f t="shared" si="482"/>
        <v>16629.407999999999</v>
      </c>
      <c r="RAN52" s="7">
        <f t="shared" si="482"/>
        <v>16629.407999999999</v>
      </c>
      <c r="RAO52" s="7">
        <f t="shared" si="482"/>
        <v>16629.407999999999</v>
      </c>
      <c r="RAP52" s="7">
        <f t="shared" si="482"/>
        <v>16629.407999999999</v>
      </c>
      <c r="RAQ52" s="7">
        <f t="shared" si="482"/>
        <v>16629.407999999999</v>
      </c>
      <c r="RAR52" s="7">
        <f t="shared" si="482"/>
        <v>16629.407999999999</v>
      </c>
      <c r="RAS52" s="7">
        <f t="shared" si="482"/>
        <v>16629.407999999999</v>
      </c>
      <c r="RAT52" s="7">
        <f t="shared" si="482"/>
        <v>16629.407999999999</v>
      </c>
      <c r="RAU52" s="7">
        <f t="shared" si="482"/>
        <v>16629.407999999999</v>
      </c>
      <c r="RAV52" s="7">
        <f t="shared" si="482"/>
        <v>16629.407999999999</v>
      </c>
      <c r="RAW52" s="7">
        <f t="shared" si="482"/>
        <v>16629.407999999999</v>
      </c>
      <c r="RAX52" s="7">
        <f t="shared" si="482"/>
        <v>16629.407999999999</v>
      </c>
      <c r="RAY52" s="7">
        <f t="shared" si="482"/>
        <v>16629.407999999999</v>
      </c>
      <c r="RAZ52" s="7">
        <f t="shared" si="482"/>
        <v>16629.407999999999</v>
      </c>
      <c r="RBA52" s="7">
        <f t="shared" si="482"/>
        <v>16629.407999999999</v>
      </c>
      <c r="RBB52" s="7">
        <f t="shared" si="482"/>
        <v>16629.407999999999</v>
      </c>
      <c r="RBC52" s="7">
        <f t="shared" si="482"/>
        <v>16629.407999999999</v>
      </c>
      <c r="RBD52" s="7">
        <f t="shared" si="482"/>
        <v>16629.407999999999</v>
      </c>
      <c r="RBE52" s="7">
        <f t="shared" si="482"/>
        <v>16629.407999999999</v>
      </c>
      <c r="RBF52" s="7">
        <f t="shared" si="482"/>
        <v>16629.407999999999</v>
      </c>
      <c r="RBG52" s="7">
        <f t="shared" si="482"/>
        <v>16629.407999999999</v>
      </c>
      <c r="RBH52" s="7">
        <f t="shared" si="482"/>
        <v>16629.407999999999</v>
      </c>
      <c r="RBI52" s="7">
        <f t="shared" si="482"/>
        <v>16629.407999999999</v>
      </c>
      <c r="RBJ52" s="7">
        <f t="shared" si="482"/>
        <v>16629.407999999999</v>
      </c>
      <c r="RBK52" s="7">
        <f t="shared" si="482"/>
        <v>16629.407999999999</v>
      </c>
      <c r="RBL52" s="7">
        <f t="shared" si="482"/>
        <v>16629.407999999999</v>
      </c>
      <c r="RBM52" s="7">
        <f t="shared" si="482"/>
        <v>16629.407999999999</v>
      </c>
      <c r="RBN52" s="7">
        <f t="shared" ref="RBN52:RDY52" si="483">RBN47+RBM52</f>
        <v>16629.407999999999</v>
      </c>
      <c r="RBO52" s="7">
        <f t="shared" si="483"/>
        <v>16629.407999999999</v>
      </c>
      <c r="RBP52" s="7">
        <f t="shared" si="483"/>
        <v>16629.407999999999</v>
      </c>
      <c r="RBQ52" s="7">
        <f t="shared" si="483"/>
        <v>16629.407999999999</v>
      </c>
      <c r="RBR52" s="7">
        <f t="shared" si="483"/>
        <v>16629.407999999999</v>
      </c>
      <c r="RBS52" s="7">
        <f t="shared" si="483"/>
        <v>16629.407999999999</v>
      </c>
      <c r="RBT52" s="7">
        <f t="shared" si="483"/>
        <v>16629.407999999999</v>
      </c>
      <c r="RBU52" s="7">
        <f t="shared" si="483"/>
        <v>16629.407999999999</v>
      </c>
      <c r="RBV52" s="7">
        <f t="shared" si="483"/>
        <v>16629.407999999999</v>
      </c>
      <c r="RBW52" s="7">
        <f t="shared" si="483"/>
        <v>16629.407999999999</v>
      </c>
      <c r="RBX52" s="7">
        <f t="shared" si="483"/>
        <v>16629.407999999999</v>
      </c>
      <c r="RBY52" s="7">
        <f t="shared" si="483"/>
        <v>16629.407999999999</v>
      </c>
      <c r="RBZ52" s="7">
        <f t="shared" si="483"/>
        <v>16629.407999999999</v>
      </c>
      <c r="RCA52" s="7">
        <f t="shared" si="483"/>
        <v>16629.407999999999</v>
      </c>
      <c r="RCB52" s="7">
        <f t="shared" si="483"/>
        <v>16629.407999999999</v>
      </c>
      <c r="RCC52" s="7">
        <f t="shared" si="483"/>
        <v>16629.407999999999</v>
      </c>
      <c r="RCD52" s="7">
        <f t="shared" si="483"/>
        <v>16629.407999999999</v>
      </c>
      <c r="RCE52" s="7">
        <f t="shared" si="483"/>
        <v>16629.407999999999</v>
      </c>
      <c r="RCF52" s="7">
        <f t="shared" si="483"/>
        <v>16629.407999999999</v>
      </c>
      <c r="RCG52" s="7">
        <f t="shared" si="483"/>
        <v>16629.407999999999</v>
      </c>
      <c r="RCH52" s="7">
        <f t="shared" si="483"/>
        <v>16629.407999999999</v>
      </c>
      <c r="RCI52" s="7">
        <f t="shared" si="483"/>
        <v>16629.407999999999</v>
      </c>
      <c r="RCJ52" s="7">
        <f t="shared" si="483"/>
        <v>16629.407999999999</v>
      </c>
      <c r="RCK52" s="7">
        <f t="shared" si="483"/>
        <v>16629.407999999999</v>
      </c>
      <c r="RCL52" s="7">
        <f t="shared" si="483"/>
        <v>16629.407999999999</v>
      </c>
      <c r="RCM52" s="7">
        <f t="shared" si="483"/>
        <v>16629.407999999999</v>
      </c>
      <c r="RCN52" s="7">
        <f t="shared" si="483"/>
        <v>16629.407999999999</v>
      </c>
      <c r="RCO52" s="7">
        <f t="shared" si="483"/>
        <v>16629.407999999999</v>
      </c>
      <c r="RCP52" s="7">
        <f t="shared" si="483"/>
        <v>16629.407999999999</v>
      </c>
      <c r="RCQ52" s="7">
        <f t="shared" si="483"/>
        <v>16629.407999999999</v>
      </c>
      <c r="RCR52" s="7">
        <f t="shared" si="483"/>
        <v>16629.407999999999</v>
      </c>
      <c r="RCS52" s="7">
        <f t="shared" si="483"/>
        <v>16629.407999999999</v>
      </c>
      <c r="RCT52" s="7">
        <f t="shared" si="483"/>
        <v>16629.407999999999</v>
      </c>
      <c r="RCU52" s="7">
        <f t="shared" si="483"/>
        <v>16629.407999999999</v>
      </c>
      <c r="RCV52" s="7">
        <f t="shared" si="483"/>
        <v>16629.407999999999</v>
      </c>
      <c r="RCW52" s="7">
        <f t="shared" si="483"/>
        <v>16629.407999999999</v>
      </c>
      <c r="RCX52" s="7">
        <f t="shared" si="483"/>
        <v>16629.407999999999</v>
      </c>
      <c r="RCY52" s="7">
        <f t="shared" si="483"/>
        <v>16629.407999999999</v>
      </c>
      <c r="RCZ52" s="7">
        <f t="shared" si="483"/>
        <v>16629.407999999999</v>
      </c>
      <c r="RDA52" s="7">
        <f t="shared" si="483"/>
        <v>16629.407999999999</v>
      </c>
      <c r="RDB52" s="7">
        <f t="shared" si="483"/>
        <v>16629.407999999999</v>
      </c>
      <c r="RDC52" s="7">
        <f t="shared" si="483"/>
        <v>16629.407999999999</v>
      </c>
      <c r="RDD52" s="7">
        <f t="shared" si="483"/>
        <v>16629.407999999999</v>
      </c>
      <c r="RDE52" s="7">
        <f t="shared" si="483"/>
        <v>16629.407999999999</v>
      </c>
      <c r="RDF52" s="7">
        <f t="shared" si="483"/>
        <v>16629.407999999999</v>
      </c>
      <c r="RDG52" s="7">
        <f t="shared" si="483"/>
        <v>16629.407999999999</v>
      </c>
      <c r="RDH52" s="7">
        <f t="shared" si="483"/>
        <v>16629.407999999999</v>
      </c>
      <c r="RDI52" s="7">
        <f t="shared" si="483"/>
        <v>16629.407999999999</v>
      </c>
      <c r="RDJ52" s="7">
        <f t="shared" si="483"/>
        <v>16629.407999999999</v>
      </c>
      <c r="RDK52" s="7">
        <f t="shared" si="483"/>
        <v>16629.407999999999</v>
      </c>
      <c r="RDL52" s="7">
        <f t="shared" si="483"/>
        <v>16629.407999999999</v>
      </c>
      <c r="RDM52" s="7">
        <f t="shared" si="483"/>
        <v>16629.407999999999</v>
      </c>
      <c r="RDN52" s="7">
        <f t="shared" si="483"/>
        <v>16629.407999999999</v>
      </c>
      <c r="RDO52" s="7">
        <f t="shared" si="483"/>
        <v>16629.407999999999</v>
      </c>
      <c r="RDP52" s="7">
        <f t="shared" si="483"/>
        <v>16629.407999999999</v>
      </c>
      <c r="RDQ52" s="7">
        <f t="shared" si="483"/>
        <v>16629.407999999999</v>
      </c>
      <c r="RDR52" s="7">
        <f t="shared" si="483"/>
        <v>16629.407999999999</v>
      </c>
      <c r="RDS52" s="7">
        <f t="shared" si="483"/>
        <v>16629.407999999999</v>
      </c>
      <c r="RDT52" s="7">
        <f t="shared" si="483"/>
        <v>16629.407999999999</v>
      </c>
      <c r="RDU52" s="7">
        <f t="shared" si="483"/>
        <v>16629.407999999999</v>
      </c>
      <c r="RDV52" s="7">
        <f t="shared" si="483"/>
        <v>16629.407999999999</v>
      </c>
      <c r="RDW52" s="7">
        <f t="shared" si="483"/>
        <v>16629.407999999999</v>
      </c>
      <c r="RDX52" s="7">
        <f t="shared" si="483"/>
        <v>16629.407999999999</v>
      </c>
      <c r="RDY52" s="7">
        <f t="shared" si="483"/>
        <v>16629.407999999999</v>
      </c>
      <c r="RDZ52" s="7">
        <f t="shared" ref="RDZ52:RGK52" si="484">RDZ47+RDY52</f>
        <v>16629.407999999999</v>
      </c>
      <c r="REA52" s="7">
        <f t="shared" si="484"/>
        <v>16629.407999999999</v>
      </c>
      <c r="REB52" s="7">
        <f t="shared" si="484"/>
        <v>16629.407999999999</v>
      </c>
      <c r="REC52" s="7">
        <f t="shared" si="484"/>
        <v>16629.407999999999</v>
      </c>
      <c r="RED52" s="7">
        <f t="shared" si="484"/>
        <v>16629.407999999999</v>
      </c>
      <c r="REE52" s="7">
        <f t="shared" si="484"/>
        <v>16629.407999999999</v>
      </c>
      <c r="REF52" s="7">
        <f t="shared" si="484"/>
        <v>16629.407999999999</v>
      </c>
      <c r="REG52" s="7">
        <f t="shared" si="484"/>
        <v>16629.407999999999</v>
      </c>
      <c r="REH52" s="7">
        <f t="shared" si="484"/>
        <v>16629.407999999999</v>
      </c>
      <c r="REI52" s="7">
        <f t="shared" si="484"/>
        <v>16629.407999999999</v>
      </c>
      <c r="REJ52" s="7">
        <f t="shared" si="484"/>
        <v>16629.407999999999</v>
      </c>
      <c r="REK52" s="7">
        <f t="shared" si="484"/>
        <v>16629.407999999999</v>
      </c>
      <c r="REL52" s="7">
        <f t="shared" si="484"/>
        <v>16629.407999999999</v>
      </c>
      <c r="REM52" s="7">
        <f t="shared" si="484"/>
        <v>16629.407999999999</v>
      </c>
      <c r="REN52" s="7">
        <f t="shared" si="484"/>
        <v>16629.407999999999</v>
      </c>
      <c r="REO52" s="7">
        <f t="shared" si="484"/>
        <v>16629.407999999999</v>
      </c>
      <c r="REP52" s="7">
        <f t="shared" si="484"/>
        <v>16629.407999999999</v>
      </c>
      <c r="REQ52" s="7">
        <f t="shared" si="484"/>
        <v>16629.407999999999</v>
      </c>
      <c r="RER52" s="7">
        <f t="shared" si="484"/>
        <v>16629.407999999999</v>
      </c>
      <c r="RES52" s="7">
        <f t="shared" si="484"/>
        <v>16629.407999999999</v>
      </c>
      <c r="RET52" s="7">
        <f t="shared" si="484"/>
        <v>16629.407999999999</v>
      </c>
      <c r="REU52" s="7">
        <f t="shared" si="484"/>
        <v>16629.407999999999</v>
      </c>
      <c r="REV52" s="7">
        <f t="shared" si="484"/>
        <v>16629.407999999999</v>
      </c>
      <c r="REW52" s="7">
        <f t="shared" si="484"/>
        <v>16629.407999999999</v>
      </c>
      <c r="REX52" s="7">
        <f t="shared" si="484"/>
        <v>16629.407999999999</v>
      </c>
      <c r="REY52" s="7">
        <f t="shared" si="484"/>
        <v>16629.407999999999</v>
      </c>
      <c r="REZ52" s="7">
        <f t="shared" si="484"/>
        <v>16629.407999999999</v>
      </c>
      <c r="RFA52" s="7">
        <f t="shared" si="484"/>
        <v>16629.407999999999</v>
      </c>
      <c r="RFB52" s="7">
        <f t="shared" si="484"/>
        <v>16629.407999999999</v>
      </c>
      <c r="RFC52" s="7">
        <f t="shared" si="484"/>
        <v>16629.407999999999</v>
      </c>
      <c r="RFD52" s="7">
        <f t="shared" si="484"/>
        <v>16629.407999999999</v>
      </c>
      <c r="RFE52" s="7">
        <f t="shared" si="484"/>
        <v>16629.407999999999</v>
      </c>
      <c r="RFF52" s="7">
        <f t="shared" si="484"/>
        <v>16629.407999999999</v>
      </c>
      <c r="RFG52" s="7">
        <f t="shared" si="484"/>
        <v>16629.407999999999</v>
      </c>
      <c r="RFH52" s="7">
        <f t="shared" si="484"/>
        <v>16629.407999999999</v>
      </c>
      <c r="RFI52" s="7">
        <f t="shared" si="484"/>
        <v>16629.407999999999</v>
      </c>
      <c r="RFJ52" s="7">
        <f t="shared" si="484"/>
        <v>16629.407999999999</v>
      </c>
      <c r="RFK52" s="7">
        <f t="shared" si="484"/>
        <v>16629.407999999999</v>
      </c>
      <c r="RFL52" s="7">
        <f t="shared" si="484"/>
        <v>16629.407999999999</v>
      </c>
      <c r="RFM52" s="7">
        <f t="shared" si="484"/>
        <v>16629.407999999999</v>
      </c>
      <c r="RFN52" s="7">
        <f t="shared" si="484"/>
        <v>16629.407999999999</v>
      </c>
      <c r="RFO52" s="7">
        <f t="shared" si="484"/>
        <v>16629.407999999999</v>
      </c>
      <c r="RFP52" s="7">
        <f t="shared" si="484"/>
        <v>16629.407999999999</v>
      </c>
      <c r="RFQ52" s="7">
        <f t="shared" si="484"/>
        <v>16629.407999999999</v>
      </c>
      <c r="RFR52" s="7">
        <f t="shared" si="484"/>
        <v>16629.407999999999</v>
      </c>
      <c r="RFS52" s="7">
        <f t="shared" si="484"/>
        <v>16629.407999999999</v>
      </c>
      <c r="RFT52" s="7">
        <f t="shared" si="484"/>
        <v>16629.407999999999</v>
      </c>
      <c r="RFU52" s="7">
        <f t="shared" si="484"/>
        <v>16629.407999999999</v>
      </c>
      <c r="RFV52" s="7">
        <f t="shared" si="484"/>
        <v>16629.407999999999</v>
      </c>
      <c r="RFW52" s="7">
        <f t="shared" si="484"/>
        <v>16629.407999999999</v>
      </c>
      <c r="RFX52" s="7">
        <f t="shared" si="484"/>
        <v>16629.407999999999</v>
      </c>
      <c r="RFY52" s="7">
        <f t="shared" si="484"/>
        <v>16629.407999999999</v>
      </c>
      <c r="RFZ52" s="7">
        <f t="shared" si="484"/>
        <v>16629.407999999999</v>
      </c>
      <c r="RGA52" s="7">
        <f t="shared" si="484"/>
        <v>16629.407999999999</v>
      </c>
      <c r="RGB52" s="7">
        <f t="shared" si="484"/>
        <v>16629.407999999999</v>
      </c>
      <c r="RGC52" s="7">
        <f t="shared" si="484"/>
        <v>16629.407999999999</v>
      </c>
      <c r="RGD52" s="7">
        <f t="shared" si="484"/>
        <v>16629.407999999999</v>
      </c>
      <c r="RGE52" s="7">
        <f t="shared" si="484"/>
        <v>16629.407999999999</v>
      </c>
      <c r="RGF52" s="7">
        <f t="shared" si="484"/>
        <v>16629.407999999999</v>
      </c>
      <c r="RGG52" s="7">
        <f t="shared" si="484"/>
        <v>16629.407999999999</v>
      </c>
      <c r="RGH52" s="7">
        <f t="shared" si="484"/>
        <v>16629.407999999999</v>
      </c>
      <c r="RGI52" s="7">
        <f t="shared" si="484"/>
        <v>16629.407999999999</v>
      </c>
      <c r="RGJ52" s="7">
        <f t="shared" si="484"/>
        <v>16629.407999999999</v>
      </c>
      <c r="RGK52" s="7">
        <f t="shared" si="484"/>
        <v>16629.407999999999</v>
      </c>
      <c r="RGL52" s="7">
        <f t="shared" ref="RGL52:RIW52" si="485">RGL47+RGK52</f>
        <v>16629.407999999999</v>
      </c>
      <c r="RGM52" s="7">
        <f t="shared" si="485"/>
        <v>16629.407999999999</v>
      </c>
      <c r="RGN52" s="7">
        <f t="shared" si="485"/>
        <v>16629.407999999999</v>
      </c>
      <c r="RGO52" s="7">
        <f t="shared" si="485"/>
        <v>16629.407999999999</v>
      </c>
      <c r="RGP52" s="7">
        <f t="shared" si="485"/>
        <v>16629.407999999999</v>
      </c>
      <c r="RGQ52" s="7">
        <f t="shared" si="485"/>
        <v>16629.407999999999</v>
      </c>
      <c r="RGR52" s="7">
        <f t="shared" si="485"/>
        <v>16629.407999999999</v>
      </c>
      <c r="RGS52" s="7">
        <f t="shared" si="485"/>
        <v>16629.407999999999</v>
      </c>
      <c r="RGT52" s="7">
        <f t="shared" si="485"/>
        <v>16629.407999999999</v>
      </c>
      <c r="RGU52" s="7">
        <f t="shared" si="485"/>
        <v>16629.407999999999</v>
      </c>
      <c r="RGV52" s="7">
        <f t="shared" si="485"/>
        <v>16629.407999999999</v>
      </c>
      <c r="RGW52" s="7">
        <f t="shared" si="485"/>
        <v>16629.407999999999</v>
      </c>
      <c r="RGX52" s="7">
        <f t="shared" si="485"/>
        <v>16629.407999999999</v>
      </c>
      <c r="RGY52" s="7">
        <f t="shared" si="485"/>
        <v>16629.407999999999</v>
      </c>
      <c r="RGZ52" s="7">
        <f t="shared" si="485"/>
        <v>16629.407999999999</v>
      </c>
      <c r="RHA52" s="7">
        <f t="shared" si="485"/>
        <v>16629.407999999999</v>
      </c>
      <c r="RHB52" s="7">
        <f t="shared" si="485"/>
        <v>16629.407999999999</v>
      </c>
      <c r="RHC52" s="7">
        <f t="shared" si="485"/>
        <v>16629.407999999999</v>
      </c>
      <c r="RHD52" s="7">
        <f t="shared" si="485"/>
        <v>16629.407999999999</v>
      </c>
      <c r="RHE52" s="7">
        <f t="shared" si="485"/>
        <v>16629.407999999999</v>
      </c>
      <c r="RHF52" s="7">
        <f t="shared" si="485"/>
        <v>16629.407999999999</v>
      </c>
      <c r="RHG52" s="7">
        <f t="shared" si="485"/>
        <v>16629.407999999999</v>
      </c>
      <c r="RHH52" s="7">
        <f t="shared" si="485"/>
        <v>16629.407999999999</v>
      </c>
      <c r="RHI52" s="7">
        <f t="shared" si="485"/>
        <v>16629.407999999999</v>
      </c>
      <c r="RHJ52" s="7">
        <f t="shared" si="485"/>
        <v>16629.407999999999</v>
      </c>
      <c r="RHK52" s="7">
        <f t="shared" si="485"/>
        <v>16629.407999999999</v>
      </c>
      <c r="RHL52" s="7">
        <f t="shared" si="485"/>
        <v>16629.407999999999</v>
      </c>
      <c r="RHM52" s="7">
        <f t="shared" si="485"/>
        <v>16629.407999999999</v>
      </c>
      <c r="RHN52" s="7">
        <f t="shared" si="485"/>
        <v>16629.407999999999</v>
      </c>
      <c r="RHO52" s="7">
        <f t="shared" si="485"/>
        <v>16629.407999999999</v>
      </c>
      <c r="RHP52" s="7">
        <f t="shared" si="485"/>
        <v>16629.407999999999</v>
      </c>
      <c r="RHQ52" s="7">
        <f t="shared" si="485"/>
        <v>16629.407999999999</v>
      </c>
      <c r="RHR52" s="7">
        <f t="shared" si="485"/>
        <v>16629.407999999999</v>
      </c>
      <c r="RHS52" s="7">
        <f t="shared" si="485"/>
        <v>16629.407999999999</v>
      </c>
      <c r="RHT52" s="7">
        <f t="shared" si="485"/>
        <v>16629.407999999999</v>
      </c>
      <c r="RHU52" s="7">
        <f t="shared" si="485"/>
        <v>16629.407999999999</v>
      </c>
      <c r="RHV52" s="7">
        <f t="shared" si="485"/>
        <v>16629.407999999999</v>
      </c>
      <c r="RHW52" s="7">
        <f t="shared" si="485"/>
        <v>16629.407999999999</v>
      </c>
      <c r="RHX52" s="7">
        <f t="shared" si="485"/>
        <v>16629.407999999999</v>
      </c>
      <c r="RHY52" s="7">
        <f t="shared" si="485"/>
        <v>16629.407999999999</v>
      </c>
      <c r="RHZ52" s="7">
        <f t="shared" si="485"/>
        <v>16629.407999999999</v>
      </c>
      <c r="RIA52" s="7">
        <f t="shared" si="485"/>
        <v>16629.407999999999</v>
      </c>
      <c r="RIB52" s="7">
        <f t="shared" si="485"/>
        <v>16629.407999999999</v>
      </c>
      <c r="RIC52" s="7">
        <f t="shared" si="485"/>
        <v>16629.407999999999</v>
      </c>
      <c r="RID52" s="7">
        <f t="shared" si="485"/>
        <v>16629.407999999999</v>
      </c>
      <c r="RIE52" s="7">
        <f t="shared" si="485"/>
        <v>16629.407999999999</v>
      </c>
      <c r="RIF52" s="7">
        <f t="shared" si="485"/>
        <v>16629.407999999999</v>
      </c>
      <c r="RIG52" s="7">
        <f t="shared" si="485"/>
        <v>16629.407999999999</v>
      </c>
      <c r="RIH52" s="7">
        <f t="shared" si="485"/>
        <v>16629.407999999999</v>
      </c>
      <c r="RII52" s="7">
        <f t="shared" si="485"/>
        <v>16629.407999999999</v>
      </c>
      <c r="RIJ52" s="7">
        <f t="shared" si="485"/>
        <v>16629.407999999999</v>
      </c>
      <c r="RIK52" s="7">
        <f t="shared" si="485"/>
        <v>16629.407999999999</v>
      </c>
      <c r="RIL52" s="7">
        <f t="shared" si="485"/>
        <v>16629.407999999999</v>
      </c>
      <c r="RIM52" s="7">
        <f t="shared" si="485"/>
        <v>16629.407999999999</v>
      </c>
      <c r="RIN52" s="7">
        <f t="shared" si="485"/>
        <v>16629.407999999999</v>
      </c>
      <c r="RIO52" s="7">
        <f t="shared" si="485"/>
        <v>16629.407999999999</v>
      </c>
      <c r="RIP52" s="7">
        <f t="shared" si="485"/>
        <v>16629.407999999999</v>
      </c>
      <c r="RIQ52" s="7">
        <f t="shared" si="485"/>
        <v>16629.407999999999</v>
      </c>
      <c r="RIR52" s="7">
        <f t="shared" si="485"/>
        <v>16629.407999999999</v>
      </c>
      <c r="RIS52" s="7">
        <f t="shared" si="485"/>
        <v>16629.407999999999</v>
      </c>
      <c r="RIT52" s="7">
        <f t="shared" si="485"/>
        <v>16629.407999999999</v>
      </c>
      <c r="RIU52" s="7">
        <f t="shared" si="485"/>
        <v>16629.407999999999</v>
      </c>
      <c r="RIV52" s="7">
        <f t="shared" si="485"/>
        <v>16629.407999999999</v>
      </c>
      <c r="RIW52" s="7">
        <f t="shared" si="485"/>
        <v>16629.407999999999</v>
      </c>
      <c r="RIX52" s="7">
        <f t="shared" ref="RIX52:RLI52" si="486">RIX47+RIW52</f>
        <v>16629.407999999999</v>
      </c>
      <c r="RIY52" s="7">
        <f t="shared" si="486"/>
        <v>16629.407999999999</v>
      </c>
      <c r="RIZ52" s="7">
        <f t="shared" si="486"/>
        <v>16629.407999999999</v>
      </c>
      <c r="RJA52" s="7">
        <f t="shared" si="486"/>
        <v>16629.407999999999</v>
      </c>
      <c r="RJB52" s="7">
        <f t="shared" si="486"/>
        <v>16629.407999999999</v>
      </c>
      <c r="RJC52" s="7">
        <f t="shared" si="486"/>
        <v>16629.407999999999</v>
      </c>
      <c r="RJD52" s="7">
        <f t="shared" si="486"/>
        <v>16629.407999999999</v>
      </c>
      <c r="RJE52" s="7">
        <f t="shared" si="486"/>
        <v>16629.407999999999</v>
      </c>
      <c r="RJF52" s="7">
        <f t="shared" si="486"/>
        <v>16629.407999999999</v>
      </c>
      <c r="RJG52" s="7">
        <f t="shared" si="486"/>
        <v>16629.407999999999</v>
      </c>
      <c r="RJH52" s="7">
        <f t="shared" si="486"/>
        <v>16629.407999999999</v>
      </c>
      <c r="RJI52" s="7">
        <f t="shared" si="486"/>
        <v>16629.407999999999</v>
      </c>
      <c r="RJJ52" s="7">
        <f t="shared" si="486"/>
        <v>16629.407999999999</v>
      </c>
      <c r="RJK52" s="7">
        <f t="shared" si="486"/>
        <v>16629.407999999999</v>
      </c>
      <c r="RJL52" s="7">
        <f t="shared" si="486"/>
        <v>16629.407999999999</v>
      </c>
      <c r="RJM52" s="7">
        <f t="shared" si="486"/>
        <v>16629.407999999999</v>
      </c>
      <c r="RJN52" s="7">
        <f t="shared" si="486"/>
        <v>16629.407999999999</v>
      </c>
      <c r="RJO52" s="7">
        <f t="shared" si="486"/>
        <v>16629.407999999999</v>
      </c>
      <c r="RJP52" s="7">
        <f t="shared" si="486"/>
        <v>16629.407999999999</v>
      </c>
      <c r="RJQ52" s="7">
        <f t="shared" si="486"/>
        <v>16629.407999999999</v>
      </c>
      <c r="RJR52" s="7">
        <f t="shared" si="486"/>
        <v>16629.407999999999</v>
      </c>
      <c r="RJS52" s="7">
        <f t="shared" si="486"/>
        <v>16629.407999999999</v>
      </c>
      <c r="RJT52" s="7">
        <f t="shared" si="486"/>
        <v>16629.407999999999</v>
      </c>
      <c r="RJU52" s="7">
        <f t="shared" si="486"/>
        <v>16629.407999999999</v>
      </c>
      <c r="RJV52" s="7">
        <f t="shared" si="486"/>
        <v>16629.407999999999</v>
      </c>
      <c r="RJW52" s="7">
        <f t="shared" si="486"/>
        <v>16629.407999999999</v>
      </c>
      <c r="RJX52" s="7">
        <f t="shared" si="486"/>
        <v>16629.407999999999</v>
      </c>
      <c r="RJY52" s="7">
        <f t="shared" si="486"/>
        <v>16629.407999999999</v>
      </c>
      <c r="RJZ52" s="7">
        <f t="shared" si="486"/>
        <v>16629.407999999999</v>
      </c>
      <c r="RKA52" s="7">
        <f t="shared" si="486"/>
        <v>16629.407999999999</v>
      </c>
      <c r="RKB52" s="7">
        <f t="shared" si="486"/>
        <v>16629.407999999999</v>
      </c>
      <c r="RKC52" s="7">
        <f t="shared" si="486"/>
        <v>16629.407999999999</v>
      </c>
      <c r="RKD52" s="7">
        <f t="shared" si="486"/>
        <v>16629.407999999999</v>
      </c>
      <c r="RKE52" s="7">
        <f t="shared" si="486"/>
        <v>16629.407999999999</v>
      </c>
      <c r="RKF52" s="7">
        <f t="shared" si="486"/>
        <v>16629.407999999999</v>
      </c>
      <c r="RKG52" s="7">
        <f t="shared" si="486"/>
        <v>16629.407999999999</v>
      </c>
      <c r="RKH52" s="7">
        <f t="shared" si="486"/>
        <v>16629.407999999999</v>
      </c>
      <c r="RKI52" s="7">
        <f t="shared" si="486"/>
        <v>16629.407999999999</v>
      </c>
      <c r="RKJ52" s="7">
        <f t="shared" si="486"/>
        <v>16629.407999999999</v>
      </c>
      <c r="RKK52" s="7">
        <f t="shared" si="486"/>
        <v>16629.407999999999</v>
      </c>
      <c r="RKL52" s="7">
        <f t="shared" si="486"/>
        <v>16629.407999999999</v>
      </c>
      <c r="RKM52" s="7">
        <f t="shared" si="486"/>
        <v>16629.407999999999</v>
      </c>
      <c r="RKN52" s="7">
        <f t="shared" si="486"/>
        <v>16629.407999999999</v>
      </c>
      <c r="RKO52" s="7">
        <f t="shared" si="486"/>
        <v>16629.407999999999</v>
      </c>
      <c r="RKP52" s="7">
        <f t="shared" si="486"/>
        <v>16629.407999999999</v>
      </c>
      <c r="RKQ52" s="7">
        <f t="shared" si="486"/>
        <v>16629.407999999999</v>
      </c>
      <c r="RKR52" s="7">
        <f t="shared" si="486"/>
        <v>16629.407999999999</v>
      </c>
      <c r="RKS52" s="7">
        <f t="shared" si="486"/>
        <v>16629.407999999999</v>
      </c>
      <c r="RKT52" s="7">
        <f t="shared" si="486"/>
        <v>16629.407999999999</v>
      </c>
      <c r="RKU52" s="7">
        <f t="shared" si="486"/>
        <v>16629.407999999999</v>
      </c>
      <c r="RKV52" s="7">
        <f t="shared" si="486"/>
        <v>16629.407999999999</v>
      </c>
      <c r="RKW52" s="7">
        <f t="shared" si="486"/>
        <v>16629.407999999999</v>
      </c>
      <c r="RKX52" s="7">
        <f t="shared" si="486"/>
        <v>16629.407999999999</v>
      </c>
      <c r="RKY52" s="7">
        <f t="shared" si="486"/>
        <v>16629.407999999999</v>
      </c>
      <c r="RKZ52" s="7">
        <f t="shared" si="486"/>
        <v>16629.407999999999</v>
      </c>
      <c r="RLA52" s="7">
        <f t="shared" si="486"/>
        <v>16629.407999999999</v>
      </c>
      <c r="RLB52" s="7">
        <f t="shared" si="486"/>
        <v>16629.407999999999</v>
      </c>
      <c r="RLC52" s="7">
        <f t="shared" si="486"/>
        <v>16629.407999999999</v>
      </c>
      <c r="RLD52" s="7">
        <f t="shared" si="486"/>
        <v>16629.407999999999</v>
      </c>
      <c r="RLE52" s="7">
        <f t="shared" si="486"/>
        <v>16629.407999999999</v>
      </c>
      <c r="RLF52" s="7">
        <f t="shared" si="486"/>
        <v>16629.407999999999</v>
      </c>
      <c r="RLG52" s="7">
        <f t="shared" si="486"/>
        <v>16629.407999999999</v>
      </c>
      <c r="RLH52" s="7">
        <f t="shared" si="486"/>
        <v>16629.407999999999</v>
      </c>
      <c r="RLI52" s="7">
        <f t="shared" si="486"/>
        <v>16629.407999999999</v>
      </c>
      <c r="RLJ52" s="7">
        <f t="shared" ref="RLJ52:RNU52" si="487">RLJ47+RLI52</f>
        <v>16629.407999999999</v>
      </c>
      <c r="RLK52" s="7">
        <f t="shared" si="487"/>
        <v>16629.407999999999</v>
      </c>
      <c r="RLL52" s="7">
        <f t="shared" si="487"/>
        <v>16629.407999999999</v>
      </c>
      <c r="RLM52" s="7">
        <f t="shared" si="487"/>
        <v>16629.407999999999</v>
      </c>
      <c r="RLN52" s="7">
        <f t="shared" si="487"/>
        <v>16629.407999999999</v>
      </c>
      <c r="RLO52" s="7">
        <f t="shared" si="487"/>
        <v>16629.407999999999</v>
      </c>
      <c r="RLP52" s="7">
        <f t="shared" si="487"/>
        <v>16629.407999999999</v>
      </c>
      <c r="RLQ52" s="7">
        <f t="shared" si="487"/>
        <v>16629.407999999999</v>
      </c>
      <c r="RLR52" s="7">
        <f t="shared" si="487"/>
        <v>16629.407999999999</v>
      </c>
      <c r="RLS52" s="7">
        <f t="shared" si="487"/>
        <v>16629.407999999999</v>
      </c>
      <c r="RLT52" s="7">
        <f t="shared" si="487"/>
        <v>16629.407999999999</v>
      </c>
      <c r="RLU52" s="7">
        <f t="shared" si="487"/>
        <v>16629.407999999999</v>
      </c>
      <c r="RLV52" s="7">
        <f t="shared" si="487"/>
        <v>16629.407999999999</v>
      </c>
      <c r="RLW52" s="7">
        <f t="shared" si="487"/>
        <v>16629.407999999999</v>
      </c>
      <c r="RLX52" s="7">
        <f t="shared" si="487"/>
        <v>16629.407999999999</v>
      </c>
      <c r="RLY52" s="7">
        <f t="shared" si="487"/>
        <v>16629.407999999999</v>
      </c>
      <c r="RLZ52" s="7">
        <f t="shared" si="487"/>
        <v>16629.407999999999</v>
      </c>
      <c r="RMA52" s="7">
        <f t="shared" si="487"/>
        <v>16629.407999999999</v>
      </c>
      <c r="RMB52" s="7">
        <f t="shared" si="487"/>
        <v>16629.407999999999</v>
      </c>
      <c r="RMC52" s="7">
        <f t="shared" si="487"/>
        <v>16629.407999999999</v>
      </c>
      <c r="RMD52" s="7">
        <f t="shared" si="487"/>
        <v>16629.407999999999</v>
      </c>
      <c r="RME52" s="7">
        <f t="shared" si="487"/>
        <v>16629.407999999999</v>
      </c>
      <c r="RMF52" s="7">
        <f t="shared" si="487"/>
        <v>16629.407999999999</v>
      </c>
      <c r="RMG52" s="7">
        <f t="shared" si="487"/>
        <v>16629.407999999999</v>
      </c>
      <c r="RMH52" s="7">
        <f t="shared" si="487"/>
        <v>16629.407999999999</v>
      </c>
      <c r="RMI52" s="7">
        <f t="shared" si="487"/>
        <v>16629.407999999999</v>
      </c>
      <c r="RMJ52" s="7">
        <f t="shared" si="487"/>
        <v>16629.407999999999</v>
      </c>
      <c r="RMK52" s="7">
        <f t="shared" si="487"/>
        <v>16629.407999999999</v>
      </c>
      <c r="RML52" s="7">
        <f t="shared" si="487"/>
        <v>16629.407999999999</v>
      </c>
      <c r="RMM52" s="7">
        <f t="shared" si="487"/>
        <v>16629.407999999999</v>
      </c>
      <c r="RMN52" s="7">
        <f t="shared" si="487"/>
        <v>16629.407999999999</v>
      </c>
      <c r="RMO52" s="7">
        <f t="shared" si="487"/>
        <v>16629.407999999999</v>
      </c>
      <c r="RMP52" s="7">
        <f t="shared" si="487"/>
        <v>16629.407999999999</v>
      </c>
      <c r="RMQ52" s="7">
        <f t="shared" si="487"/>
        <v>16629.407999999999</v>
      </c>
      <c r="RMR52" s="7">
        <f t="shared" si="487"/>
        <v>16629.407999999999</v>
      </c>
      <c r="RMS52" s="7">
        <f t="shared" si="487"/>
        <v>16629.407999999999</v>
      </c>
      <c r="RMT52" s="7">
        <f t="shared" si="487"/>
        <v>16629.407999999999</v>
      </c>
      <c r="RMU52" s="7">
        <f t="shared" si="487"/>
        <v>16629.407999999999</v>
      </c>
      <c r="RMV52" s="7">
        <f t="shared" si="487"/>
        <v>16629.407999999999</v>
      </c>
      <c r="RMW52" s="7">
        <f t="shared" si="487"/>
        <v>16629.407999999999</v>
      </c>
      <c r="RMX52" s="7">
        <f t="shared" si="487"/>
        <v>16629.407999999999</v>
      </c>
      <c r="RMY52" s="7">
        <f t="shared" si="487"/>
        <v>16629.407999999999</v>
      </c>
      <c r="RMZ52" s="7">
        <f t="shared" si="487"/>
        <v>16629.407999999999</v>
      </c>
      <c r="RNA52" s="7">
        <f t="shared" si="487"/>
        <v>16629.407999999999</v>
      </c>
      <c r="RNB52" s="7">
        <f t="shared" si="487"/>
        <v>16629.407999999999</v>
      </c>
      <c r="RNC52" s="7">
        <f t="shared" si="487"/>
        <v>16629.407999999999</v>
      </c>
      <c r="RND52" s="7">
        <f t="shared" si="487"/>
        <v>16629.407999999999</v>
      </c>
      <c r="RNE52" s="7">
        <f t="shared" si="487"/>
        <v>16629.407999999999</v>
      </c>
      <c r="RNF52" s="7">
        <f t="shared" si="487"/>
        <v>16629.407999999999</v>
      </c>
      <c r="RNG52" s="7">
        <f t="shared" si="487"/>
        <v>16629.407999999999</v>
      </c>
      <c r="RNH52" s="7">
        <f t="shared" si="487"/>
        <v>16629.407999999999</v>
      </c>
      <c r="RNI52" s="7">
        <f t="shared" si="487"/>
        <v>16629.407999999999</v>
      </c>
      <c r="RNJ52" s="7">
        <f t="shared" si="487"/>
        <v>16629.407999999999</v>
      </c>
      <c r="RNK52" s="7">
        <f t="shared" si="487"/>
        <v>16629.407999999999</v>
      </c>
      <c r="RNL52" s="7">
        <f t="shared" si="487"/>
        <v>16629.407999999999</v>
      </c>
      <c r="RNM52" s="7">
        <f t="shared" si="487"/>
        <v>16629.407999999999</v>
      </c>
      <c r="RNN52" s="7">
        <f t="shared" si="487"/>
        <v>16629.407999999999</v>
      </c>
      <c r="RNO52" s="7">
        <f t="shared" si="487"/>
        <v>16629.407999999999</v>
      </c>
      <c r="RNP52" s="7">
        <f t="shared" si="487"/>
        <v>16629.407999999999</v>
      </c>
      <c r="RNQ52" s="7">
        <f t="shared" si="487"/>
        <v>16629.407999999999</v>
      </c>
      <c r="RNR52" s="7">
        <f t="shared" si="487"/>
        <v>16629.407999999999</v>
      </c>
      <c r="RNS52" s="7">
        <f t="shared" si="487"/>
        <v>16629.407999999999</v>
      </c>
      <c r="RNT52" s="7">
        <f t="shared" si="487"/>
        <v>16629.407999999999</v>
      </c>
      <c r="RNU52" s="7">
        <f t="shared" si="487"/>
        <v>16629.407999999999</v>
      </c>
      <c r="RNV52" s="7">
        <f t="shared" ref="RNV52:RQG52" si="488">RNV47+RNU52</f>
        <v>16629.407999999999</v>
      </c>
      <c r="RNW52" s="7">
        <f t="shared" si="488"/>
        <v>16629.407999999999</v>
      </c>
      <c r="RNX52" s="7">
        <f t="shared" si="488"/>
        <v>16629.407999999999</v>
      </c>
      <c r="RNY52" s="7">
        <f t="shared" si="488"/>
        <v>16629.407999999999</v>
      </c>
      <c r="RNZ52" s="7">
        <f t="shared" si="488"/>
        <v>16629.407999999999</v>
      </c>
      <c r="ROA52" s="7">
        <f t="shared" si="488"/>
        <v>16629.407999999999</v>
      </c>
      <c r="ROB52" s="7">
        <f t="shared" si="488"/>
        <v>16629.407999999999</v>
      </c>
      <c r="ROC52" s="7">
        <f t="shared" si="488"/>
        <v>16629.407999999999</v>
      </c>
      <c r="ROD52" s="7">
        <f t="shared" si="488"/>
        <v>16629.407999999999</v>
      </c>
      <c r="ROE52" s="7">
        <f t="shared" si="488"/>
        <v>16629.407999999999</v>
      </c>
      <c r="ROF52" s="7">
        <f t="shared" si="488"/>
        <v>16629.407999999999</v>
      </c>
      <c r="ROG52" s="7">
        <f t="shared" si="488"/>
        <v>16629.407999999999</v>
      </c>
      <c r="ROH52" s="7">
        <f t="shared" si="488"/>
        <v>16629.407999999999</v>
      </c>
      <c r="ROI52" s="7">
        <f t="shared" si="488"/>
        <v>16629.407999999999</v>
      </c>
      <c r="ROJ52" s="7">
        <f t="shared" si="488"/>
        <v>16629.407999999999</v>
      </c>
      <c r="ROK52" s="7">
        <f t="shared" si="488"/>
        <v>16629.407999999999</v>
      </c>
      <c r="ROL52" s="7">
        <f t="shared" si="488"/>
        <v>16629.407999999999</v>
      </c>
      <c r="ROM52" s="7">
        <f t="shared" si="488"/>
        <v>16629.407999999999</v>
      </c>
      <c r="RON52" s="7">
        <f t="shared" si="488"/>
        <v>16629.407999999999</v>
      </c>
      <c r="ROO52" s="7">
        <f t="shared" si="488"/>
        <v>16629.407999999999</v>
      </c>
      <c r="ROP52" s="7">
        <f t="shared" si="488"/>
        <v>16629.407999999999</v>
      </c>
      <c r="ROQ52" s="7">
        <f t="shared" si="488"/>
        <v>16629.407999999999</v>
      </c>
      <c r="ROR52" s="7">
        <f t="shared" si="488"/>
        <v>16629.407999999999</v>
      </c>
      <c r="ROS52" s="7">
        <f t="shared" si="488"/>
        <v>16629.407999999999</v>
      </c>
      <c r="ROT52" s="7">
        <f t="shared" si="488"/>
        <v>16629.407999999999</v>
      </c>
      <c r="ROU52" s="7">
        <f t="shared" si="488"/>
        <v>16629.407999999999</v>
      </c>
      <c r="ROV52" s="7">
        <f t="shared" si="488"/>
        <v>16629.407999999999</v>
      </c>
      <c r="ROW52" s="7">
        <f t="shared" si="488"/>
        <v>16629.407999999999</v>
      </c>
      <c r="ROX52" s="7">
        <f t="shared" si="488"/>
        <v>16629.407999999999</v>
      </c>
      <c r="ROY52" s="7">
        <f t="shared" si="488"/>
        <v>16629.407999999999</v>
      </c>
      <c r="ROZ52" s="7">
        <f t="shared" si="488"/>
        <v>16629.407999999999</v>
      </c>
      <c r="RPA52" s="7">
        <f t="shared" si="488"/>
        <v>16629.407999999999</v>
      </c>
      <c r="RPB52" s="7">
        <f t="shared" si="488"/>
        <v>16629.407999999999</v>
      </c>
      <c r="RPC52" s="7">
        <f t="shared" si="488"/>
        <v>16629.407999999999</v>
      </c>
      <c r="RPD52" s="7">
        <f t="shared" si="488"/>
        <v>16629.407999999999</v>
      </c>
      <c r="RPE52" s="7">
        <f t="shared" si="488"/>
        <v>16629.407999999999</v>
      </c>
      <c r="RPF52" s="7">
        <f t="shared" si="488"/>
        <v>16629.407999999999</v>
      </c>
      <c r="RPG52" s="7">
        <f t="shared" si="488"/>
        <v>16629.407999999999</v>
      </c>
      <c r="RPH52" s="7">
        <f t="shared" si="488"/>
        <v>16629.407999999999</v>
      </c>
      <c r="RPI52" s="7">
        <f t="shared" si="488"/>
        <v>16629.407999999999</v>
      </c>
      <c r="RPJ52" s="7">
        <f t="shared" si="488"/>
        <v>16629.407999999999</v>
      </c>
      <c r="RPK52" s="7">
        <f t="shared" si="488"/>
        <v>16629.407999999999</v>
      </c>
      <c r="RPL52" s="7">
        <f t="shared" si="488"/>
        <v>16629.407999999999</v>
      </c>
      <c r="RPM52" s="7">
        <f t="shared" si="488"/>
        <v>16629.407999999999</v>
      </c>
      <c r="RPN52" s="7">
        <f t="shared" si="488"/>
        <v>16629.407999999999</v>
      </c>
      <c r="RPO52" s="7">
        <f t="shared" si="488"/>
        <v>16629.407999999999</v>
      </c>
      <c r="RPP52" s="7">
        <f t="shared" si="488"/>
        <v>16629.407999999999</v>
      </c>
      <c r="RPQ52" s="7">
        <f t="shared" si="488"/>
        <v>16629.407999999999</v>
      </c>
      <c r="RPR52" s="7">
        <f t="shared" si="488"/>
        <v>16629.407999999999</v>
      </c>
      <c r="RPS52" s="7">
        <f t="shared" si="488"/>
        <v>16629.407999999999</v>
      </c>
      <c r="RPT52" s="7">
        <f t="shared" si="488"/>
        <v>16629.407999999999</v>
      </c>
      <c r="RPU52" s="7">
        <f t="shared" si="488"/>
        <v>16629.407999999999</v>
      </c>
      <c r="RPV52" s="7">
        <f t="shared" si="488"/>
        <v>16629.407999999999</v>
      </c>
      <c r="RPW52" s="7">
        <f t="shared" si="488"/>
        <v>16629.407999999999</v>
      </c>
      <c r="RPX52" s="7">
        <f t="shared" si="488"/>
        <v>16629.407999999999</v>
      </c>
      <c r="RPY52" s="7">
        <f t="shared" si="488"/>
        <v>16629.407999999999</v>
      </c>
      <c r="RPZ52" s="7">
        <f t="shared" si="488"/>
        <v>16629.407999999999</v>
      </c>
      <c r="RQA52" s="7">
        <f t="shared" si="488"/>
        <v>16629.407999999999</v>
      </c>
      <c r="RQB52" s="7">
        <f t="shared" si="488"/>
        <v>16629.407999999999</v>
      </c>
      <c r="RQC52" s="7">
        <f t="shared" si="488"/>
        <v>16629.407999999999</v>
      </c>
      <c r="RQD52" s="7">
        <f t="shared" si="488"/>
        <v>16629.407999999999</v>
      </c>
      <c r="RQE52" s="7">
        <f t="shared" si="488"/>
        <v>16629.407999999999</v>
      </c>
      <c r="RQF52" s="7">
        <f t="shared" si="488"/>
        <v>16629.407999999999</v>
      </c>
      <c r="RQG52" s="7">
        <f t="shared" si="488"/>
        <v>16629.407999999999</v>
      </c>
      <c r="RQH52" s="7">
        <f t="shared" ref="RQH52:RSS52" si="489">RQH47+RQG52</f>
        <v>16629.407999999999</v>
      </c>
      <c r="RQI52" s="7">
        <f t="shared" si="489"/>
        <v>16629.407999999999</v>
      </c>
      <c r="RQJ52" s="7">
        <f t="shared" si="489"/>
        <v>16629.407999999999</v>
      </c>
      <c r="RQK52" s="7">
        <f t="shared" si="489"/>
        <v>16629.407999999999</v>
      </c>
      <c r="RQL52" s="7">
        <f t="shared" si="489"/>
        <v>16629.407999999999</v>
      </c>
      <c r="RQM52" s="7">
        <f t="shared" si="489"/>
        <v>16629.407999999999</v>
      </c>
      <c r="RQN52" s="7">
        <f t="shared" si="489"/>
        <v>16629.407999999999</v>
      </c>
      <c r="RQO52" s="7">
        <f t="shared" si="489"/>
        <v>16629.407999999999</v>
      </c>
      <c r="RQP52" s="7">
        <f t="shared" si="489"/>
        <v>16629.407999999999</v>
      </c>
      <c r="RQQ52" s="7">
        <f t="shared" si="489"/>
        <v>16629.407999999999</v>
      </c>
      <c r="RQR52" s="7">
        <f t="shared" si="489"/>
        <v>16629.407999999999</v>
      </c>
      <c r="RQS52" s="7">
        <f t="shared" si="489"/>
        <v>16629.407999999999</v>
      </c>
      <c r="RQT52" s="7">
        <f t="shared" si="489"/>
        <v>16629.407999999999</v>
      </c>
      <c r="RQU52" s="7">
        <f t="shared" si="489"/>
        <v>16629.407999999999</v>
      </c>
      <c r="RQV52" s="7">
        <f t="shared" si="489"/>
        <v>16629.407999999999</v>
      </c>
      <c r="RQW52" s="7">
        <f t="shared" si="489"/>
        <v>16629.407999999999</v>
      </c>
      <c r="RQX52" s="7">
        <f t="shared" si="489"/>
        <v>16629.407999999999</v>
      </c>
      <c r="RQY52" s="7">
        <f t="shared" si="489"/>
        <v>16629.407999999999</v>
      </c>
      <c r="RQZ52" s="7">
        <f t="shared" si="489"/>
        <v>16629.407999999999</v>
      </c>
      <c r="RRA52" s="7">
        <f t="shared" si="489"/>
        <v>16629.407999999999</v>
      </c>
      <c r="RRB52" s="7">
        <f t="shared" si="489"/>
        <v>16629.407999999999</v>
      </c>
      <c r="RRC52" s="7">
        <f t="shared" si="489"/>
        <v>16629.407999999999</v>
      </c>
      <c r="RRD52" s="7">
        <f t="shared" si="489"/>
        <v>16629.407999999999</v>
      </c>
      <c r="RRE52" s="7">
        <f t="shared" si="489"/>
        <v>16629.407999999999</v>
      </c>
      <c r="RRF52" s="7">
        <f t="shared" si="489"/>
        <v>16629.407999999999</v>
      </c>
      <c r="RRG52" s="7">
        <f t="shared" si="489"/>
        <v>16629.407999999999</v>
      </c>
      <c r="RRH52" s="7">
        <f t="shared" si="489"/>
        <v>16629.407999999999</v>
      </c>
      <c r="RRI52" s="7">
        <f t="shared" si="489"/>
        <v>16629.407999999999</v>
      </c>
      <c r="RRJ52" s="7">
        <f t="shared" si="489"/>
        <v>16629.407999999999</v>
      </c>
      <c r="RRK52" s="7">
        <f t="shared" si="489"/>
        <v>16629.407999999999</v>
      </c>
      <c r="RRL52" s="7">
        <f t="shared" si="489"/>
        <v>16629.407999999999</v>
      </c>
      <c r="RRM52" s="7">
        <f t="shared" si="489"/>
        <v>16629.407999999999</v>
      </c>
      <c r="RRN52" s="7">
        <f t="shared" si="489"/>
        <v>16629.407999999999</v>
      </c>
      <c r="RRO52" s="7">
        <f t="shared" si="489"/>
        <v>16629.407999999999</v>
      </c>
      <c r="RRP52" s="7">
        <f t="shared" si="489"/>
        <v>16629.407999999999</v>
      </c>
      <c r="RRQ52" s="7">
        <f t="shared" si="489"/>
        <v>16629.407999999999</v>
      </c>
      <c r="RRR52" s="7">
        <f t="shared" si="489"/>
        <v>16629.407999999999</v>
      </c>
      <c r="RRS52" s="7">
        <f t="shared" si="489"/>
        <v>16629.407999999999</v>
      </c>
      <c r="RRT52" s="7">
        <f t="shared" si="489"/>
        <v>16629.407999999999</v>
      </c>
      <c r="RRU52" s="7">
        <f t="shared" si="489"/>
        <v>16629.407999999999</v>
      </c>
      <c r="RRV52" s="7">
        <f t="shared" si="489"/>
        <v>16629.407999999999</v>
      </c>
      <c r="RRW52" s="7">
        <f t="shared" si="489"/>
        <v>16629.407999999999</v>
      </c>
      <c r="RRX52" s="7">
        <f t="shared" si="489"/>
        <v>16629.407999999999</v>
      </c>
      <c r="RRY52" s="7">
        <f t="shared" si="489"/>
        <v>16629.407999999999</v>
      </c>
      <c r="RRZ52" s="7">
        <f t="shared" si="489"/>
        <v>16629.407999999999</v>
      </c>
      <c r="RSA52" s="7">
        <f t="shared" si="489"/>
        <v>16629.407999999999</v>
      </c>
      <c r="RSB52" s="7">
        <f t="shared" si="489"/>
        <v>16629.407999999999</v>
      </c>
      <c r="RSC52" s="7">
        <f t="shared" si="489"/>
        <v>16629.407999999999</v>
      </c>
      <c r="RSD52" s="7">
        <f t="shared" si="489"/>
        <v>16629.407999999999</v>
      </c>
      <c r="RSE52" s="7">
        <f t="shared" si="489"/>
        <v>16629.407999999999</v>
      </c>
      <c r="RSF52" s="7">
        <f t="shared" si="489"/>
        <v>16629.407999999999</v>
      </c>
      <c r="RSG52" s="7">
        <f t="shared" si="489"/>
        <v>16629.407999999999</v>
      </c>
      <c r="RSH52" s="7">
        <f t="shared" si="489"/>
        <v>16629.407999999999</v>
      </c>
      <c r="RSI52" s="7">
        <f t="shared" si="489"/>
        <v>16629.407999999999</v>
      </c>
      <c r="RSJ52" s="7">
        <f t="shared" si="489"/>
        <v>16629.407999999999</v>
      </c>
      <c r="RSK52" s="7">
        <f t="shared" si="489"/>
        <v>16629.407999999999</v>
      </c>
      <c r="RSL52" s="7">
        <f t="shared" si="489"/>
        <v>16629.407999999999</v>
      </c>
      <c r="RSM52" s="7">
        <f t="shared" si="489"/>
        <v>16629.407999999999</v>
      </c>
      <c r="RSN52" s="7">
        <f t="shared" si="489"/>
        <v>16629.407999999999</v>
      </c>
      <c r="RSO52" s="7">
        <f t="shared" si="489"/>
        <v>16629.407999999999</v>
      </c>
      <c r="RSP52" s="7">
        <f t="shared" si="489"/>
        <v>16629.407999999999</v>
      </c>
      <c r="RSQ52" s="7">
        <f t="shared" si="489"/>
        <v>16629.407999999999</v>
      </c>
      <c r="RSR52" s="7">
        <f t="shared" si="489"/>
        <v>16629.407999999999</v>
      </c>
      <c r="RSS52" s="7">
        <f t="shared" si="489"/>
        <v>16629.407999999999</v>
      </c>
      <c r="RST52" s="7">
        <f t="shared" ref="RST52:RVE52" si="490">RST47+RSS52</f>
        <v>16629.407999999999</v>
      </c>
      <c r="RSU52" s="7">
        <f t="shared" si="490"/>
        <v>16629.407999999999</v>
      </c>
      <c r="RSV52" s="7">
        <f t="shared" si="490"/>
        <v>16629.407999999999</v>
      </c>
      <c r="RSW52" s="7">
        <f t="shared" si="490"/>
        <v>16629.407999999999</v>
      </c>
      <c r="RSX52" s="7">
        <f t="shared" si="490"/>
        <v>16629.407999999999</v>
      </c>
      <c r="RSY52" s="7">
        <f t="shared" si="490"/>
        <v>16629.407999999999</v>
      </c>
      <c r="RSZ52" s="7">
        <f t="shared" si="490"/>
        <v>16629.407999999999</v>
      </c>
      <c r="RTA52" s="7">
        <f t="shared" si="490"/>
        <v>16629.407999999999</v>
      </c>
      <c r="RTB52" s="7">
        <f t="shared" si="490"/>
        <v>16629.407999999999</v>
      </c>
      <c r="RTC52" s="7">
        <f t="shared" si="490"/>
        <v>16629.407999999999</v>
      </c>
      <c r="RTD52" s="7">
        <f t="shared" si="490"/>
        <v>16629.407999999999</v>
      </c>
      <c r="RTE52" s="7">
        <f t="shared" si="490"/>
        <v>16629.407999999999</v>
      </c>
      <c r="RTF52" s="7">
        <f t="shared" si="490"/>
        <v>16629.407999999999</v>
      </c>
      <c r="RTG52" s="7">
        <f t="shared" si="490"/>
        <v>16629.407999999999</v>
      </c>
      <c r="RTH52" s="7">
        <f t="shared" si="490"/>
        <v>16629.407999999999</v>
      </c>
      <c r="RTI52" s="7">
        <f t="shared" si="490"/>
        <v>16629.407999999999</v>
      </c>
      <c r="RTJ52" s="7">
        <f t="shared" si="490"/>
        <v>16629.407999999999</v>
      </c>
      <c r="RTK52" s="7">
        <f t="shared" si="490"/>
        <v>16629.407999999999</v>
      </c>
      <c r="RTL52" s="7">
        <f t="shared" si="490"/>
        <v>16629.407999999999</v>
      </c>
      <c r="RTM52" s="7">
        <f t="shared" si="490"/>
        <v>16629.407999999999</v>
      </c>
      <c r="RTN52" s="7">
        <f t="shared" si="490"/>
        <v>16629.407999999999</v>
      </c>
      <c r="RTO52" s="7">
        <f t="shared" si="490"/>
        <v>16629.407999999999</v>
      </c>
      <c r="RTP52" s="7">
        <f t="shared" si="490"/>
        <v>16629.407999999999</v>
      </c>
      <c r="RTQ52" s="7">
        <f t="shared" si="490"/>
        <v>16629.407999999999</v>
      </c>
      <c r="RTR52" s="7">
        <f t="shared" si="490"/>
        <v>16629.407999999999</v>
      </c>
      <c r="RTS52" s="7">
        <f t="shared" si="490"/>
        <v>16629.407999999999</v>
      </c>
      <c r="RTT52" s="7">
        <f t="shared" si="490"/>
        <v>16629.407999999999</v>
      </c>
      <c r="RTU52" s="7">
        <f t="shared" si="490"/>
        <v>16629.407999999999</v>
      </c>
      <c r="RTV52" s="7">
        <f t="shared" si="490"/>
        <v>16629.407999999999</v>
      </c>
      <c r="RTW52" s="7">
        <f t="shared" si="490"/>
        <v>16629.407999999999</v>
      </c>
      <c r="RTX52" s="7">
        <f t="shared" si="490"/>
        <v>16629.407999999999</v>
      </c>
      <c r="RTY52" s="7">
        <f t="shared" si="490"/>
        <v>16629.407999999999</v>
      </c>
      <c r="RTZ52" s="7">
        <f t="shared" si="490"/>
        <v>16629.407999999999</v>
      </c>
      <c r="RUA52" s="7">
        <f t="shared" si="490"/>
        <v>16629.407999999999</v>
      </c>
      <c r="RUB52" s="7">
        <f t="shared" si="490"/>
        <v>16629.407999999999</v>
      </c>
      <c r="RUC52" s="7">
        <f t="shared" si="490"/>
        <v>16629.407999999999</v>
      </c>
      <c r="RUD52" s="7">
        <f t="shared" si="490"/>
        <v>16629.407999999999</v>
      </c>
      <c r="RUE52" s="7">
        <f t="shared" si="490"/>
        <v>16629.407999999999</v>
      </c>
      <c r="RUF52" s="7">
        <f t="shared" si="490"/>
        <v>16629.407999999999</v>
      </c>
      <c r="RUG52" s="7">
        <f t="shared" si="490"/>
        <v>16629.407999999999</v>
      </c>
      <c r="RUH52" s="7">
        <f t="shared" si="490"/>
        <v>16629.407999999999</v>
      </c>
      <c r="RUI52" s="7">
        <f t="shared" si="490"/>
        <v>16629.407999999999</v>
      </c>
      <c r="RUJ52" s="7">
        <f t="shared" si="490"/>
        <v>16629.407999999999</v>
      </c>
      <c r="RUK52" s="7">
        <f t="shared" si="490"/>
        <v>16629.407999999999</v>
      </c>
      <c r="RUL52" s="7">
        <f t="shared" si="490"/>
        <v>16629.407999999999</v>
      </c>
      <c r="RUM52" s="7">
        <f t="shared" si="490"/>
        <v>16629.407999999999</v>
      </c>
      <c r="RUN52" s="7">
        <f t="shared" si="490"/>
        <v>16629.407999999999</v>
      </c>
      <c r="RUO52" s="7">
        <f t="shared" si="490"/>
        <v>16629.407999999999</v>
      </c>
      <c r="RUP52" s="7">
        <f t="shared" si="490"/>
        <v>16629.407999999999</v>
      </c>
      <c r="RUQ52" s="7">
        <f t="shared" si="490"/>
        <v>16629.407999999999</v>
      </c>
      <c r="RUR52" s="7">
        <f t="shared" si="490"/>
        <v>16629.407999999999</v>
      </c>
      <c r="RUS52" s="7">
        <f t="shared" si="490"/>
        <v>16629.407999999999</v>
      </c>
      <c r="RUT52" s="7">
        <f t="shared" si="490"/>
        <v>16629.407999999999</v>
      </c>
      <c r="RUU52" s="7">
        <f t="shared" si="490"/>
        <v>16629.407999999999</v>
      </c>
      <c r="RUV52" s="7">
        <f t="shared" si="490"/>
        <v>16629.407999999999</v>
      </c>
      <c r="RUW52" s="7">
        <f t="shared" si="490"/>
        <v>16629.407999999999</v>
      </c>
      <c r="RUX52" s="7">
        <f t="shared" si="490"/>
        <v>16629.407999999999</v>
      </c>
      <c r="RUY52" s="7">
        <f t="shared" si="490"/>
        <v>16629.407999999999</v>
      </c>
      <c r="RUZ52" s="7">
        <f t="shared" si="490"/>
        <v>16629.407999999999</v>
      </c>
      <c r="RVA52" s="7">
        <f t="shared" si="490"/>
        <v>16629.407999999999</v>
      </c>
      <c r="RVB52" s="7">
        <f t="shared" si="490"/>
        <v>16629.407999999999</v>
      </c>
      <c r="RVC52" s="7">
        <f t="shared" si="490"/>
        <v>16629.407999999999</v>
      </c>
      <c r="RVD52" s="7">
        <f t="shared" si="490"/>
        <v>16629.407999999999</v>
      </c>
      <c r="RVE52" s="7">
        <f t="shared" si="490"/>
        <v>16629.407999999999</v>
      </c>
      <c r="RVF52" s="7">
        <f t="shared" ref="RVF52:RXQ52" si="491">RVF47+RVE52</f>
        <v>16629.407999999999</v>
      </c>
      <c r="RVG52" s="7">
        <f t="shared" si="491"/>
        <v>16629.407999999999</v>
      </c>
      <c r="RVH52" s="7">
        <f t="shared" si="491"/>
        <v>16629.407999999999</v>
      </c>
      <c r="RVI52" s="7">
        <f t="shared" si="491"/>
        <v>16629.407999999999</v>
      </c>
      <c r="RVJ52" s="7">
        <f t="shared" si="491"/>
        <v>16629.407999999999</v>
      </c>
      <c r="RVK52" s="7">
        <f t="shared" si="491"/>
        <v>16629.407999999999</v>
      </c>
      <c r="RVL52" s="7">
        <f t="shared" si="491"/>
        <v>16629.407999999999</v>
      </c>
      <c r="RVM52" s="7">
        <f t="shared" si="491"/>
        <v>16629.407999999999</v>
      </c>
      <c r="RVN52" s="7">
        <f t="shared" si="491"/>
        <v>16629.407999999999</v>
      </c>
      <c r="RVO52" s="7">
        <f t="shared" si="491"/>
        <v>16629.407999999999</v>
      </c>
      <c r="RVP52" s="7">
        <f t="shared" si="491"/>
        <v>16629.407999999999</v>
      </c>
      <c r="RVQ52" s="7">
        <f t="shared" si="491"/>
        <v>16629.407999999999</v>
      </c>
      <c r="RVR52" s="7">
        <f t="shared" si="491"/>
        <v>16629.407999999999</v>
      </c>
      <c r="RVS52" s="7">
        <f t="shared" si="491"/>
        <v>16629.407999999999</v>
      </c>
      <c r="RVT52" s="7">
        <f t="shared" si="491"/>
        <v>16629.407999999999</v>
      </c>
      <c r="RVU52" s="7">
        <f t="shared" si="491"/>
        <v>16629.407999999999</v>
      </c>
      <c r="RVV52" s="7">
        <f t="shared" si="491"/>
        <v>16629.407999999999</v>
      </c>
      <c r="RVW52" s="7">
        <f t="shared" si="491"/>
        <v>16629.407999999999</v>
      </c>
      <c r="RVX52" s="7">
        <f t="shared" si="491"/>
        <v>16629.407999999999</v>
      </c>
      <c r="RVY52" s="7">
        <f t="shared" si="491"/>
        <v>16629.407999999999</v>
      </c>
      <c r="RVZ52" s="7">
        <f t="shared" si="491"/>
        <v>16629.407999999999</v>
      </c>
      <c r="RWA52" s="7">
        <f t="shared" si="491"/>
        <v>16629.407999999999</v>
      </c>
      <c r="RWB52" s="7">
        <f t="shared" si="491"/>
        <v>16629.407999999999</v>
      </c>
      <c r="RWC52" s="7">
        <f t="shared" si="491"/>
        <v>16629.407999999999</v>
      </c>
      <c r="RWD52" s="7">
        <f t="shared" si="491"/>
        <v>16629.407999999999</v>
      </c>
      <c r="RWE52" s="7">
        <f t="shared" si="491"/>
        <v>16629.407999999999</v>
      </c>
      <c r="RWF52" s="7">
        <f t="shared" si="491"/>
        <v>16629.407999999999</v>
      </c>
      <c r="RWG52" s="7">
        <f t="shared" si="491"/>
        <v>16629.407999999999</v>
      </c>
      <c r="RWH52" s="7">
        <f t="shared" si="491"/>
        <v>16629.407999999999</v>
      </c>
      <c r="RWI52" s="7">
        <f t="shared" si="491"/>
        <v>16629.407999999999</v>
      </c>
      <c r="RWJ52" s="7">
        <f t="shared" si="491"/>
        <v>16629.407999999999</v>
      </c>
      <c r="RWK52" s="7">
        <f t="shared" si="491"/>
        <v>16629.407999999999</v>
      </c>
      <c r="RWL52" s="7">
        <f t="shared" si="491"/>
        <v>16629.407999999999</v>
      </c>
      <c r="RWM52" s="7">
        <f t="shared" si="491"/>
        <v>16629.407999999999</v>
      </c>
      <c r="RWN52" s="7">
        <f t="shared" si="491"/>
        <v>16629.407999999999</v>
      </c>
      <c r="RWO52" s="7">
        <f t="shared" si="491"/>
        <v>16629.407999999999</v>
      </c>
      <c r="RWP52" s="7">
        <f t="shared" si="491"/>
        <v>16629.407999999999</v>
      </c>
      <c r="RWQ52" s="7">
        <f t="shared" si="491"/>
        <v>16629.407999999999</v>
      </c>
      <c r="RWR52" s="7">
        <f t="shared" si="491"/>
        <v>16629.407999999999</v>
      </c>
      <c r="RWS52" s="7">
        <f t="shared" si="491"/>
        <v>16629.407999999999</v>
      </c>
      <c r="RWT52" s="7">
        <f t="shared" si="491"/>
        <v>16629.407999999999</v>
      </c>
      <c r="RWU52" s="7">
        <f t="shared" si="491"/>
        <v>16629.407999999999</v>
      </c>
      <c r="RWV52" s="7">
        <f t="shared" si="491"/>
        <v>16629.407999999999</v>
      </c>
      <c r="RWW52" s="7">
        <f t="shared" si="491"/>
        <v>16629.407999999999</v>
      </c>
      <c r="RWX52" s="7">
        <f t="shared" si="491"/>
        <v>16629.407999999999</v>
      </c>
      <c r="RWY52" s="7">
        <f t="shared" si="491"/>
        <v>16629.407999999999</v>
      </c>
      <c r="RWZ52" s="7">
        <f t="shared" si="491"/>
        <v>16629.407999999999</v>
      </c>
      <c r="RXA52" s="7">
        <f t="shared" si="491"/>
        <v>16629.407999999999</v>
      </c>
      <c r="RXB52" s="7">
        <f t="shared" si="491"/>
        <v>16629.407999999999</v>
      </c>
      <c r="RXC52" s="7">
        <f t="shared" si="491"/>
        <v>16629.407999999999</v>
      </c>
      <c r="RXD52" s="7">
        <f t="shared" si="491"/>
        <v>16629.407999999999</v>
      </c>
      <c r="RXE52" s="7">
        <f t="shared" si="491"/>
        <v>16629.407999999999</v>
      </c>
      <c r="RXF52" s="7">
        <f t="shared" si="491"/>
        <v>16629.407999999999</v>
      </c>
      <c r="RXG52" s="7">
        <f t="shared" si="491"/>
        <v>16629.407999999999</v>
      </c>
      <c r="RXH52" s="7">
        <f t="shared" si="491"/>
        <v>16629.407999999999</v>
      </c>
      <c r="RXI52" s="7">
        <f t="shared" si="491"/>
        <v>16629.407999999999</v>
      </c>
      <c r="RXJ52" s="7">
        <f t="shared" si="491"/>
        <v>16629.407999999999</v>
      </c>
      <c r="RXK52" s="7">
        <f t="shared" si="491"/>
        <v>16629.407999999999</v>
      </c>
      <c r="RXL52" s="7">
        <f t="shared" si="491"/>
        <v>16629.407999999999</v>
      </c>
      <c r="RXM52" s="7">
        <f t="shared" si="491"/>
        <v>16629.407999999999</v>
      </c>
      <c r="RXN52" s="7">
        <f t="shared" si="491"/>
        <v>16629.407999999999</v>
      </c>
      <c r="RXO52" s="7">
        <f t="shared" si="491"/>
        <v>16629.407999999999</v>
      </c>
      <c r="RXP52" s="7">
        <f t="shared" si="491"/>
        <v>16629.407999999999</v>
      </c>
      <c r="RXQ52" s="7">
        <f t="shared" si="491"/>
        <v>16629.407999999999</v>
      </c>
      <c r="RXR52" s="7">
        <f t="shared" ref="RXR52:SAC52" si="492">RXR47+RXQ52</f>
        <v>16629.407999999999</v>
      </c>
      <c r="RXS52" s="7">
        <f t="shared" si="492"/>
        <v>16629.407999999999</v>
      </c>
      <c r="RXT52" s="7">
        <f t="shared" si="492"/>
        <v>16629.407999999999</v>
      </c>
      <c r="RXU52" s="7">
        <f t="shared" si="492"/>
        <v>16629.407999999999</v>
      </c>
      <c r="RXV52" s="7">
        <f t="shared" si="492"/>
        <v>16629.407999999999</v>
      </c>
      <c r="RXW52" s="7">
        <f t="shared" si="492"/>
        <v>16629.407999999999</v>
      </c>
      <c r="RXX52" s="7">
        <f t="shared" si="492"/>
        <v>16629.407999999999</v>
      </c>
      <c r="RXY52" s="7">
        <f t="shared" si="492"/>
        <v>16629.407999999999</v>
      </c>
      <c r="RXZ52" s="7">
        <f t="shared" si="492"/>
        <v>16629.407999999999</v>
      </c>
      <c r="RYA52" s="7">
        <f t="shared" si="492"/>
        <v>16629.407999999999</v>
      </c>
      <c r="RYB52" s="7">
        <f t="shared" si="492"/>
        <v>16629.407999999999</v>
      </c>
      <c r="RYC52" s="7">
        <f t="shared" si="492"/>
        <v>16629.407999999999</v>
      </c>
      <c r="RYD52" s="7">
        <f t="shared" si="492"/>
        <v>16629.407999999999</v>
      </c>
      <c r="RYE52" s="7">
        <f t="shared" si="492"/>
        <v>16629.407999999999</v>
      </c>
      <c r="RYF52" s="7">
        <f t="shared" si="492"/>
        <v>16629.407999999999</v>
      </c>
      <c r="RYG52" s="7">
        <f t="shared" si="492"/>
        <v>16629.407999999999</v>
      </c>
      <c r="RYH52" s="7">
        <f t="shared" si="492"/>
        <v>16629.407999999999</v>
      </c>
      <c r="RYI52" s="7">
        <f t="shared" si="492"/>
        <v>16629.407999999999</v>
      </c>
      <c r="RYJ52" s="7">
        <f t="shared" si="492"/>
        <v>16629.407999999999</v>
      </c>
      <c r="RYK52" s="7">
        <f t="shared" si="492"/>
        <v>16629.407999999999</v>
      </c>
      <c r="RYL52" s="7">
        <f t="shared" si="492"/>
        <v>16629.407999999999</v>
      </c>
      <c r="RYM52" s="7">
        <f t="shared" si="492"/>
        <v>16629.407999999999</v>
      </c>
      <c r="RYN52" s="7">
        <f t="shared" si="492"/>
        <v>16629.407999999999</v>
      </c>
      <c r="RYO52" s="7">
        <f t="shared" si="492"/>
        <v>16629.407999999999</v>
      </c>
      <c r="RYP52" s="7">
        <f t="shared" si="492"/>
        <v>16629.407999999999</v>
      </c>
      <c r="RYQ52" s="7">
        <f t="shared" si="492"/>
        <v>16629.407999999999</v>
      </c>
      <c r="RYR52" s="7">
        <f t="shared" si="492"/>
        <v>16629.407999999999</v>
      </c>
      <c r="RYS52" s="7">
        <f t="shared" si="492"/>
        <v>16629.407999999999</v>
      </c>
      <c r="RYT52" s="7">
        <f t="shared" si="492"/>
        <v>16629.407999999999</v>
      </c>
      <c r="RYU52" s="7">
        <f t="shared" si="492"/>
        <v>16629.407999999999</v>
      </c>
      <c r="RYV52" s="7">
        <f t="shared" si="492"/>
        <v>16629.407999999999</v>
      </c>
      <c r="RYW52" s="7">
        <f t="shared" si="492"/>
        <v>16629.407999999999</v>
      </c>
      <c r="RYX52" s="7">
        <f t="shared" si="492"/>
        <v>16629.407999999999</v>
      </c>
      <c r="RYY52" s="7">
        <f t="shared" si="492"/>
        <v>16629.407999999999</v>
      </c>
      <c r="RYZ52" s="7">
        <f t="shared" si="492"/>
        <v>16629.407999999999</v>
      </c>
      <c r="RZA52" s="7">
        <f t="shared" si="492"/>
        <v>16629.407999999999</v>
      </c>
      <c r="RZB52" s="7">
        <f t="shared" si="492"/>
        <v>16629.407999999999</v>
      </c>
      <c r="RZC52" s="7">
        <f t="shared" si="492"/>
        <v>16629.407999999999</v>
      </c>
      <c r="RZD52" s="7">
        <f t="shared" si="492"/>
        <v>16629.407999999999</v>
      </c>
      <c r="RZE52" s="7">
        <f t="shared" si="492"/>
        <v>16629.407999999999</v>
      </c>
      <c r="RZF52" s="7">
        <f t="shared" si="492"/>
        <v>16629.407999999999</v>
      </c>
      <c r="RZG52" s="7">
        <f t="shared" si="492"/>
        <v>16629.407999999999</v>
      </c>
      <c r="RZH52" s="7">
        <f t="shared" si="492"/>
        <v>16629.407999999999</v>
      </c>
      <c r="RZI52" s="7">
        <f t="shared" si="492"/>
        <v>16629.407999999999</v>
      </c>
      <c r="RZJ52" s="7">
        <f t="shared" si="492"/>
        <v>16629.407999999999</v>
      </c>
      <c r="RZK52" s="7">
        <f t="shared" si="492"/>
        <v>16629.407999999999</v>
      </c>
      <c r="RZL52" s="7">
        <f t="shared" si="492"/>
        <v>16629.407999999999</v>
      </c>
      <c r="RZM52" s="7">
        <f t="shared" si="492"/>
        <v>16629.407999999999</v>
      </c>
      <c r="RZN52" s="7">
        <f t="shared" si="492"/>
        <v>16629.407999999999</v>
      </c>
      <c r="RZO52" s="7">
        <f t="shared" si="492"/>
        <v>16629.407999999999</v>
      </c>
      <c r="RZP52" s="7">
        <f t="shared" si="492"/>
        <v>16629.407999999999</v>
      </c>
      <c r="RZQ52" s="7">
        <f t="shared" si="492"/>
        <v>16629.407999999999</v>
      </c>
      <c r="RZR52" s="7">
        <f t="shared" si="492"/>
        <v>16629.407999999999</v>
      </c>
      <c r="RZS52" s="7">
        <f t="shared" si="492"/>
        <v>16629.407999999999</v>
      </c>
      <c r="RZT52" s="7">
        <f t="shared" si="492"/>
        <v>16629.407999999999</v>
      </c>
      <c r="RZU52" s="7">
        <f t="shared" si="492"/>
        <v>16629.407999999999</v>
      </c>
      <c r="RZV52" s="7">
        <f t="shared" si="492"/>
        <v>16629.407999999999</v>
      </c>
      <c r="RZW52" s="7">
        <f t="shared" si="492"/>
        <v>16629.407999999999</v>
      </c>
      <c r="RZX52" s="7">
        <f t="shared" si="492"/>
        <v>16629.407999999999</v>
      </c>
      <c r="RZY52" s="7">
        <f t="shared" si="492"/>
        <v>16629.407999999999</v>
      </c>
      <c r="RZZ52" s="7">
        <f t="shared" si="492"/>
        <v>16629.407999999999</v>
      </c>
      <c r="SAA52" s="7">
        <f t="shared" si="492"/>
        <v>16629.407999999999</v>
      </c>
      <c r="SAB52" s="7">
        <f t="shared" si="492"/>
        <v>16629.407999999999</v>
      </c>
      <c r="SAC52" s="7">
        <f t="shared" si="492"/>
        <v>16629.407999999999</v>
      </c>
      <c r="SAD52" s="7">
        <f t="shared" ref="SAD52:SCO52" si="493">SAD47+SAC52</f>
        <v>16629.407999999999</v>
      </c>
      <c r="SAE52" s="7">
        <f t="shared" si="493"/>
        <v>16629.407999999999</v>
      </c>
      <c r="SAF52" s="7">
        <f t="shared" si="493"/>
        <v>16629.407999999999</v>
      </c>
      <c r="SAG52" s="7">
        <f t="shared" si="493"/>
        <v>16629.407999999999</v>
      </c>
      <c r="SAH52" s="7">
        <f t="shared" si="493"/>
        <v>16629.407999999999</v>
      </c>
      <c r="SAI52" s="7">
        <f t="shared" si="493"/>
        <v>16629.407999999999</v>
      </c>
      <c r="SAJ52" s="7">
        <f t="shared" si="493"/>
        <v>16629.407999999999</v>
      </c>
      <c r="SAK52" s="7">
        <f t="shared" si="493"/>
        <v>16629.407999999999</v>
      </c>
      <c r="SAL52" s="7">
        <f t="shared" si="493"/>
        <v>16629.407999999999</v>
      </c>
      <c r="SAM52" s="7">
        <f t="shared" si="493"/>
        <v>16629.407999999999</v>
      </c>
      <c r="SAN52" s="7">
        <f t="shared" si="493"/>
        <v>16629.407999999999</v>
      </c>
      <c r="SAO52" s="7">
        <f t="shared" si="493"/>
        <v>16629.407999999999</v>
      </c>
      <c r="SAP52" s="7">
        <f t="shared" si="493"/>
        <v>16629.407999999999</v>
      </c>
      <c r="SAQ52" s="7">
        <f t="shared" si="493"/>
        <v>16629.407999999999</v>
      </c>
      <c r="SAR52" s="7">
        <f t="shared" si="493"/>
        <v>16629.407999999999</v>
      </c>
      <c r="SAS52" s="7">
        <f t="shared" si="493"/>
        <v>16629.407999999999</v>
      </c>
      <c r="SAT52" s="7">
        <f t="shared" si="493"/>
        <v>16629.407999999999</v>
      </c>
      <c r="SAU52" s="7">
        <f t="shared" si="493"/>
        <v>16629.407999999999</v>
      </c>
      <c r="SAV52" s="7">
        <f t="shared" si="493"/>
        <v>16629.407999999999</v>
      </c>
      <c r="SAW52" s="7">
        <f t="shared" si="493"/>
        <v>16629.407999999999</v>
      </c>
      <c r="SAX52" s="7">
        <f t="shared" si="493"/>
        <v>16629.407999999999</v>
      </c>
      <c r="SAY52" s="7">
        <f t="shared" si="493"/>
        <v>16629.407999999999</v>
      </c>
      <c r="SAZ52" s="7">
        <f t="shared" si="493"/>
        <v>16629.407999999999</v>
      </c>
      <c r="SBA52" s="7">
        <f t="shared" si="493"/>
        <v>16629.407999999999</v>
      </c>
      <c r="SBB52" s="7">
        <f t="shared" si="493"/>
        <v>16629.407999999999</v>
      </c>
      <c r="SBC52" s="7">
        <f t="shared" si="493"/>
        <v>16629.407999999999</v>
      </c>
      <c r="SBD52" s="7">
        <f t="shared" si="493"/>
        <v>16629.407999999999</v>
      </c>
      <c r="SBE52" s="7">
        <f t="shared" si="493"/>
        <v>16629.407999999999</v>
      </c>
      <c r="SBF52" s="7">
        <f t="shared" si="493"/>
        <v>16629.407999999999</v>
      </c>
      <c r="SBG52" s="7">
        <f t="shared" si="493"/>
        <v>16629.407999999999</v>
      </c>
      <c r="SBH52" s="7">
        <f t="shared" si="493"/>
        <v>16629.407999999999</v>
      </c>
      <c r="SBI52" s="7">
        <f t="shared" si="493"/>
        <v>16629.407999999999</v>
      </c>
      <c r="SBJ52" s="7">
        <f t="shared" si="493"/>
        <v>16629.407999999999</v>
      </c>
      <c r="SBK52" s="7">
        <f t="shared" si="493"/>
        <v>16629.407999999999</v>
      </c>
      <c r="SBL52" s="7">
        <f t="shared" si="493"/>
        <v>16629.407999999999</v>
      </c>
      <c r="SBM52" s="7">
        <f t="shared" si="493"/>
        <v>16629.407999999999</v>
      </c>
      <c r="SBN52" s="7">
        <f t="shared" si="493"/>
        <v>16629.407999999999</v>
      </c>
      <c r="SBO52" s="7">
        <f t="shared" si="493"/>
        <v>16629.407999999999</v>
      </c>
      <c r="SBP52" s="7">
        <f t="shared" si="493"/>
        <v>16629.407999999999</v>
      </c>
      <c r="SBQ52" s="7">
        <f t="shared" si="493"/>
        <v>16629.407999999999</v>
      </c>
      <c r="SBR52" s="7">
        <f t="shared" si="493"/>
        <v>16629.407999999999</v>
      </c>
      <c r="SBS52" s="7">
        <f t="shared" si="493"/>
        <v>16629.407999999999</v>
      </c>
      <c r="SBT52" s="7">
        <f t="shared" si="493"/>
        <v>16629.407999999999</v>
      </c>
      <c r="SBU52" s="7">
        <f t="shared" si="493"/>
        <v>16629.407999999999</v>
      </c>
      <c r="SBV52" s="7">
        <f t="shared" si="493"/>
        <v>16629.407999999999</v>
      </c>
      <c r="SBW52" s="7">
        <f t="shared" si="493"/>
        <v>16629.407999999999</v>
      </c>
      <c r="SBX52" s="7">
        <f t="shared" si="493"/>
        <v>16629.407999999999</v>
      </c>
      <c r="SBY52" s="7">
        <f t="shared" si="493"/>
        <v>16629.407999999999</v>
      </c>
      <c r="SBZ52" s="7">
        <f t="shared" si="493"/>
        <v>16629.407999999999</v>
      </c>
      <c r="SCA52" s="7">
        <f t="shared" si="493"/>
        <v>16629.407999999999</v>
      </c>
      <c r="SCB52" s="7">
        <f t="shared" si="493"/>
        <v>16629.407999999999</v>
      </c>
      <c r="SCC52" s="7">
        <f t="shared" si="493"/>
        <v>16629.407999999999</v>
      </c>
      <c r="SCD52" s="7">
        <f t="shared" si="493"/>
        <v>16629.407999999999</v>
      </c>
      <c r="SCE52" s="7">
        <f t="shared" si="493"/>
        <v>16629.407999999999</v>
      </c>
      <c r="SCF52" s="7">
        <f t="shared" si="493"/>
        <v>16629.407999999999</v>
      </c>
      <c r="SCG52" s="7">
        <f t="shared" si="493"/>
        <v>16629.407999999999</v>
      </c>
      <c r="SCH52" s="7">
        <f t="shared" si="493"/>
        <v>16629.407999999999</v>
      </c>
      <c r="SCI52" s="7">
        <f t="shared" si="493"/>
        <v>16629.407999999999</v>
      </c>
      <c r="SCJ52" s="7">
        <f t="shared" si="493"/>
        <v>16629.407999999999</v>
      </c>
      <c r="SCK52" s="7">
        <f t="shared" si="493"/>
        <v>16629.407999999999</v>
      </c>
      <c r="SCL52" s="7">
        <f t="shared" si="493"/>
        <v>16629.407999999999</v>
      </c>
      <c r="SCM52" s="7">
        <f t="shared" si="493"/>
        <v>16629.407999999999</v>
      </c>
      <c r="SCN52" s="7">
        <f t="shared" si="493"/>
        <v>16629.407999999999</v>
      </c>
      <c r="SCO52" s="7">
        <f t="shared" si="493"/>
        <v>16629.407999999999</v>
      </c>
      <c r="SCP52" s="7">
        <f t="shared" ref="SCP52:SFA52" si="494">SCP47+SCO52</f>
        <v>16629.407999999999</v>
      </c>
      <c r="SCQ52" s="7">
        <f t="shared" si="494"/>
        <v>16629.407999999999</v>
      </c>
      <c r="SCR52" s="7">
        <f t="shared" si="494"/>
        <v>16629.407999999999</v>
      </c>
      <c r="SCS52" s="7">
        <f t="shared" si="494"/>
        <v>16629.407999999999</v>
      </c>
      <c r="SCT52" s="7">
        <f t="shared" si="494"/>
        <v>16629.407999999999</v>
      </c>
      <c r="SCU52" s="7">
        <f t="shared" si="494"/>
        <v>16629.407999999999</v>
      </c>
      <c r="SCV52" s="7">
        <f t="shared" si="494"/>
        <v>16629.407999999999</v>
      </c>
      <c r="SCW52" s="7">
        <f t="shared" si="494"/>
        <v>16629.407999999999</v>
      </c>
      <c r="SCX52" s="7">
        <f t="shared" si="494"/>
        <v>16629.407999999999</v>
      </c>
      <c r="SCY52" s="7">
        <f t="shared" si="494"/>
        <v>16629.407999999999</v>
      </c>
      <c r="SCZ52" s="7">
        <f t="shared" si="494"/>
        <v>16629.407999999999</v>
      </c>
      <c r="SDA52" s="7">
        <f t="shared" si="494"/>
        <v>16629.407999999999</v>
      </c>
      <c r="SDB52" s="7">
        <f t="shared" si="494"/>
        <v>16629.407999999999</v>
      </c>
      <c r="SDC52" s="7">
        <f t="shared" si="494"/>
        <v>16629.407999999999</v>
      </c>
      <c r="SDD52" s="7">
        <f t="shared" si="494"/>
        <v>16629.407999999999</v>
      </c>
      <c r="SDE52" s="7">
        <f t="shared" si="494"/>
        <v>16629.407999999999</v>
      </c>
      <c r="SDF52" s="7">
        <f t="shared" si="494"/>
        <v>16629.407999999999</v>
      </c>
      <c r="SDG52" s="7">
        <f t="shared" si="494"/>
        <v>16629.407999999999</v>
      </c>
      <c r="SDH52" s="7">
        <f t="shared" si="494"/>
        <v>16629.407999999999</v>
      </c>
      <c r="SDI52" s="7">
        <f t="shared" si="494"/>
        <v>16629.407999999999</v>
      </c>
      <c r="SDJ52" s="7">
        <f t="shared" si="494"/>
        <v>16629.407999999999</v>
      </c>
      <c r="SDK52" s="7">
        <f t="shared" si="494"/>
        <v>16629.407999999999</v>
      </c>
      <c r="SDL52" s="7">
        <f t="shared" si="494"/>
        <v>16629.407999999999</v>
      </c>
      <c r="SDM52" s="7">
        <f t="shared" si="494"/>
        <v>16629.407999999999</v>
      </c>
      <c r="SDN52" s="7">
        <f t="shared" si="494"/>
        <v>16629.407999999999</v>
      </c>
      <c r="SDO52" s="7">
        <f t="shared" si="494"/>
        <v>16629.407999999999</v>
      </c>
      <c r="SDP52" s="7">
        <f t="shared" si="494"/>
        <v>16629.407999999999</v>
      </c>
      <c r="SDQ52" s="7">
        <f t="shared" si="494"/>
        <v>16629.407999999999</v>
      </c>
      <c r="SDR52" s="7">
        <f t="shared" si="494"/>
        <v>16629.407999999999</v>
      </c>
      <c r="SDS52" s="7">
        <f t="shared" si="494"/>
        <v>16629.407999999999</v>
      </c>
      <c r="SDT52" s="7">
        <f t="shared" si="494"/>
        <v>16629.407999999999</v>
      </c>
      <c r="SDU52" s="7">
        <f t="shared" si="494"/>
        <v>16629.407999999999</v>
      </c>
      <c r="SDV52" s="7">
        <f t="shared" si="494"/>
        <v>16629.407999999999</v>
      </c>
      <c r="SDW52" s="7">
        <f t="shared" si="494"/>
        <v>16629.407999999999</v>
      </c>
      <c r="SDX52" s="7">
        <f t="shared" si="494"/>
        <v>16629.407999999999</v>
      </c>
      <c r="SDY52" s="7">
        <f t="shared" si="494"/>
        <v>16629.407999999999</v>
      </c>
      <c r="SDZ52" s="7">
        <f t="shared" si="494"/>
        <v>16629.407999999999</v>
      </c>
      <c r="SEA52" s="7">
        <f t="shared" si="494"/>
        <v>16629.407999999999</v>
      </c>
      <c r="SEB52" s="7">
        <f t="shared" si="494"/>
        <v>16629.407999999999</v>
      </c>
      <c r="SEC52" s="7">
        <f t="shared" si="494"/>
        <v>16629.407999999999</v>
      </c>
      <c r="SED52" s="7">
        <f t="shared" si="494"/>
        <v>16629.407999999999</v>
      </c>
      <c r="SEE52" s="7">
        <f t="shared" si="494"/>
        <v>16629.407999999999</v>
      </c>
      <c r="SEF52" s="7">
        <f t="shared" si="494"/>
        <v>16629.407999999999</v>
      </c>
      <c r="SEG52" s="7">
        <f t="shared" si="494"/>
        <v>16629.407999999999</v>
      </c>
      <c r="SEH52" s="7">
        <f t="shared" si="494"/>
        <v>16629.407999999999</v>
      </c>
      <c r="SEI52" s="7">
        <f t="shared" si="494"/>
        <v>16629.407999999999</v>
      </c>
      <c r="SEJ52" s="7">
        <f t="shared" si="494"/>
        <v>16629.407999999999</v>
      </c>
      <c r="SEK52" s="7">
        <f t="shared" si="494"/>
        <v>16629.407999999999</v>
      </c>
      <c r="SEL52" s="7">
        <f t="shared" si="494"/>
        <v>16629.407999999999</v>
      </c>
      <c r="SEM52" s="7">
        <f t="shared" si="494"/>
        <v>16629.407999999999</v>
      </c>
      <c r="SEN52" s="7">
        <f t="shared" si="494"/>
        <v>16629.407999999999</v>
      </c>
      <c r="SEO52" s="7">
        <f t="shared" si="494"/>
        <v>16629.407999999999</v>
      </c>
      <c r="SEP52" s="7">
        <f t="shared" si="494"/>
        <v>16629.407999999999</v>
      </c>
      <c r="SEQ52" s="7">
        <f t="shared" si="494"/>
        <v>16629.407999999999</v>
      </c>
      <c r="SER52" s="7">
        <f t="shared" si="494"/>
        <v>16629.407999999999</v>
      </c>
      <c r="SES52" s="7">
        <f t="shared" si="494"/>
        <v>16629.407999999999</v>
      </c>
      <c r="SET52" s="7">
        <f t="shared" si="494"/>
        <v>16629.407999999999</v>
      </c>
      <c r="SEU52" s="7">
        <f t="shared" si="494"/>
        <v>16629.407999999999</v>
      </c>
      <c r="SEV52" s="7">
        <f t="shared" si="494"/>
        <v>16629.407999999999</v>
      </c>
      <c r="SEW52" s="7">
        <f t="shared" si="494"/>
        <v>16629.407999999999</v>
      </c>
      <c r="SEX52" s="7">
        <f t="shared" si="494"/>
        <v>16629.407999999999</v>
      </c>
      <c r="SEY52" s="7">
        <f t="shared" si="494"/>
        <v>16629.407999999999</v>
      </c>
      <c r="SEZ52" s="7">
        <f t="shared" si="494"/>
        <v>16629.407999999999</v>
      </c>
      <c r="SFA52" s="7">
        <f t="shared" si="494"/>
        <v>16629.407999999999</v>
      </c>
      <c r="SFB52" s="7">
        <f t="shared" ref="SFB52:SHM52" si="495">SFB47+SFA52</f>
        <v>16629.407999999999</v>
      </c>
      <c r="SFC52" s="7">
        <f t="shared" si="495"/>
        <v>16629.407999999999</v>
      </c>
      <c r="SFD52" s="7">
        <f t="shared" si="495"/>
        <v>16629.407999999999</v>
      </c>
      <c r="SFE52" s="7">
        <f t="shared" si="495"/>
        <v>16629.407999999999</v>
      </c>
      <c r="SFF52" s="7">
        <f t="shared" si="495"/>
        <v>16629.407999999999</v>
      </c>
      <c r="SFG52" s="7">
        <f t="shared" si="495"/>
        <v>16629.407999999999</v>
      </c>
      <c r="SFH52" s="7">
        <f t="shared" si="495"/>
        <v>16629.407999999999</v>
      </c>
      <c r="SFI52" s="7">
        <f t="shared" si="495"/>
        <v>16629.407999999999</v>
      </c>
      <c r="SFJ52" s="7">
        <f t="shared" si="495"/>
        <v>16629.407999999999</v>
      </c>
      <c r="SFK52" s="7">
        <f t="shared" si="495"/>
        <v>16629.407999999999</v>
      </c>
      <c r="SFL52" s="7">
        <f t="shared" si="495"/>
        <v>16629.407999999999</v>
      </c>
      <c r="SFM52" s="7">
        <f t="shared" si="495"/>
        <v>16629.407999999999</v>
      </c>
      <c r="SFN52" s="7">
        <f t="shared" si="495"/>
        <v>16629.407999999999</v>
      </c>
      <c r="SFO52" s="7">
        <f t="shared" si="495"/>
        <v>16629.407999999999</v>
      </c>
      <c r="SFP52" s="7">
        <f t="shared" si="495"/>
        <v>16629.407999999999</v>
      </c>
      <c r="SFQ52" s="7">
        <f t="shared" si="495"/>
        <v>16629.407999999999</v>
      </c>
      <c r="SFR52" s="7">
        <f t="shared" si="495"/>
        <v>16629.407999999999</v>
      </c>
      <c r="SFS52" s="7">
        <f t="shared" si="495"/>
        <v>16629.407999999999</v>
      </c>
      <c r="SFT52" s="7">
        <f t="shared" si="495"/>
        <v>16629.407999999999</v>
      </c>
      <c r="SFU52" s="7">
        <f t="shared" si="495"/>
        <v>16629.407999999999</v>
      </c>
      <c r="SFV52" s="7">
        <f t="shared" si="495"/>
        <v>16629.407999999999</v>
      </c>
      <c r="SFW52" s="7">
        <f t="shared" si="495"/>
        <v>16629.407999999999</v>
      </c>
      <c r="SFX52" s="7">
        <f t="shared" si="495"/>
        <v>16629.407999999999</v>
      </c>
      <c r="SFY52" s="7">
        <f t="shared" si="495"/>
        <v>16629.407999999999</v>
      </c>
      <c r="SFZ52" s="7">
        <f t="shared" si="495"/>
        <v>16629.407999999999</v>
      </c>
      <c r="SGA52" s="7">
        <f t="shared" si="495"/>
        <v>16629.407999999999</v>
      </c>
      <c r="SGB52" s="7">
        <f t="shared" si="495"/>
        <v>16629.407999999999</v>
      </c>
      <c r="SGC52" s="7">
        <f t="shared" si="495"/>
        <v>16629.407999999999</v>
      </c>
      <c r="SGD52" s="7">
        <f t="shared" si="495"/>
        <v>16629.407999999999</v>
      </c>
      <c r="SGE52" s="7">
        <f t="shared" si="495"/>
        <v>16629.407999999999</v>
      </c>
      <c r="SGF52" s="7">
        <f t="shared" si="495"/>
        <v>16629.407999999999</v>
      </c>
      <c r="SGG52" s="7">
        <f t="shared" si="495"/>
        <v>16629.407999999999</v>
      </c>
      <c r="SGH52" s="7">
        <f t="shared" si="495"/>
        <v>16629.407999999999</v>
      </c>
      <c r="SGI52" s="7">
        <f t="shared" si="495"/>
        <v>16629.407999999999</v>
      </c>
      <c r="SGJ52" s="7">
        <f t="shared" si="495"/>
        <v>16629.407999999999</v>
      </c>
      <c r="SGK52" s="7">
        <f t="shared" si="495"/>
        <v>16629.407999999999</v>
      </c>
      <c r="SGL52" s="7">
        <f t="shared" si="495"/>
        <v>16629.407999999999</v>
      </c>
      <c r="SGM52" s="7">
        <f t="shared" si="495"/>
        <v>16629.407999999999</v>
      </c>
      <c r="SGN52" s="7">
        <f t="shared" si="495"/>
        <v>16629.407999999999</v>
      </c>
      <c r="SGO52" s="7">
        <f t="shared" si="495"/>
        <v>16629.407999999999</v>
      </c>
      <c r="SGP52" s="7">
        <f t="shared" si="495"/>
        <v>16629.407999999999</v>
      </c>
      <c r="SGQ52" s="7">
        <f t="shared" si="495"/>
        <v>16629.407999999999</v>
      </c>
      <c r="SGR52" s="7">
        <f t="shared" si="495"/>
        <v>16629.407999999999</v>
      </c>
      <c r="SGS52" s="7">
        <f t="shared" si="495"/>
        <v>16629.407999999999</v>
      </c>
      <c r="SGT52" s="7">
        <f t="shared" si="495"/>
        <v>16629.407999999999</v>
      </c>
      <c r="SGU52" s="7">
        <f t="shared" si="495"/>
        <v>16629.407999999999</v>
      </c>
      <c r="SGV52" s="7">
        <f t="shared" si="495"/>
        <v>16629.407999999999</v>
      </c>
      <c r="SGW52" s="7">
        <f t="shared" si="495"/>
        <v>16629.407999999999</v>
      </c>
      <c r="SGX52" s="7">
        <f t="shared" si="495"/>
        <v>16629.407999999999</v>
      </c>
      <c r="SGY52" s="7">
        <f t="shared" si="495"/>
        <v>16629.407999999999</v>
      </c>
      <c r="SGZ52" s="7">
        <f t="shared" si="495"/>
        <v>16629.407999999999</v>
      </c>
      <c r="SHA52" s="7">
        <f t="shared" si="495"/>
        <v>16629.407999999999</v>
      </c>
      <c r="SHB52" s="7">
        <f t="shared" si="495"/>
        <v>16629.407999999999</v>
      </c>
      <c r="SHC52" s="7">
        <f t="shared" si="495"/>
        <v>16629.407999999999</v>
      </c>
      <c r="SHD52" s="7">
        <f t="shared" si="495"/>
        <v>16629.407999999999</v>
      </c>
      <c r="SHE52" s="7">
        <f t="shared" si="495"/>
        <v>16629.407999999999</v>
      </c>
      <c r="SHF52" s="7">
        <f t="shared" si="495"/>
        <v>16629.407999999999</v>
      </c>
      <c r="SHG52" s="7">
        <f t="shared" si="495"/>
        <v>16629.407999999999</v>
      </c>
      <c r="SHH52" s="7">
        <f t="shared" si="495"/>
        <v>16629.407999999999</v>
      </c>
      <c r="SHI52" s="7">
        <f t="shared" si="495"/>
        <v>16629.407999999999</v>
      </c>
      <c r="SHJ52" s="7">
        <f t="shared" si="495"/>
        <v>16629.407999999999</v>
      </c>
      <c r="SHK52" s="7">
        <f t="shared" si="495"/>
        <v>16629.407999999999</v>
      </c>
      <c r="SHL52" s="7">
        <f t="shared" si="495"/>
        <v>16629.407999999999</v>
      </c>
      <c r="SHM52" s="7">
        <f t="shared" si="495"/>
        <v>16629.407999999999</v>
      </c>
      <c r="SHN52" s="7">
        <f t="shared" ref="SHN52:SJY52" si="496">SHN47+SHM52</f>
        <v>16629.407999999999</v>
      </c>
      <c r="SHO52" s="7">
        <f t="shared" si="496"/>
        <v>16629.407999999999</v>
      </c>
      <c r="SHP52" s="7">
        <f t="shared" si="496"/>
        <v>16629.407999999999</v>
      </c>
      <c r="SHQ52" s="7">
        <f t="shared" si="496"/>
        <v>16629.407999999999</v>
      </c>
      <c r="SHR52" s="7">
        <f t="shared" si="496"/>
        <v>16629.407999999999</v>
      </c>
      <c r="SHS52" s="7">
        <f t="shared" si="496"/>
        <v>16629.407999999999</v>
      </c>
      <c r="SHT52" s="7">
        <f t="shared" si="496"/>
        <v>16629.407999999999</v>
      </c>
      <c r="SHU52" s="7">
        <f t="shared" si="496"/>
        <v>16629.407999999999</v>
      </c>
      <c r="SHV52" s="7">
        <f t="shared" si="496"/>
        <v>16629.407999999999</v>
      </c>
      <c r="SHW52" s="7">
        <f t="shared" si="496"/>
        <v>16629.407999999999</v>
      </c>
      <c r="SHX52" s="7">
        <f t="shared" si="496"/>
        <v>16629.407999999999</v>
      </c>
      <c r="SHY52" s="7">
        <f t="shared" si="496"/>
        <v>16629.407999999999</v>
      </c>
      <c r="SHZ52" s="7">
        <f t="shared" si="496"/>
        <v>16629.407999999999</v>
      </c>
      <c r="SIA52" s="7">
        <f t="shared" si="496"/>
        <v>16629.407999999999</v>
      </c>
      <c r="SIB52" s="7">
        <f t="shared" si="496"/>
        <v>16629.407999999999</v>
      </c>
      <c r="SIC52" s="7">
        <f t="shared" si="496"/>
        <v>16629.407999999999</v>
      </c>
      <c r="SID52" s="7">
        <f t="shared" si="496"/>
        <v>16629.407999999999</v>
      </c>
      <c r="SIE52" s="7">
        <f t="shared" si="496"/>
        <v>16629.407999999999</v>
      </c>
      <c r="SIF52" s="7">
        <f t="shared" si="496"/>
        <v>16629.407999999999</v>
      </c>
      <c r="SIG52" s="7">
        <f t="shared" si="496"/>
        <v>16629.407999999999</v>
      </c>
      <c r="SIH52" s="7">
        <f t="shared" si="496"/>
        <v>16629.407999999999</v>
      </c>
      <c r="SII52" s="7">
        <f t="shared" si="496"/>
        <v>16629.407999999999</v>
      </c>
      <c r="SIJ52" s="7">
        <f t="shared" si="496"/>
        <v>16629.407999999999</v>
      </c>
      <c r="SIK52" s="7">
        <f t="shared" si="496"/>
        <v>16629.407999999999</v>
      </c>
      <c r="SIL52" s="7">
        <f t="shared" si="496"/>
        <v>16629.407999999999</v>
      </c>
      <c r="SIM52" s="7">
        <f t="shared" si="496"/>
        <v>16629.407999999999</v>
      </c>
      <c r="SIN52" s="7">
        <f t="shared" si="496"/>
        <v>16629.407999999999</v>
      </c>
      <c r="SIO52" s="7">
        <f t="shared" si="496"/>
        <v>16629.407999999999</v>
      </c>
      <c r="SIP52" s="7">
        <f t="shared" si="496"/>
        <v>16629.407999999999</v>
      </c>
      <c r="SIQ52" s="7">
        <f t="shared" si="496"/>
        <v>16629.407999999999</v>
      </c>
      <c r="SIR52" s="7">
        <f t="shared" si="496"/>
        <v>16629.407999999999</v>
      </c>
      <c r="SIS52" s="7">
        <f t="shared" si="496"/>
        <v>16629.407999999999</v>
      </c>
      <c r="SIT52" s="7">
        <f t="shared" si="496"/>
        <v>16629.407999999999</v>
      </c>
      <c r="SIU52" s="7">
        <f t="shared" si="496"/>
        <v>16629.407999999999</v>
      </c>
      <c r="SIV52" s="7">
        <f t="shared" si="496"/>
        <v>16629.407999999999</v>
      </c>
      <c r="SIW52" s="7">
        <f t="shared" si="496"/>
        <v>16629.407999999999</v>
      </c>
      <c r="SIX52" s="7">
        <f t="shared" si="496"/>
        <v>16629.407999999999</v>
      </c>
      <c r="SIY52" s="7">
        <f t="shared" si="496"/>
        <v>16629.407999999999</v>
      </c>
      <c r="SIZ52" s="7">
        <f t="shared" si="496"/>
        <v>16629.407999999999</v>
      </c>
      <c r="SJA52" s="7">
        <f t="shared" si="496"/>
        <v>16629.407999999999</v>
      </c>
      <c r="SJB52" s="7">
        <f t="shared" si="496"/>
        <v>16629.407999999999</v>
      </c>
      <c r="SJC52" s="7">
        <f t="shared" si="496"/>
        <v>16629.407999999999</v>
      </c>
      <c r="SJD52" s="7">
        <f t="shared" si="496"/>
        <v>16629.407999999999</v>
      </c>
      <c r="SJE52" s="7">
        <f t="shared" si="496"/>
        <v>16629.407999999999</v>
      </c>
      <c r="SJF52" s="7">
        <f t="shared" si="496"/>
        <v>16629.407999999999</v>
      </c>
      <c r="SJG52" s="7">
        <f t="shared" si="496"/>
        <v>16629.407999999999</v>
      </c>
      <c r="SJH52" s="7">
        <f t="shared" si="496"/>
        <v>16629.407999999999</v>
      </c>
      <c r="SJI52" s="7">
        <f t="shared" si="496"/>
        <v>16629.407999999999</v>
      </c>
      <c r="SJJ52" s="7">
        <f t="shared" si="496"/>
        <v>16629.407999999999</v>
      </c>
      <c r="SJK52" s="7">
        <f t="shared" si="496"/>
        <v>16629.407999999999</v>
      </c>
      <c r="SJL52" s="7">
        <f t="shared" si="496"/>
        <v>16629.407999999999</v>
      </c>
      <c r="SJM52" s="7">
        <f t="shared" si="496"/>
        <v>16629.407999999999</v>
      </c>
      <c r="SJN52" s="7">
        <f t="shared" si="496"/>
        <v>16629.407999999999</v>
      </c>
      <c r="SJO52" s="7">
        <f t="shared" si="496"/>
        <v>16629.407999999999</v>
      </c>
      <c r="SJP52" s="7">
        <f t="shared" si="496"/>
        <v>16629.407999999999</v>
      </c>
      <c r="SJQ52" s="7">
        <f t="shared" si="496"/>
        <v>16629.407999999999</v>
      </c>
      <c r="SJR52" s="7">
        <f t="shared" si="496"/>
        <v>16629.407999999999</v>
      </c>
      <c r="SJS52" s="7">
        <f t="shared" si="496"/>
        <v>16629.407999999999</v>
      </c>
      <c r="SJT52" s="7">
        <f t="shared" si="496"/>
        <v>16629.407999999999</v>
      </c>
      <c r="SJU52" s="7">
        <f t="shared" si="496"/>
        <v>16629.407999999999</v>
      </c>
      <c r="SJV52" s="7">
        <f t="shared" si="496"/>
        <v>16629.407999999999</v>
      </c>
      <c r="SJW52" s="7">
        <f t="shared" si="496"/>
        <v>16629.407999999999</v>
      </c>
      <c r="SJX52" s="7">
        <f t="shared" si="496"/>
        <v>16629.407999999999</v>
      </c>
      <c r="SJY52" s="7">
        <f t="shared" si="496"/>
        <v>16629.407999999999</v>
      </c>
      <c r="SJZ52" s="7">
        <f t="shared" ref="SJZ52:SMK52" si="497">SJZ47+SJY52</f>
        <v>16629.407999999999</v>
      </c>
      <c r="SKA52" s="7">
        <f t="shared" si="497"/>
        <v>16629.407999999999</v>
      </c>
      <c r="SKB52" s="7">
        <f t="shared" si="497"/>
        <v>16629.407999999999</v>
      </c>
      <c r="SKC52" s="7">
        <f t="shared" si="497"/>
        <v>16629.407999999999</v>
      </c>
      <c r="SKD52" s="7">
        <f t="shared" si="497"/>
        <v>16629.407999999999</v>
      </c>
      <c r="SKE52" s="7">
        <f t="shared" si="497"/>
        <v>16629.407999999999</v>
      </c>
      <c r="SKF52" s="7">
        <f t="shared" si="497"/>
        <v>16629.407999999999</v>
      </c>
      <c r="SKG52" s="7">
        <f t="shared" si="497"/>
        <v>16629.407999999999</v>
      </c>
      <c r="SKH52" s="7">
        <f t="shared" si="497"/>
        <v>16629.407999999999</v>
      </c>
      <c r="SKI52" s="7">
        <f t="shared" si="497"/>
        <v>16629.407999999999</v>
      </c>
      <c r="SKJ52" s="7">
        <f t="shared" si="497"/>
        <v>16629.407999999999</v>
      </c>
      <c r="SKK52" s="7">
        <f t="shared" si="497"/>
        <v>16629.407999999999</v>
      </c>
      <c r="SKL52" s="7">
        <f t="shared" si="497"/>
        <v>16629.407999999999</v>
      </c>
      <c r="SKM52" s="7">
        <f t="shared" si="497"/>
        <v>16629.407999999999</v>
      </c>
      <c r="SKN52" s="7">
        <f t="shared" si="497"/>
        <v>16629.407999999999</v>
      </c>
      <c r="SKO52" s="7">
        <f t="shared" si="497"/>
        <v>16629.407999999999</v>
      </c>
      <c r="SKP52" s="7">
        <f t="shared" si="497"/>
        <v>16629.407999999999</v>
      </c>
      <c r="SKQ52" s="7">
        <f t="shared" si="497"/>
        <v>16629.407999999999</v>
      </c>
      <c r="SKR52" s="7">
        <f t="shared" si="497"/>
        <v>16629.407999999999</v>
      </c>
      <c r="SKS52" s="7">
        <f t="shared" si="497"/>
        <v>16629.407999999999</v>
      </c>
      <c r="SKT52" s="7">
        <f t="shared" si="497"/>
        <v>16629.407999999999</v>
      </c>
      <c r="SKU52" s="7">
        <f t="shared" si="497"/>
        <v>16629.407999999999</v>
      </c>
      <c r="SKV52" s="7">
        <f t="shared" si="497"/>
        <v>16629.407999999999</v>
      </c>
      <c r="SKW52" s="7">
        <f t="shared" si="497"/>
        <v>16629.407999999999</v>
      </c>
      <c r="SKX52" s="7">
        <f t="shared" si="497"/>
        <v>16629.407999999999</v>
      </c>
      <c r="SKY52" s="7">
        <f t="shared" si="497"/>
        <v>16629.407999999999</v>
      </c>
      <c r="SKZ52" s="7">
        <f t="shared" si="497"/>
        <v>16629.407999999999</v>
      </c>
      <c r="SLA52" s="7">
        <f t="shared" si="497"/>
        <v>16629.407999999999</v>
      </c>
      <c r="SLB52" s="7">
        <f t="shared" si="497"/>
        <v>16629.407999999999</v>
      </c>
      <c r="SLC52" s="7">
        <f t="shared" si="497"/>
        <v>16629.407999999999</v>
      </c>
      <c r="SLD52" s="7">
        <f t="shared" si="497"/>
        <v>16629.407999999999</v>
      </c>
      <c r="SLE52" s="7">
        <f t="shared" si="497"/>
        <v>16629.407999999999</v>
      </c>
      <c r="SLF52" s="7">
        <f t="shared" si="497"/>
        <v>16629.407999999999</v>
      </c>
      <c r="SLG52" s="7">
        <f t="shared" si="497"/>
        <v>16629.407999999999</v>
      </c>
      <c r="SLH52" s="7">
        <f t="shared" si="497"/>
        <v>16629.407999999999</v>
      </c>
      <c r="SLI52" s="7">
        <f t="shared" si="497"/>
        <v>16629.407999999999</v>
      </c>
      <c r="SLJ52" s="7">
        <f t="shared" si="497"/>
        <v>16629.407999999999</v>
      </c>
      <c r="SLK52" s="7">
        <f t="shared" si="497"/>
        <v>16629.407999999999</v>
      </c>
      <c r="SLL52" s="7">
        <f t="shared" si="497"/>
        <v>16629.407999999999</v>
      </c>
      <c r="SLM52" s="7">
        <f t="shared" si="497"/>
        <v>16629.407999999999</v>
      </c>
      <c r="SLN52" s="7">
        <f t="shared" si="497"/>
        <v>16629.407999999999</v>
      </c>
      <c r="SLO52" s="7">
        <f t="shared" si="497"/>
        <v>16629.407999999999</v>
      </c>
      <c r="SLP52" s="7">
        <f t="shared" si="497"/>
        <v>16629.407999999999</v>
      </c>
      <c r="SLQ52" s="7">
        <f t="shared" si="497"/>
        <v>16629.407999999999</v>
      </c>
      <c r="SLR52" s="7">
        <f t="shared" si="497"/>
        <v>16629.407999999999</v>
      </c>
      <c r="SLS52" s="7">
        <f t="shared" si="497"/>
        <v>16629.407999999999</v>
      </c>
      <c r="SLT52" s="7">
        <f t="shared" si="497"/>
        <v>16629.407999999999</v>
      </c>
      <c r="SLU52" s="7">
        <f t="shared" si="497"/>
        <v>16629.407999999999</v>
      </c>
      <c r="SLV52" s="7">
        <f t="shared" si="497"/>
        <v>16629.407999999999</v>
      </c>
      <c r="SLW52" s="7">
        <f t="shared" si="497"/>
        <v>16629.407999999999</v>
      </c>
      <c r="SLX52" s="7">
        <f t="shared" si="497"/>
        <v>16629.407999999999</v>
      </c>
      <c r="SLY52" s="7">
        <f t="shared" si="497"/>
        <v>16629.407999999999</v>
      </c>
      <c r="SLZ52" s="7">
        <f t="shared" si="497"/>
        <v>16629.407999999999</v>
      </c>
      <c r="SMA52" s="7">
        <f t="shared" si="497"/>
        <v>16629.407999999999</v>
      </c>
      <c r="SMB52" s="7">
        <f t="shared" si="497"/>
        <v>16629.407999999999</v>
      </c>
      <c r="SMC52" s="7">
        <f t="shared" si="497"/>
        <v>16629.407999999999</v>
      </c>
      <c r="SMD52" s="7">
        <f t="shared" si="497"/>
        <v>16629.407999999999</v>
      </c>
      <c r="SME52" s="7">
        <f t="shared" si="497"/>
        <v>16629.407999999999</v>
      </c>
      <c r="SMF52" s="7">
        <f t="shared" si="497"/>
        <v>16629.407999999999</v>
      </c>
      <c r="SMG52" s="7">
        <f t="shared" si="497"/>
        <v>16629.407999999999</v>
      </c>
      <c r="SMH52" s="7">
        <f t="shared" si="497"/>
        <v>16629.407999999999</v>
      </c>
      <c r="SMI52" s="7">
        <f t="shared" si="497"/>
        <v>16629.407999999999</v>
      </c>
      <c r="SMJ52" s="7">
        <f t="shared" si="497"/>
        <v>16629.407999999999</v>
      </c>
      <c r="SMK52" s="7">
        <f t="shared" si="497"/>
        <v>16629.407999999999</v>
      </c>
      <c r="SML52" s="7">
        <f t="shared" ref="SML52:SOW52" si="498">SML47+SMK52</f>
        <v>16629.407999999999</v>
      </c>
      <c r="SMM52" s="7">
        <f t="shared" si="498"/>
        <v>16629.407999999999</v>
      </c>
      <c r="SMN52" s="7">
        <f t="shared" si="498"/>
        <v>16629.407999999999</v>
      </c>
      <c r="SMO52" s="7">
        <f t="shared" si="498"/>
        <v>16629.407999999999</v>
      </c>
      <c r="SMP52" s="7">
        <f t="shared" si="498"/>
        <v>16629.407999999999</v>
      </c>
      <c r="SMQ52" s="7">
        <f t="shared" si="498"/>
        <v>16629.407999999999</v>
      </c>
      <c r="SMR52" s="7">
        <f t="shared" si="498"/>
        <v>16629.407999999999</v>
      </c>
      <c r="SMS52" s="7">
        <f t="shared" si="498"/>
        <v>16629.407999999999</v>
      </c>
      <c r="SMT52" s="7">
        <f t="shared" si="498"/>
        <v>16629.407999999999</v>
      </c>
      <c r="SMU52" s="7">
        <f t="shared" si="498"/>
        <v>16629.407999999999</v>
      </c>
      <c r="SMV52" s="7">
        <f t="shared" si="498"/>
        <v>16629.407999999999</v>
      </c>
      <c r="SMW52" s="7">
        <f t="shared" si="498"/>
        <v>16629.407999999999</v>
      </c>
      <c r="SMX52" s="7">
        <f t="shared" si="498"/>
        <v>16629.407999999999</v>
      </c>
      <c r="SMY52" s="7">
        <f t="shared" si="498"/>
        <v>16629.407999999999</v>
      </c>
      <c r="SMZ52" s="7">
        <f t="shared" si="498"/>
        <v>16629.407999999999</v>
      </c>
      <c r="SNA52" s="7">
        <f t="shared" si="498"/>
        <v>16629.407999999999</v>
      </c>
      <c r="SNB52" s="7">
        <f t="shared" si="498"/>
        <v>16629.407999999999</v>
      </c>
      <c r="SNC52" s="7">
        <f t="shared" si="498"/>
        <v>16629.407999999999</v>
      </c>
      <c r="SND52" s="7">
        <f t="shared" si="498"/>
        <v>16629.407999999999</v>
      </c>
      <c r="SNE52" s="7">
        <f t="shared" si="498"/>
        <v>16629.407999999999</v>
      </c>
      <c r="SNF52" s="7">
        <f t="shared" si="498"/>
        <v>16629.407999999999</v>
      </c>
      <c r="SNG52" s="7">
        <f t="shared" si="498"/>
        <v>16629.407999999999</v>
      </c>
      <c r="SNH52" s="7">
        <f t="shared" si="498"/>
        <v>16629.407999999999</v>
      </c>
      <c r="SNI52" s="7">
        <f t="shared" si="498"/>
        <v>16629.407999999999</v>
      </c>
      <c r="SNJ52" s="7">
        <f t="shared" si="498"/>
        <v>16629.407999999999</v>
      </c>
      <c r="SNK52" s="7">
        <f t="shared" si="498"/>
        <v>16629.407999999999</v>
      </c>
      <c r="SNL52" s="7">
        <f t="shared" si="498"/>
        <v>16629.407999999999</v>
      </c>
      <c r="SNM52" s="7">
        <f t="shared" si="498"/>
        <v>16629.407999999999</v>
      </c>
      <c r="SNN52" s="7">
        <f t="shared" si="498"/>
        <v>16629.407999999999</v>
      </c>
      <c r="SNO52" s="7">
        <f t="shared" si="498"/>
        <v>16629.407999999999</v>
      </c>
      <c r="SNP52" s="7">
        <f t="shared" si="498"/>
        <v>16629.407999999999</v>
      </c>
      <c r="SNQ52" s="7">
        <f t="shared" si="498"/>
        <v>16629.407999999999</v>
      </c>
      <c r="SNR52" s="7">
        <f t="shared" si="498"/>
        <v>16629.407999999999</v>
      </c>
      <c r="SNS52" s="7">
        <f t="shared" si="498"/>
        <v>16629.407999999999</v>
      </c>
      <c r="SNT52" s="7">
        <f t="shared" si="498"/>
        <v>16629.407999999999</v>
      </c>
      <c r="SNU52" s="7">
        <f t="shared" si="498"/>
        <v>16629.407999999999</v>
      </c>
      <c r="SNV52" s="7">
        <f t="shared" si="498"/>
        <v>16629.407999999999</v>
      </c>
      <c r="SNW52" s="7">
        <f t="shared" si="498"/>
        <v>16629.407999999999</v>
      </c>
      <c r="SNX52" s="7">
        <f t="shared" si="498"/>
        <v>16629.407999999999</v>
      </c>
      <c r="SNY52" s="7">
        <f t="shared" si="498"/>
        <v>16629.407999999999</v>
      </c>
      <c r="SNZ52" s="7">
        <f t="shared" si="498"/>
        <v>16629.407999999999</v>
      </c>
      <c r="SOA52" s="7">
        <f t="shared" si="498"/>
        <v>16629.407999999999</v>
      </c>
      <c r="SOB52" s="7">
        <f t="shared" si="498"/>
        <v>16629.407999999999</v>
      </c>
      <c r="SOC52" s="7">
        <f t="shared" si="498"/>
        <v>16629.407999999999</v>
      </c>
      <c r="SOD52" s="7">
        <f t="shared" si="498"/>
        <v>16629.407999999999</v>
      </c>
      <c r="SOE52" s="7">
        <f t="shared" si="498"/>
        <v>16629.407999999999</v>
      </c>
      <c r="SOF52" s="7">
        <f t="shared" si="498"/>
        <v>16629.407999999999</v>
      </c>
      <c r="SOG52" s="7">
        <f t="shared" si="498"/>
        <v>16629.407999999999</v>
      </c>
      <c r="SOH52" s="7">
        <f t="shared" si="498"/>
        <v>16629.407999999999</v>
      </c>
      <c r="SOI52" s="7">
        <f t="shared" si="498"/>
        <v>16629.407999999999</v>
      </c>
      <c r="SOJ52" s="7">
        <f t="shared" si="498"/>
        <v>16629.407999999999</v>
      </c>
      <c r="SOK52" s="7">
        <f t="shared" si="498"/>
        <v>16629.407999999999</v>
      </c>
      <c r="SOL52" s="7">
        <f t="shared" si="498"/>
        <v>16629.407999999999</v>
      </c>
      <c r="SOM52" s="7">
        <f t="shared" si="498"/>
        <v>16629.407999999999</v>
      </c>
      <c r="SON52" s="7">
        <f t="shared" si="498"/>
        <v>16629.407999999999</v>
      </c>
      <c r="SOO52" s="7">
        <f t="shared" si="498"/>
        <v>16629.407999999999</v>
      </c>
      <c r="SOP52" s="7">
        <f t="shared" si="498"/>
        <v>16629.407999999999</v>
      </c>
      <c r="SOQ52" s="7">
        <f t="shared" si="498"/>
        <v>16629.407999999999</v>
      </c>
      <c r="SOR52" s="7">
        <f t="shared" si="498"/>
        <v>16629.407999999999</v>
      </c>
      <c r="SOS52" s="7">
        <f t="shared" si="498"/>
        <v>16629.407999999999</v>
      </c>
      <c r="SOT52" s="7">
        <f t="shared" si="498"/>
        <v>16629.407999999999</v>
      </c>
      <c r="SOU52" s="7">
        <f t="shared" si="498"/>
        <v>16629.407999999999</v>
      </c>
      <c r="SOV52" s="7">
        <f t="shared" si="498"/>
        <v>16629.407999999999</v>
      </c>
      <c r="SOW52" s="7">
        <f t="shared" si="498"/>
        <v>16629.407999999999</v>
      </c>
      <c r="SOX52" s="7">
        <f t="shared" ref="SOX52:SRI52" si="499">SOX47+SOW52</f>
        <v>16629.407999999999</v>
      </c>
      <c r="SOY52" s="7">
        <f t="shared" si="499"/>
        <v>16629.407999999999</v>
      </c>
      <c r="SOZ52" s="7">
        <f t="shared" si="499"/>
        <v>16629.407999999999</v>
      </c>
      <c r="SPA52" s="7">
        <f t="shared" si="499"/>
        <v>16629.407999999999</v>
      </c>
      <c r="SPB52" s="7">
        <f t="shared" si="499"/>
        <v>16629.407999999999</v>
      </c>
      <c r="SPC52" s="7">
        <f t="shared" si="499"/>
        <v>16629.407999999999</v>
      </c>
      <c r="SPD52" s="7">
        <f t="shared" si="499"/>
        <v>16629.407999999999</v>
      </c>
      <c r="SPE52" s="7">
        <f t="shared" si="499"/>
        <v>16629.407999999999</v>
      </c>
      <c r="SPF52" s="7">
        <f t="shared" si="499"/>
        <v>16629.407999999999</v>
      </c>
      <c r="SPG52" s="7">
        <f t="shared" si="499"/>
        <v>16629.407999999999</v>
      </c>
      <c r="SPH52" s="7">
        <f t="shared" si="499"/>
        <v>16629.407999999999</v>
      </c>
      <c r="SPI52" s="7">
        <f t="shared" si="499"/>
        <v>16629.407999999999</v>
      </c>
      <c r="SPJ52" s="7">
        <f t="shared" si="499"/>
        <v>16629.407999999999</v>
      </c>
      <c r="SPK52" s="7">
        <f t="shared" si="499"/>
        <v>16629.407999999999</v>
      </c>
      <c r="SPL52" s="7">
        <f t="shared" si="499"/>
        <v>16629.407999999999</v>
      </c>
      <c r="SPM52" s="7">
        <f t="shared" si="499"/>
        <v>16629.407999999999</v>
      </c>
      <c r="SPN52" s="7">
        <f t="shared" si="499"/>
        <v>16629.407999999999</v>
      </c>
      <c r="SPO52" s="7">
        <f t="shared" si="499"/>
        <v>16629.407999999999</v>
      </c>
      <c r="SPP52" s="7">
        <f t="shared" si="499"/>
        <v>16629.407999999999</v>
      </c>
      <c r="SPQ52" s="7">
        <f t="shared" si="499"/>
        <v>16629.407999999999</v>
      </c>
      <c r="SPR52" s="7">
        <f t="shared" si="499"/>
        <v>16629.407999999999</v>
      </c>
      <c r="SPS52" s="7">
        <f t="shared" si="499"/>
        <v>16629.407999999999</v>
      </c>
      <c r="SPT52" s="7">
        <f t="shared" si="499"/>
        <v>16629.407999999999</v>
      </c>
      <c r="SPU52" s="7">
        <f t="shared" si="499"/>
        <v>16629.407999999999</v>
      </c>
      <c r="SPV52" s="7">
        <f t="shared" si="499"/>
        <v>16629.407999999999</v>
      </c>
      <c r="SPW52" s="7">
        <f t="shared" si="499"/>
        <v>16629.407999999999</v>
      </c>
      <c r="SPX52" s="7">
        <f t="shared" si="499"/>
        <v>16629.407999999999</v>
      </c>
      <c r="SPY52" s="7">
        <f t="shared" si="499"/>
        <v>16629.407999999999</v>
      </c>
      <c r="SPZ52" s="7">
        <f t="shared" si="499"/>
        <v>16629.407999999999</v>
      </c>
      <c r="SQA52" s="7">
        <f t="shared" si="499"/>
        <v>16629.407999999999</v>
      </c>
      <c r="SQB52" s="7">
        <f t="shared" si="499"/>
        <v>16629.407999999999</v>
      </c>
      <c r="SQC52" s="7">
        <f t="shared" si="499"/>
        <v>16629.407999999999</v>
      </c>
      <c r="SQD52" s="7">
        <f t="shared" si="499"/>
        <v>16629.407999999999</v>
      </c>
      <c r="SQE52" s="7">
        <f t="shared" si="499"/>
        <v>16629.407999999999</v>
      </c>
      <c r="SQF52" s="7">
        <f t="shared" si="499"/>
        <v>16629.407999999999</v>
      </c>
      <c r="SQG52" s="7">
        <f t="shared" si="499"/>
        <v>16629.407999999999</v>
      </c>
      <c r="SQH52" s="7">
        <f t="shared" si="499"/>
        <v>16629.407999999999</v>
      </c>
      <c r="SQI52" s="7">
        <f t="shared" si="499"/>
        <v>16629.407999999999</v>
      </c>
      <c r="SQJ52" s="7">
        <f t="shared" si="499"/>
        <v>16629.407999999999</v>
      </c>
      <c r="SQK52" s="7">
        <f t="shared" si="499"/>
        <v>16629.407999999999</v>
      </c>
      <c r="SQL52" s="7">
        <f t="shared" si="499"/>
        <v>16629.407999999999</v>
      </c>
      <c r="SQM52" s="7">
        <f t="shared" si="499"/>
        <v>16629.407999999999</v>
      </c>
      <c r="SQN52" s="7">
        <f t="shared" si="499"/>
        <v>16629.407999999999</v>
      </c>
      <c r="SQO52" s="7">
        <f t="shared" si="499"/>
        <v>16629.407999999999</v>
      </c>
      <c r="SQP52" s="7">
        <f t="shared" si="499"/>
        <v>16629.407999999999</v>
      </c>
      <c r="SQQ52" s="7">
        <f t="shared" si="499"/>
        <v>16629.407999999999</v>
      </c>
      <c r="SQR52" s="7">
        <f t="shared" si="499"/>
        <v>16629.407999999999</v>
      </c>
      <c r="SQS52" s="7">
        <f t="shared" si="499"/>
        <v>16629.407999999999</v>
      </c>
      <c r="SQT52" s="7">
        <f t="shared" si="499"/>
        <v>16629.407999999999</v>
      </c>
      <c r="SQU52" s="7">
        <f t="shared" si="499"/>
        <v>16629.407999999999</v>
      </c>
      <c r="SQV52" s="7">
        <f t="shared" si="499"/>
        <v>16629.407999999999</v>
      </c>
      <c r="SQW52" s="7">
        <f t="shared" si="499"/>
        <v>16629.407999999999</v>
      </c>
      <c r="SQX52" s="7">
        <f t="shared" si="499"/>
        <v>16629.407999999999</v>
      </c>
      <c r="SQY52" s="7">
        <f t="shared" si="499"/>
        <v>16629.407999999999</v>
      </c>
      <c r="SQZ52" s="7">
        <f t="shared" si="499"/>
        <v>16629.407999999999</v>
      </c>
      <c r="SRA52" s="7">
        <f t="shared" si="499"/>
        <v>16629.407999999999</v>
      </c>
      <c r="SRB52" s="7">
        <f t="shared" si="499"/>
        <v>16629.407999999999</v>
      </c>
      <c r="SRC52" s="7">
        <f t="shared" si="499"/>
        <v>16629.407999999999</v>
      </c>
      <c r="SRD52" s="7">
        <f t="shared" si="499"/>
        <v>16629.407999999999</v>
      </c>
      <c r="SRE52" s="7">
        <f t="shared" si="499"/>
        <v>16629.407999999999</v>
      </c>
      <c r="SRF52" s="7">
        <f t="shared" si="499"/>
        <v>16629.407999999999</v>
      </c>
      <c r="SRG52" s="7">
        <f t="shared" si="499"/>
        <v>16629.407999999999</v>
      </c>
      <c r="SRH52" s="7">
        <f t="shared" si="499"/>
        <v>16629.407999999999</v>
      </c>
      <c r="SRI52" s="7">
        <f t="shared" si="499"/>
        <v>16629.407999999999</v>
      </c>
      <c r="SRJ52" s="7">
        <f t="shared" ref="SRJ52:STU52" si="500">SRJ47+SRI52</f>
        <v>16629.407999999999</v>
      </c>
      <c r="SRK52" s="7">
        <f t="shared" si="500"/>
        <v>16629.407999999999</v>
      </c>
      <c r="SRL52" s="7">
        <f t="shared" si="500"/>
        <v>16629.407999999999</v>
      </c>
      <c r="SRM52" s="7">
        <f t="shared" si="500"/>
        <v>16629.407999999999</v>
      </c>
      <c r="SRN52" s="7">
        <f t="shared" si="500"/>
        <v>16629.407999999999</v>
      </c>
      <c r="SRO52" s="7">
        <f t="shared" si="500"/>
        <v>16629.407999999999</v>
      </c>
      <c r="SRP52" s="7">
        <f t="shared" si="500"/>
        <v>16629.407999999999</v>
      </c>
      <c r="SRQ52" s="7">
        <f t="shared" si="500"/>
        <v>16629.407999999999</v>
      </c>
      <c r="SRR52" s="7">
        <f t="shared" si="500"/>
        <v>16629.407999999999</v>
      </c>
      <c r="SRS52" s="7">
        <f t="shared" si="500"/>
        <v>16629.407999999999</v>
      </c>
      <c r="SRT52" s="7">
        <f t="shared" si="500"/>
        <v>16629.407999999999</v>
      </c>
      <c r="SRU52" s="7">
        <f t="shared" si="500"/>
        <v>16629.407999999999</v>
      </c>
      <c r="SRV52" s="7">
        <f t="shared" si="500"/>
        <v>16629.407999999999</v>
      </c>
      <c r="SRW52" s="7">
        <f t="shared" si="500"/>
        <v>16629.407999999999</v>
      </c>
      <c r="SRX52" s="7">
        <f t="shared" si="500"/>
        <v>16629.407999999999</v>
      </c>
      <c r="SRY52" s="7">
        <f t="shared" si="500"/>
        <v>16629.407999999999</v>
      </c>
      <c r="SRZ52" s="7">
        <f t="shared" si="500"/>
        <v>16629.407999999999</v>
      </c>
      <c r="SSA52" s="7">
        <f t="shared" si="500"/>
        <v>16629.407999999999</v>
      </c>
      <c r="SSB52" s="7">
        <f t="shared" si="500"/>
        <v>16629.407999999999</v>
      </c>
      <c r="SSC52" s="7">
        <f t="shared" si="500"/>
        <v>16629.407999999999</v>
      </c>
      <c r="SSD52" s="7">
        <f t="shared" si="500"/>
        <v>16629.407999999999</v>
      </c>
      <c r="SSE52" s="7">
        <f t="shared" si="500"/>
        <v>16629.407999999999</v>
      </c>
      <c r="SSF52" s="7">
        <f t="shared" si="500"/>
        <v>16629.407999999999</v>
      </c>
      <c r="SSG52" s="7">
        <f t="shared" si="500"/>
        <v>16629.407999999999</v>
      </c>
      <c r="SSH52" s="7">
        <f t="shared" si="500"/>
        <v>16629.407999999999</v>
      </c>
      <c r="SSI52" s="7">
        <f t="shared" si="500"/>
        <v>16629.407999999999</v>
      </c>
      <c r="SSJ52" s="7">
        <f t="shared" si="500"/>
        <v>16629.407999999999</v>
      </c>
      <c r="SSK52" s="7">
        <f t="shared" si="500"/>
        <v>16629.407999999999</v>
      </c>
      <c r="SSL52" s="7">
        <f t="shared" si="500"/>
        <v>16629.407999999999</v>
      </c>
      <c r="SSM52" s="7">
        <f t="shared" si="500"/>
        <v>16629.407999999999</v>
      </c>
      <c r="SSN52" s="7">
        <f t="shared" si="500"/>
        <v>16629.407999999999</v>
      </c>
      <c r="SSO52" s="7">
        <f t="shared" si="500"/>
        <v>16629.407999999999</v>
      </c>
      <c r="SSP52" s="7">
        <f t="shared" si="500"/>
        <v>16629.407999999999</v>
      </c>
      <c r="SSQ52" s="7">
        <f t="shared" si="500"/>
        <v>16629.407999999999</v>
      </c>
      <c r="SSR52" s="7">
        <f t="shared" si="500"/>
        <v>16629.407999999999</v>
      </c>
      <c r="SSS52" s="7">
        <f t="shared" si="500"/>
        <v>16629.407999999999</v>
      </c>
      <c r="SST52" s="7">
        <f t="shared" si="500"/>
        <v>16629.407999999999</v>
      </c>
      <c r="SSU52" s="7">
        <f t="shared" si="500"/>
        <v>16629.407999999999</v>
      </c>
      <c r="SSV52" s="7">
        <f t="shared" si="500"/>
        <v>16629.407999999999</v>
      </c>
      <c r="SSW52" s="7">
        <f t="shared" si="500"/>
        <v>16629.407999999999</v>
      </c>
      <c r="SSX52" s="7">
        <f t="shared" si="500"/>
        <v>16629.407999999999</v>
      </c>
      <c r="SSY52" s="7">
        <f t="shared" si="500"/>
        <v>16629.407999999999</v>
      </c>
      <c r="SSZ52" s="7">
        <f t="shared" si="500"/>
        <v>16629.407999999999</v>
      </c>
      <c r="STA52" s="7">
        <f t="shared" si="500"/>
        <v>16629.407999999999</v>
      </c>
      <c r="STB52" s="7">
        <f t="shared" si="500"/>
        <v>16629.407999999999</v>
      </c>
      <c r="STC52" s="7">
        <f t="shared" si="500"/>
        <v>16629.407999999999</v>
      </c>
      <c r="STD52" s="7">
        <f t="shared" si="500"/>
        <v>16629.407999999999</v>
      </c>
      <c r="STE52" s="7">
        <f t="shared" si="500"/>
        <v>16629.407999999999</v>
      </c>
      <c r="STF52" s="7">
        <f t="shared" si="500"/>
        <v>16629.407999999999</v>
      </c>
      <c r="STG52" s="7">
        <f t="shared" si="500"/>
        <v>16629.407999999999</v>
      </c>
      <c r="STH52" s="7">
        <f t="shared" si="500"/>
        <v>16629.407999999999</v>
      </c>
      <c r="STI52" s="7">
        <f t="shared" si="500"/>
        <v>16629.407999999999</v>
      </c>
      <c r="STJ52" s="7">
        <f t="shared" si="500"/>
        <v>16629.407999999999</v>
      </c>
      <c r="STK52" s="7">
        <f t="shared" si="500"/>
        <v>16629.407999999999</v>
      </c>
      <c r="STL52" s="7">
        <f t="shared" si="500"/>
        <v>16629.407999999999</v>
      </c>
      <c r="STM52" s="7">
        <f t="shared" si="500"/>
        <v>16629.407999999999</v>
      </c>
      <c r="STN52" s="7">
        <f t="shared" si="500"/>
        <v>16629.407999999999</v>
      </c>
      <c r="STO52" s="7">
        <f t="shared" si="500"/>
        <v>16629.407999999999</v>
      </c>
      <c r="STP52" s="7">
        <f t="shared" si="500"/>
        <v>16629.407999999999</v>
      </c>
      <c r="STQ52" s="7">
        <f t="shared" si="500"/>
        <v>16629.407999999999</v>
      </c>
      <c r="STR52" s="7">
        <f t="shared" si="500"/>
        <v>16629.407999999999</v>
      </c>
      <c r="STS52" s="7">
        <f t="shared" si="500"/>
        <v>16629.407999999999</v>
      </c>
      <c r="STT52" s="7">
        <f t="shared" si="500"/>
        <v>16629.407999999999</v>
      </c>
      <c r="STU52" s="7">
        <f t="shared" si="500"/>
        <v>16629.407999999999</v>
      </c>
      <c r="STV52" s="7">
        <f t="shared" ref="STV52:SWG52" si="501">STV47+STU52</f>
        <v>16629.407999999999</v>
      </c>
      <c r="STW52" s="7">
        <f t="shared" si="501"/>
        <v>16629.407999999999</v>
      </c>
      <c r="STX52" s="7">
        <f t="shared" si="501"/>
        <v>16629.407999999999</v>
      </c>
      <c r="STY52" s="7">
        <f t="shared" si="501"/>
        <v>16629.407999999999</v>
      </c>
      <c r="STZ52" s="7">
        <f t="shared" si="501"/>
        <v>16629.407999999999</v>
      </c>
      <c r="SUA52" s="7">
        <f t="shared" si="501"/>
        <v>16629.407999999999</v>
      </c>
      <c r="SUB52" s="7">
        <f t="shared" si="501"/>
        <v>16629.407999999999</v>
      </c>
      <c r="SUC52" s="7">
        <f t="shared" si="501"/>
        <v>16629.407999999999</v>
      </c>
      <c r="SUD52" s="7">
        <f t="shared" si="501"/>
        <v>16629.407999999999</v>
      </c>
      <c r="SUE52" s="7">
        <f t="shared" si="501"/>
        <v>16629.407999999999</v>
      </c>
      <c r="SUF52" s="7">
        <f t="shared" si="501"/>
        <v>16629.407999999999</v>
      </c>
      <c r="SUG52" s="7">
        <f t="shared" si="501"/>
        <v>16629.407999999999</v>
      </c>
      <c r="SUH52" s="7">
        <f t="shared" si="501"/>
        <v>16629.407999999999</v>
      </c>
      <c r="SUI52" s="7">
        <f t="shared" si="501"/>
        <v>16629.407999999999</v>
      </c>
      <c r="SUJ52" s="7">
        <f t="shared" si="501"/>
        <v>16629.407999999999</v>
      </c>
      <c r="SUK52" s="7">
        <f t="shared" si="501"/>
        <v>16629.407999999999</v>
      </c>
      <c r="SUL52" s="7">
        <f t="shared" si="501"/>
        <v>16629.407999999999</v>
      </c>
      <c r="SUM52" s="7">
        <f t="shared" si="501"/>
        <v>16629.407999999999</v>
      </c>
      <c r="SUN52" s="7">
        <f t="shared" si="501"/>
        <v>16629.407999999999</v>
      </c>
      <c r="SUO52" s="7">
        <f t="shared" si="501"/>
        <v>16629.407999999999</v>
      </c>
      <c r="SUP52" s="7">
        <f t="shared" si="501"/>
        <v>16629.407999999999</v>
      </c>
      <c r="SUQ52" s="7">
        <f t="shared" si="501"/>
        <v>16629.407999999999</v>
      </c>
      <c r="SUR52" s="7">
        <f t="shared" si="501"/>
        <v>16629.407999999999</v>
      </c>
      <c r="SUS52" s="7">
        <f t="shared" si="501"/>
        <v>16629.407999999999</v>
      </c>
      <c r="SUT52" s="7">
        <f t="shared" si="501"/>
        <v>16629.407999999999</v>
      </c>
      <c r="SUU52" s="7">
        <f t="shared" si="501"/>
        <v>16629.407999999999</v>
      </c>
      <c r="SUV52" s="7">
        <f t="shared" si="501"/>
        <v>16629.407999999999</v>
      </c>
      <c r="SUW52" s="7">
        <f t="shared" si="501"/>
        <v>16629.407999999999</v>
      </c>
      <c r="SUX52" s="7">
        <f t="shared" si="501"/>
        <v>16629.407999999999</v>
      </c>
      <c r="SUY52" s="7">
        <f t="shared" si="501"/>
        <v>16629.407999999999</v>
      </c>
      <c r="SUZ52" s="7">
        <f t="shared" si="501"/>
        <v>16629.407999999999</v>
      </c>
      <c r="SVA52" s="7">
        <f t="shared" si="501"/>
        <v>16629.407999999999</v>
      </c>
      <c r="SVB52" s="7">
        <f t="shared" si="501"/>
        <v>16629.407999999999</v>
      </c>
      <c r="SVC52" s="7">
        <f t="shared" si="501"/>
        <v>16629.407999999999</v>
      </c>
      <c r="SVD52" s="7">
        <f t="shared" si="501"/>
        <v>16629.407999999999</v>
      </c>
      <c r="SVE52" s="7">
        <f t="shared" si="501"/>
        <v>16629.407999999999</v>
      </c>
      <c r="SVF52" s="7">
        <f t="shared" si="501"/>
        <v>16629.407999999999</v>
      </c>
      <c r="SVG52" s="7">
        <f t="shared" si="501"/>
        <v>16629.407999999999</v>
      </c>
      <c r="SVH52" s="7">
        <f t="shared" si="501"/>
        <v>16629.407999999999</v>
      </c>
      <c r="SVI52" s="7">
        <f t="shared" si="501"/>
        <v>16629.407999999999</v>
      </c>
      <c r="SVJ52" s="7">
        <f t="shared" si="501"/>
        <v>16629.407999999999</v>
      </c>
      <c r="SVK52" s="7">
        <f t="shared" si="501"/>
        <v>16629.407999999999</v>
      </c>
      <c r="SVL52" s="7">
        <f t="shared" si="501"/>
        <v>16629.407999999999</v>
      </c>
      <c r="SVM52" s="7">
        <f t="shared" si="501"/>
        <v>16629.407999999999</v>
      </c>
      <c r="SVN52" s="7">
        <f t="shared" si="501"/>
        <v>16629.407999999999</v>
      </c>
      <c r="SVO52" s="7">
        <f t="shared" si="501"/>
        <v>16629.407999999999</v>
      </c>
      <c r="SVP52" s="7">
        <f t="shared" si="501"/>
        <v>16629.407999999999</v>
      </c>
      <c r="SVQ52" s="7">
        <f t="shared" si="501"/>
        <v>16629.407999999999</v>
      </c>
      <c r="SVR52" s="7">
        <f t="shared" si="501"/>
        <v>16629.407999999999</v>
      </c>
      <c r="SVS52" s="7">
        <f t="shared" si="501"/>
        <v>16629.407999999999</v>
      </c>
      <c r="SVT52" s="7">
        <f t="shared" si="501"/>
        <v>16629.407999999999</v>
      </c>
      <c r="SVU52" s="7">
        <f t="shared" si="501"/>
        <v>16629.407999999999</v>
      </c>
      <c r="SVV52" s="7">
        <f t="shared" si="501"/>
        <v>16629.407999999999</v>
      </c>
      <c r="SVW52" s="7">
        <f t="shared" si="501"/>
        <v>16629.407999999999</v>
      </c>
      <c r="SVX52" s="7">
        <f t="shared" si="501"/>
        <v>16629.407999999999</v>
      </c>
      <c r="SVY52" s="7">
        <f t="shared" si="501"/>
        <v>16629.407999999999</v>
      </c>
      <c r="SVZ52" s="7">
        <f t="shared" si="501"/>
        <v>16629.407999999999</v>
      </c>
      <c r="SWA52" s="7">
        <f t="shared" si="501"/>
        <v>16629.407999999999</v>
      </c>
      <c r="SWB52" s="7">
        <f t="shared" si="501"/>
        <v>16629.407999999999</v>
      </c>
      <c r="SWC52" s="7">
        <f t="shared" si="501"/>
        <v>16629.407999999999</v>
      </c>
      <c r="SWD52" s="7">
        <f t="shared" si="501"/>
        <v>16629.407999999999</v>
      </c>
      <c r="SWE52" s="7">
        <f t="shared" si="501"/>
        <v>16629.407999999999</v>
      </c>
      <c r="SWF52" s="7">
        <f t="shared" si="501"/>
        <v>16629.407999999999</v>
      </c>
      <c r="SWG52" s="7">
        <f t="shared" si="501"/>
        <v>16629.407999999999</v>
      </c>
      <c r="SWH52" s="7">
        <f t="shared" ref="SWH52:SYS52" si="502">SWH47+SWG52</f>
        <v>16629.407999999999</v>
      </c>
      <c r="SWI52" s="7">
        <f t="shared" si="502"/>
        <v>16629.407999999999</v>
      </c>
      <c r="SWJ52" s="7">
        <f t="shared" si="502"/>
        <v>16629.407999999999</v>
      </c>
      <c r="SWK52" s="7">
        <f t="shared" si="502"/>
        <v>16629.407999999999</v>
      </c>
      <c r="SWL52" s="7">
        <f t="shared" si="502"/>
        <v>16629.407999999999</v>
      </c>
      <c r="SWM52" s="7">
        <f t="shared" si="502"/>
        <v>16629.407999999999</v>
      </c>
      <c r="SWN52" s="7">
        <f t="shared" si="502"/>
        <v>16629.407999999999</v>
      </c>
      <c r="SWO52" s="7">
        <f t="shared" si="502"/>
        <v>16629.407999999999</v>
      </c>
      <c r="SWP52" s="7">
        <f t="shared" si="502"/>
        <v>16629.407999999999</v>
      </c>
      <c r="SWQ52" s="7">
        <f t="shared" si="502"/>
        <v>16629.407999999999</v>
      </c>
      <c r="SWR52" s="7">
        <f t="shared" si="502"/>
        <v>16629.407999999999</v>
      </c>
      <c r="SWS52" s="7">
        <f t="shared" si="502"/>
        <v>16629.407999999999</v>
      </c>
      <c r="SWT52" s="7">
        <f t="shared" si="502"/>
        <v>16629.407999999999</v>
      </c>
      <c r="SWU52" s="7">
        <f t="shared" si="502"/>
        <v>16629.407999999999</v>
      </c>
      <c r="SWV52" s="7">
        <f t="shared" si="502"/>
        <v>16629.407999999999</v>
      </c>
      <c r="SWW52" s="7">
        <f t="shared" si="502"/>
        <v>16629.407999999999</v>
      </c>
      <c r="SWX52" s="7">
        <f t="shared" si="502"/>
        <v>16629.407999999999</v>
      </c>
      <c r="SWY52" s="7">
        <f t="shared" si="502"/>
        <v>16629.407999999999</v>
      </c>
      <c r="SWZ52" s="7">
        <f t="shared" si="502"/>
        <v>16629.407999999999</v>
      </c>
      <c r="SXA52" s="7">
        <f t="shared" si="502"/>
        <v>16629.407999999999</v>
      </c>
      <c r="SXB52" s="7">
        <f t="shared" si="502"/>
        <v>16629.407999999999</v>
      </c>
      <c r="SXC52" s="7">
        <f t="shared" si="502"/>
        <v>16629.407999999999</v>
      </c>
      <c r="SXD52" s="7">
        <f t="shared" si="502"/>
        <v>16629.407999999999</v>
      </c>
      <c r="SXE52" s="7">
        <f t="shared" si="502"/>
        <v>16629.407999999999</v>
      </c>
      <c r="SXF52" s="7">
        <f t="shared" si="502"/>
        <v>16629.407999999999</v>
      </c>
      <c r="SXG52" s="7">
        <f t="shared" si="502"/>
        <v>16629.407999999999</v>
      </c>
      <c r="SXH52" s="7">
        <f t="shared" si="502"/>
        <v>16629.407999999999</v>
      </c>
      <c r="SXI52" s="7">
        <f t="shared" si="502"/>
        <v>16629.407999999999</v>
      </c>
      <c r="SXJ52" s="7">
        <f t="shared" si="502"/>
        <v>16629.407999999999</v>
      </c>
      <c r="SXK52" s="7">
        <f t="shared" si="502"/>
        <v>16629.407999999999</v>
      </c>
      <c r="SXL52" s="7">
        <f t="shared" si="502"/>
        <v>16629.407999999999</v>
      </c>
      <c r="SXM52" s="7">
        <f t="shared" si="502"/>
        <v>16629.407999999999</v>
      </c>
      <c r="SXN52" s="7">
        <f t="shared" si="502"/>
        <v>16629.407999999999</v>
      </c>
      <c r="SXO52" s="7">
        <f t="shared" si="502"/>
        <v>16629.407999999999</v>
      </c>
      <c r="SXP52" s="7">
        <f t="shared" si="502"/>
        <v>16629.407999999999</v>
      </c>
      <c r="SXQ52" s="7">
        <f t="shared" si="502"/>
        <v>16629.407999999999</v>
      </c>
      <c r="SXR52" s="7">
        <f t="shared" si="502"/>
        <v>16629.407999999999</v>
      </c>
      <c r="SXS52" s="7">
        <f t="shared" si="502"/>
        <v>16629.407999999999</v>
      </c>
      <c r="SXT52" s="7">
        <f t="shared" si="502"/>
        <v>16629.407999999999</v>
      </c>
      <c r="SXU52" s="7">
        <f t="shared" si="502"/>
        <v>16629.407999999999</v>
      </c>
      <c r="SXV52" s="7">
        <f t="shared" si="502"/>
        <v>16629.407999999999</v>
      </c>
      <c r="SXW52" s="7">
        <f t="shared" si="502"/>
        <v>16629.407999999999</v>
      </c>
      <c r="SXX52" s="7">
        <f t="shared" si="502"/>
        <v>16629.407999999999</v>
      </c>
      <c r="SXY52" s="7">
        <f t="shared" si="502"/>
        <v>16629.407999999999</v>
      </c>
      <c r="SXZ52" s="7">
        <f t="shared" si="502"/>
        <v>16629.407999999999</v>
      </c>
      <c r="SYA52" s="7">
        <f t="shared" si="502"/>
        <v>16629.407999999999</v>
      </c>
      <c r="SYB52" s="7">
        <f t="shared" si="502"/>
        <v>16629.407999999999</v>
      </c>
      <c r="SYC52" s="7">
        <f t="shared" si="502"/>
        <v>16629.407999999999</v>
      </c>
      <c r="SYD52" s="7">
        <f t="shared" si="502"/>
        <v>16629.407999999999</v>
      </c>
      <c r="SYE52" s="7">
        <f t="shared" si="502"/>
        <v>16629.407999999999</v>
      </c>
      <c r="SYF52" s="7">
        <f t="shared" si="502"/>
        <v>16629.407999999999</v>
      </c>
      <c r="SYG52" s="7">
        <f t="shared" si="502"/>
        <v>16629.407999999999</v>
      </c>
      <c r="SYH52" s="7">
        <f t="shared" si="502"/>
        <v>16629.407999999999</v>
      </c>
      <c r="SYI52" s="7">
        <f t="shared" si="502"/>
        <v>16629.407999999999</v>
      </c>
      <c r="SYJ52" s="7">
        <f t="shared" si="502"/>
        <v>16629.407999999999</v>
      </c>
      <c r="SYK52" s="7">
        <f t="shared" si="502"/>
        <v>16629.407999999999</v>
      </c>
      <c r="SYL52" s="7">
        <f t="shared" si="502"/>
        <v>16629.407999999999</v>
      </c>
      <c r="SYM52" s="7">
        <f t="shared" si="502"/>
        <v>16629.407999999999</v>
      </c>
      <c r="SYN52" s="7">
        <f t="shared" si="502"/>
        <v>16629.407999999999</v>
      </c>
      <c r="SYO52" s="7">
        <f t="shared" si="502"/>
        <v>16629.407999999999</v>
      </c>
      <c r="SYP52" s="7">
        <f t="shared" si="502"/>
        <v>16629.407999999999</v>
      </c>
      <c r="SYQ52" s="7">
        <f t="shared" si="502"/>
        <v>16629.407999999999</v>
      </c>
      <c r="SYR52" s="7">
        <f t="shared" si="502"/>
        <v>16629.407999999999</v>
      </c>
      <c r="SYS52" s="7">
        <f t="shared" si="502"/>
        <v>16629.407999999999</v>
      </c>
      <c r="SYT52" s="7">
        <f t="shared" ref="SYT52:TBE52" si="503">SYT47+SYS52</f>
        <v>16629.407999999999</v>
      </c>
      <c r="SYU52" s="7">
        <f t="shared" si="503"/>
        <v>16629.407999999999</v>
      </c>
      <c r="SYV52" s="7">
        <f t="shared" si="503"/>
        <v>16629.407999999999</v>
      </c>
      <c r="SYW52" s="7">
        <f t="shared" si="503"/>
        <v>16629.407999999999</v>
      </c>
      <c r="SYX52" s="7">
        <f t="shared" si="503"/>
        <v>16629.407999999999</v>
      </c>
      <c r="SYY52" s="7">
        <f t="shared" si="503"/>
        <v>16629.407999999999</v>
      </c>
      <c r="SYZ52" s="7">
        <f t="shared" si="503"/>
        <v>16629.407999999999</v>
      </c>
      <c r="SZA52" s="7">
        <f t="shared" si="503"/>
        <v>16629.407999999999</v>
      </c>
      <c r="SZB52" s="7">
        <f t="shared" si="503"/>
        <v>16629.407999999999</v>
      </c>
      <c r="SZC52" s="7">
        <f t="shared" si="503"/>
        <v>16629.407999999999</v>
      </c>
      <c r="SZD52" s="7">
        <f t="shared" si="503"/>
        <v>16629.407999999999</v>
      </c>
      <c r="SZE52" s="7">
        <f t="shared" si="503"/>
        <v>16629.407999999999</v>
      </c>
      <c r="SZF52" s="7">
        <f t="shared" si="503"/>
        <v>16629.407999999999</v>
      </c>
      <c r="SZG52" s="7">
        <f t="shared" si="503"/>
        <v>16629.407999999999</v>
      </c>
      <c r="SZH52" s="7">
        <f t="shared" si="503"/>
        <v>16629.407999999999</v>
      </c>
      <c r="SZI52" s="7">
        <f t="shared" si="503"/>
        <v>16629.407999999999</v>
      </c>
      <c r="SZJ52" s="7">
        <f t="shared" si="503"/>
        <v>16629.407999999999</v>
      </c>
      <c r="SZK52" s="7">
        <f t="shared" si="503"/>
        <v>16629.407999999999</v>
      </c>
      <c r="SZL52" s="7">
        <f t="shared" si="503"/>
        <v>16629.407999999999</v>
      </c>
      <c r="SZM52" s="7">
        <f t="shared" si="503"/>
        <v>16629.407999999999</v>
      </c>
      <c r="SZN52" s="7">
        <f t="shared" si="503"/>
        <v>16629.407999999999</v>
      </c>
      <c r="SZO52" s="7">
        <f t="shared" si="503"/>
        <v>16629.407999999999</v>
      </c>
      <c r="SZP52" s="7">
        <f t="shared" si="503"/>
        <v>16629.407999999999</v>
      </c>
      <c r="SZQ52" s="7">
        <f t="shared" si="503"/>
        <v>16629.407999999999</v>
      </c>
      <c r="SZR52" s="7">
        <f t="shared" si="503"/>
        <v>16629.407999999999</v>
      </c>
      <c r="SZS52" s="7">
        <f t="shared" si="503"/>
        <v>16629.407999999999</v>
      </c>
      <c r="SZT52" s="7">
        <f t="shared" si="503"/>
        <v>16629.407999999999</v>
      </c>
      <c r="SZU52" s="7">
        <f t="shared" si="503"/>
        <v>16629.407999999999</v>
      </c>
      <c r="SZV52" s="7">
        <f t="shared" si="503"/>
        <v>16629.407999999999</v>
      </c>
      <c r="SZW52" s="7">
        <f t="shared" si="503"/>
        <v>16629.407999999999</v>
      </c>
      <c r="SZX52" s="7">
        <f t="shared" si="503"/>
        <v>16629.407999999999</v>
      </c>
      <c r="SZY52" s="7">
        <f t="shared" si="503"/>
        <v>16629.407999999999</v>
      </c>
      <c r="SZZ52" s="7">
        <f t="shared" si="503"/>
        <v>16629.407999999999</v>
      </c>
      <c r="TAA52" s="7">
        <f t="shared" si="503"/>
        <v>16629.407999999999</v>
      </c>
      <c r="TAB52" s="7">
        <f t="shared" si="503"/>
        <v>16629.407999999999</v>
      </c>
      <c r="TAC52" s="7">
        <f t="shared" si="503"/>
        <v>16629.407999999999</v>
      </c>
      <c r="TAD52" s="7">
        <f t="shared" si="503"/>
        <v>16629.407999999999</v>
      </c>
      <c r="TAE52" s="7">
        <f t="shared" si="503"/>
        <v>16629.407999999999</v>
      </c>
      <c r="TAF52" s="7">
        <f t="shared" si="503"/>
        <v>16629.407999999999</v>
      </c>
      <c r="TAG52" s="7">
        <f t="shared" si="503"/>
        <v>16629.407999999999</v>
      </c>
      <c r="TAH52" s="7">
        <f t="shared" si="503"/>
        <v>16629.407999999999</v>
      </c>
      <c r="TAI52" s="7">
        <f t="shared" si="503"/>
        <v>16629.407999999999</v>
      </c>
      <c r="TAJ52" s="7">
        <f t="shared" si="503"/>
        <v>16629.407999999999</v>
      </c>
      <c r="TAK52" s="7">
        <f t="shared" si="503"/>
        <v>16629.407999999999</v>
      </c>
      <c r="TAL52" s="7">
        <f t="shared" si="503"/>
        <v>16629.407999999999</v>
      </c>
      <c r="TAM52" s="7">
        <f t="shared" si="503"/>
        <v>16629.407999999999</v>
      </c>
      <c r="TAN52" s="7">
        <f t="shared" si="503"/>
        <v>16629.407999999999</v>
      </c>
      <c r="TAO52" s="7">
        <f t="shared" si="503"/>
        <v>16629.407999999999</v>
      </c>
      <c r="TAP52" s="7">
        <f t="shared" si="503"/>
        <v>16629.407999999999</v>
      </c>
      <c r="TAQ52" s="7">
        <f t="shared" si="503"/>
        <v>16629.407999999999</v>
      </c>
      <c r="TAR52" s="7">
        <f t="shared" si="503"/>
        <v>16629.407999999999</v>
      </c>
      <c r="TAS52" s="7">
        <f t="shared" si="503"/>
        <v>16629.407999999999</v>
      </c>
      <c r="TAT52" s="7">
        <f t="shared" si="503"/>
        <v>16629.407999999999</v>
      </c>
      <c r="TAU52" s="7">
        <f t="shared" si="503"/>
        <v>16629.407999999999</v>
      </c>
      <c r="TAV52" s="7">
        <f t="shared" si="503"/>
        <v>16629.407999999999</v>
      </c>
      <c r="TAW52" s="7">
        <f t="shared" si="503"/>
        <v>16629.407999999999</v>
      </c>
      <c r="TAX52" s="7">
        <f t="shared" si="503"/>
        <v>16629.407999999999</v>
      </c>
      <c r="TAY52" s="7">
        <f t="shared" si="503"/>
        <v>16629.407999999999</v>
      </c>
      <c r="TAZ52" s="7">
        <f t="shared" si="503"/>
        <v>16629.407999999999</v>
      </c>
      <c r="TBA52" s="7">
        <f t="shared" si="503"/>
        <v>16629.407999999999</v>
      </c>
      <c r="TBB52" s="7">
        <f t="shared" si="503"/>
        <v>16629.407999999999</v>
      </c>
      <c r="TBC52" s="7">
        <f t="shared" si="503"/>
        <v>16629.407999999999</v>
      </c>
      <c r="TBD52" s="7">
        <f t="shared" si="503"/>
        <v>16629.407999999999</v>
      </c>
      <c r="TBE52" s="7">
        <f t="shared" si="503"/>
        <v>16629.407999999999</v>
      </c>
      <c r="TBF52" s="7">
        <f t="shared" ref="TBF52:TDQ52" si="504">TBF47+TBE52</f>
        <v>16629.407999999999</v>
      </c>
      <c r="TBG52" s="7">
        <f t="shared" si="504"/>
        <v>16629.407999999999</v>
      </c>
      <c r="TBH52" s="7">
        <f t="shared" si="504"/>
        <v>16629.407999999999</v>
      </c>
      <c r="TBI52" s="7">
        <f t="shared" si="504"/>
        <v>16629.407999999999</v>
      </c>
      <c r="TBJ52" s="7">
        <f t="shared" si="504"/>
        <v>16629.407999999999</v>
      </c>
      <c r="TBK52" s="7">
        <f t="shared" si="504"/>
        <v>16629.407999999999</v>
      </c>
      <c r="TBL52" s="7">
        <f t="shared" si="504"/>
        <v>16629.407999999999</v>
      </c>
      <c r="TBM52" s="7">
        <f t="shared" si="504"/>
        <v>16629.407999999999</v>
      </c>
      <c r="TBN52" s="7">
        <f t="shared" si="504"/>
        <v>16629.407999999999</v>
      </c>
      <c r="TBO52" s="7">
        <f t="shared" si="504"/>
        <v>16629.407999999999</v>
      </c>
      <c r="TBP52" s="7">
        <f t="shared" si="504"/>
        <v>16629.407999999999</v>
      </c>
      <c r="TBQ52" s="7">
        <f t="shared" si="504"/>
        <v>16629.407999999999</v>
      </c>
      <c r="TBR52" s="7">
        <f t="shared" si="504"/>
        <v>16629.407999999999</v>
      </c>
      <c r="TBS52" s="7">
        <f t="shared" si="504"/>
        <v>16629.407999999999</v>
      </c>
      <c r="TBT52" s="7">
        <f t="shared" si="504"/>
        <v>16629.407999999999</v>
      </c>
      <c r="TBU52" s="7">
        <f t="shared" si="504"/>
        <v>16629.407999999999</v>
      </c>
      <c r="TBV52" s="7">
        <f t="shared" si="504"/>
        <v>16629.407999999999</v>
      </c>
      <c r="TBW52" s="7">
        <f t="shared" si="504"/>
        <v>16629.407999999999</v>
      </c>
      <c r="TBX52" s="7">
        <f t="shared" si="504"/>
        <v>16629.407999999999</v>
      </c>
      <c r="TBY52" s="7">
        <f t="shared" si="504"/>
        <v>16629.407999999999</v>
      </c>
      <c r="TBZ52" s="7">
        <f t="shared" si="504"/>
        <v>16629.407999999999</v>
      </c>
      <c r="TCA52" s="7">
        <f t="shared" si="504"/>
        <v>16629.407999999999</v>
      </c>
      <c r="TCB52" s="7">
        <f t="shared" si="504"/>
        <v>16629.407999999999</v>
      </c>
      <c r="TCC52" s="7">
        <f t="shared" si="504"/>
        <v>16629.407999999999</v>
      </c>
      <c r="TCD52" s="7">
        <f t="shared" si="504"/>
        <v>16629.407999999999</v>
      </c>
      <c r="TCE52" s="7">
        <f t="shared" si="504"/>
        <v>16629.407999999999</v>
      </c>
      <c r="TCF52" s="7">
        <f t="shared" si="504"/>
        <v>16629.407999999999</v>
      </c>
      <c r="TCG52" s="7">
        <f t="shared" si="504"/>
        <v>16629.407999999999</v>
      </c>
      <c r="TCH52" s="7">
        <f t="shared" si="504"/>
        <v>16629.407999999999</v>
      </c>
      <c r="TCI52" s="7">
        <f t="shared" si="504"/>
        <v>16629.407999999999</v>
      </c>
      <c r="TCJ52" s="7">
        <f t="shared" si="504"/>
        <v>16629.407999999999</v>
      </c>
      <c r="TCK52" s="7">
        <f t="shared" si="504"/>
        <v>16629.407999999999</v>
      </c>
      <c r="TCL52" s="7">
        <f t="shared" si="504"/>
        <v>16629.407999999999</v>
      </c>
      <c r="TCM52" s="7">
        <f t="shared" si="504"/>
        <v>16629.407999999999</v>
      </c>
      <c r="TCN52" s="7">
        <f t="shared" si="504"/>
        <v>16629.407999999999</v>
      </c>
      <c r="TCO52" s="7">
        <f t="shared" si="504"/>
        <v>16629.407999999999</v>
      </c>
      <c r="TCP52" s="7">
        <f t="shared" si="504"/>
        <v>16629.407999999999</v>
      </c>
      <c r="TCQ52" s="7">
        <f t="shared" si="504"/>
        <v>16629.407999999999</v>
      </c>
      <c r="TCR52" s="7">
        <f t="shared" si="504"/>
        <v>16629.407999999999</v>
      </c>
      <c r="TCS52" s="7">
        <f t="shared" si="504"/>
        <v>16629.407999999999</v>
      </c>
      <c r="TCT52" s="7">
        <f t="shared" si="504"/>
        <v>16629.407999999999</v>
      </c>
      <c r="TCU52" s="7">
        <f t="shared" si="504"/>
        <v>16629.407999999999</v>
      </c>
      <c r="TCV52" s="7">
        <f t="shared" si="504"/>
        <v>16629.407999999999</v>
      </c>
      <c r="TCW52" s="7">
        <f t="shared" si="504"/>
        <v>16629.407999999999</v>
      </c>
      <c r="TCX52" s="7">
        <f t="shared" si="504"/>
        <v>16629.407999999999</v>
      </c>
      <c r="TCY52" s="7">
        <f t="shared" si="504"/>
        <v>16629.407999999999</v>
      </c>
      <c r="TCZ52" s="7">
        <f t="shared" si="504"/>
        <v>16629.407999999999</v>
      </c>
      <c r="TDA52" s="7">
        <f t="shared" si="504"/>
        <v>16629.407999999999</v>
      </c>
      <c r="TDB52" s="7">
        <f t="shared" si="504"/>
        <v>16629.407999999999</v>
      </c>
      <c r="TDC52" s="7">
        <f t="shared" si="504"/>
        <v>16629.407999999999</v>
      </c>
      <c r="TDD52" s="7">
        <f t="shared" si="504"/>
        <v>16629.407999999999</v>
      </c>
      <c r="TDE52" s="7">
        <f t="shared" si="504"/>
        <v>16629.407999999999</v>
      </c>
      <c r="TDF52" s="7">
        <f t="shared" si="504"/>
        <v>16629.407999999999</v>
      </c>
      <c r="TDG52" s="7">
        <f t="shared" si="504"/>
        <v>16629.407999999999</v>
      </c>
      <c r="TDH52" s="7">
        <f t="shared" si="504"/>
        <v>16629.407999999999</v>
      </c>
      <c r="TDI52" s="7">
        <f t="shared" si="504"/>
        <v>16629.407999999999</v>
      </c>
      <c r="TDJ52" s="7">
        <f t="shared" si="504"/>
        <v>16629.407999999999</v>
      </c>
      <c r="TDK52" s="7">
        <f t="shared" si="504"/>
        <v>16629.407999999999</v>
      </c>
      <c r="TDL52" s="7">
        <f t="shared" si="504"/>
        <v>16629.407999999999</v>
      </c>
      <c r="TDM52" s="7">
        <f t="shared" si="504"/>
        <v>16629.407999999999</v>
      </c>
      <c r="TDN52" s="7">
        <f t="shared" si="504"/>
        <v>16629.407999999999</v>
      </c>
      <c r="TDO52" s="7">
        <f t="shared" si="504"/>
        <v>16629.407999999999</v>
      </c>
      <c r="TDP52" s="7">
        <f t="shared" si="504"/>
        <v>16629.407999999999</v>
      </c>
      <c r="TDQ52" s="7">
        <f t="shared" si="504"/>
        <v>16629.407999999999</v>
      </c>
      <c r="TDR52" s="7">
        <f t="shared" ref="TDR52:TGC52" si="505">TDR47+TDQ52</f>
        <v>16629.407999999999</v>
      </c>
      <c r="TDS52" s="7">
        <f t="shared" si="505"/>
        <v>16629.407999999999</v>
      </c>
      <c r="TDT52" s="7">
        <f t="shared" si="505"/>
        <v>16629.407999999999</v>
      </c>
      <c r="TDU52" s="7">
        <f t="shared" si="505"/>
        <v>16629.407999999999</v>
      </c>
      <c r="TDV52" s="7">
        <f t="shared" si="505"/>
        <v>16629.407999999999</v>
      </c>
      <c r="TDW52" s="7">
        <f t="shared" si="505"/>
        <v>16629.407999999999</v>
      </c>
      <c r="TDX52" s="7">
        <f t="shared" si="505"/>
        <v>16629.407999999999</v>
      </c>
      <c r="TDY52" s="7">
        <f t="shared" si="505"/>
        <v>16629.407999999999</v>
      </c>
      <c r="TDZ52" s="7">
        <f t="shared" si="505"/>
        <v>16629.407999999999</v>
      </c>
      <c r="TEA52" s="7">
        <f t="shared" si="505"/>
        <v>16629.407999999999</v>
      </c>
      <c r="TEB52" s="7">
        <f t="shared" si="505"/>
        <v>16629.407999999999</v>
      </c>
      <c r="TEC52" s="7">
        <f t="shared" si="505"/>
        <v>16629.407999999999</v>
      </c>
      <c r="TED52" s="7">
        <f t="shared" si="505"/>
        <v>16629.407999999999</v>
      </c>
      <c r="TEE52" s="7">
        <f t="shared" si="505"/>
        <v>16629.407999999999</v>
      </c>
      <c r="TEF52" s="7">
        <f t="shared" si="505"/>
        <v>16629.407999999999</v>
      </c>
      <c r="TEG52" s="7">
        <f t="shared" si="505"/>
        <v>16629.407999999999</v>
      </c>
      <c r="TEH52" s="7">
        <f t="shared" si="505"/>
        <v>16629.407999999999</v>
      </c>
      <c r="TEI52" s="7">
        <f t="shared" si="505"/>
        <v>16629.407999999999</v>
      </c>
      <c r="TEJ52" s="7">
        <f t="shared" si="505"/>
        <v>16629.407999999999</v>
      </c>
      <c r="TEK52" s="7">
        <f t="shared" si="505"/>
        <v>16629.407999999999</v>
      </c>
      <c r="TEL52" s="7">
        <f t="shared" si="505"/>
        <v>16629.407999999999</v>
      </c>
      <c r="TEM52" s="7">
        <f t="shared" si="505"/>
        <v>16629.407999999999</v>
      </c>
      <c r="TEN52" s="7">
        <f t="shared" si="505"/>
        <v>16629.407999999999</v>
      </c>
      <c r="TEO52" s="7">
        <f t="shared" si="505"/>
        <v>16629.407999999999</v>
      </c>
      <c r="TEP52" s="7">
        <f t="shared" si="505"/>
        <v>16629.407999999999</v>
      </c>
      <c r="TEQ52" s="7">
        <f t="shared" si="505"/>
        <v>16629.407999999999</v>
      </c>
      <c r="TER52" s="7">
        <f t="shared" si="505"/>
        <v>16629.407999999999</v>
      </c>
      <c r="TES52" s="7">
        <f t="shared" si="505"/>
        <v>16629.407999999999</v>
      </c>
      <c r="TET52" s="7">
        <f t="shared" si="505"/>
        <v>16629.407999999999</v>
      </c>
      <c r="TEU52" s="7">
        <f t="shared" si="505"/>
        <v>16629.407999999999</v>
      </c>
      <c r="TEV52" s="7">
        <f t="shared" si="505"/>
        <v>16629.407999999999</v>
      </c>
      <c r="TEW52" s="7">
        <f t="shared" si="505"/>
        <v>16629.407999999999</v>
      </c>
      <c r="TEX52" s="7">
        <f t="shared" si="505"/>
        <v>16629.407999999999</v>
      </c>
      <c r="TEY52" s="7">
        <f t="shared" si="505"/>
        <v>16629.407999999999</v>
      </c>
      <c r="TEZ52" s="7">
        <f t="shared" si="505"/>
        <v>16629.407999999999</v>
      </c>
      <c r="TFA52" s="7">
        <f t="shared" si="505"/>
        <v>16629.407999999999</v>
      </c>
      <c r="TFB52" s="7">
        <f t="shared" si="505"/>
        <v>16629.407999999999</v>
      </c>
      <c r="TFC52" s="7">
        <f t="shared" si="505"/>
        <v>16629.407999999999</v>
      </c>
      <c r="TFD52" s="7">
        <f t="shared" si="505"/>
        <v>16629.407999999999</v>
      </c>
      <c r="TFE52" s="7">
        <f t="shared" si="505"/>
        <v>16629.407999999999</v>
      </c>
      <c r="TFF52" s="7">
        <f t="shared" si="505"/>
        <v>16629.407999999999</v>
      </c>
      <c r="TFG52" s="7">
        <f t="shared" si="505"/>
        <v>16629.407999999999</v>
      </c>
      <c r="TFH52" s="7">
        <f t="shared" si="505"/>
        <v>16629.407999999999</v>
      </c>
      <c r="TFI52" s="7">
        <f t="shared" si="505"/>
        <v>16629.407999999999</v>
      </c>
      <c r="TFJ52" s="7">
        <f t="shared" si="505"/>
        <v>16629.407999999999</v>
      </c>
      <c r="TFK52" s="7">
        <f t="shared" si="505"/>
        <v>16629.407999999999</v>
      </c>
      <c r="TFL52" s="7">
        <f t="shared" si="505"/>
        <v>16629.407999999999</v>
      </c>
      <c r="TFM52" s="7">
        <f t="shared" si="505"/>
        <v>16629.407999999999</v>
      </c>
      <c r="TFN52" s="7">
        <f t="shared" si="505"/>
        <v>16629.407999999999</v>
      </c>
      <c r="TFO52" s="7">
        <f t="shared" si="505"/>
        <v>16629.407999999999</v>
      </c>
      <c r="TFP52" s="7">
        <f t="shared" si="505"/>
        <v>16629.407999999999</v>
      </c>
      <c r="TFQ52" s="7">
        <f t="shared" si="505"/>
        <v>16629.407999999999</v>
      </c>
      <c r="TFR52" s="7">
        <f t="shared" si="505"/>
        <v>16629.407999999999</v>
      </c>
      <c r="TFS52" s="7">
        <f t="shared" si="505"/>
        <v>16629.407999999999</v>
      </c>
      <c r="TFT52" s="7">
        <f t="shared" si="505"/>
        <v>16629.407999999999</v>
      </c>
      <c r="TFU52" s="7">
        <f t="shared" si="505"/>
        <v>16629.407999999999</v>
      </c>
      <c r="TFV52" s="7">
        <f t="shared" si="505"/>
        <v>16629.407999999999</v>
      </c>
      <c r="TFW52" s="7">
        <f t="shared" si="505"/>
        <v>16629.407999999999</v>
      </c>
      <c r="TFX52" s="7">
        <f t="shared" si="505"/>
        <v>16629.407999999999</v>
      </c>
      <c r="TFY52" s="7">
        <f t="shared" si="505"/>
        <v>16629.407999999999</v>
      </c>
      <c r="TFZ52" s="7">
        <f t="shared" si="505"/>
        <v>16629.407999999999</v>
      </c>
      <c r="TGA52" s="7">
        <f t="shared" si="505"/>
        <v>16629.407999999999</v>
      </c>
      <c r="TGB52" s="7">
        <f t="shared" si="505"/>
        <v>16629.407999999999</v>
      </c>
      <c r="TGC52" s="7">
        <f t="shared" si="505"/>
        <v>16629.407999999999</v>
      </c>
      <c r="TGD52" s="7">
        <f t="shared" ref="TGD52:TIO52" si="506">TGD47+TGC52</f>
        <v>16629.407999999999</v>
      </c>
      <c r="TGE52" s="7">
        <f t="shared" si="506"/>
        <v>16629.407999999999</v>
      </c>
      <c r="TGF52" s="7">
        <f t="shared" si="506"/>
        <v>16629.407999999999</v>
      </c>
      <c r="TGG52" s="7">
        <f t="shared" si="506"/>
        <v>16629.407999999999</v>
      </c>
      <c r="TGH52" s="7">
        <f t="shared" si="506"/>
        <v>16629.407999999999</v>
      </c>
      <c r="TGI52" s="7">
        <f t="shared" si="506"/>
        <v>16629.407999999999</v>
      </c>
      <c r="TGJ52" s="7">
        <f t="shared" si="506"/>
        <v>16629.407999999999</v>
      </c>
      <c r="TGK52" s="7">
        <f t="shared" si="506"/>
        <v>16629.407999999999</v>
      </c>
      <c r="TGL52" s="7">
        <f t="shared" si="506"/>
        <v>16629.407999999999</v>
      </c>
      <c r="TGM52" s="7">
        <f t="shared" si="506"/>
        <v>16629.407999999999</v>
      </c>
      <c r="TGN52" s="7">
        <f t="shared" si="506"/>
        <v>16629.407999999999</v>
      </c>
      <c r="TGO52" s="7">
        <f t="shared" si="506"/>
        <v>16629.407999999999</v>
      </c>
      <c r="TGP52" s="7">
        <f t="shared" si="506"/>
        <v>16629.407999999999</v>
      </c>
      <c r="TGQ52" s="7">
        <f t="shared" si="506"/>
        <v>16629.407999999999</v>
      </c>
      <c r="TGR52" s="7">
        <f t="shared" si="506"/>
        <v>16629.407999999999</v>
      </c>
      <c r="TGS52" s="7">
        <f t="shared" si="506"/>
        <v>16629.407999999999</v>
      </c>
      <c r="TGT52" s="7">
        <f t="shared" si="506"/>
        <v>16629.407999999999</v>
      </c>
      <c r="TGU52" s="7">
        <f t="shared" si="506"/>
        <v>16629.407999999999</v>
      </c>
      <c r="TGV52" s="7">
        <f t="shared" si="506"/>
        <v>16629.407999999999</v>
      </c>
      <c r="TGW52" s="7">
        <f t="shared" si="506"/>
        <v>16629.407999999999</v>
      </c>
      <c r="TGX52" s="7">
        <f t="shared" si="506"/>
        <v>16629.407999999999</v>
      </c>
      <c r="TGY52" s="7">
        <f t="shared" si="506"/>
        <v>16629.407999999999</v>
      </c>
      <c r="TGZ52" s="7">
        <f t="shared" si="506"/>
        <v>16629.407999999999</v>
      </c>
      <c r="THA52" s="7">
        <f t="shared" si="506"/>
        <v>16629.407999999999</v>
      </c>
      <c r="THB52" s="7">
        <f t="shared" si="506"/>
        <v>16629.407999999999</v>
      </c>
      <c r="THC52" s="7">
        <f t="shared" si="506"/>
        <v>16629.407999999999</v>
      </c>
      <c r="THD52" s="7">
        <f t="shared" si="506"/>
        <v>16629.407999999999</v>
      </c>
      <c r="THE52" s="7">
        <f t="shared" si="506"/>
        <v>16629.407999999999</v>
      </c>
      <c r="THF52" s="7">
        <f t="shared" si="506"/>
        <v>16629.407999999999</v>
      </c>
      <c r="THG52" s="7">
        <f t="shared" si="506"/>
        <v>16629.407999999999</v>
      </c>
      <c r="THH52" s="7">
        <f t="shared" si="506"/>
        <v>16629.407999999999</v>
      </c>
      <c r="THI52" s="7">
        <f t="shared" si="506"/>
        <v>16629.407999999999</v>
      </c>
      <c r="THJ52" s="7">
        <f t="shared" si="506"/>
        <v>16629.407999999999</v>
      </c>
      <c r="THK52" s="7">
        <f t="shared" si="506"/>
        <v>16629.407999999999</v>
      </c>
      <c r="THL52" s="7">
        <f t="shared" si="506"/>
        <v>16629.407999999999</v>
      </c>
      <c r="THM52" s="7">
        <f t="shared" si="506"/>
        <v>16629.407999999999</v>
      </c>
      <c r="THN52" s="7">
        <f t="shared" si="506"/>
        <v>16629.407999999999</v>
      </c>
      <c r="THO52" s="7">
        <f t="shared" si="506"/>
        <v>16629.407999999999</v>
      </c>
      <c r="THP52" s="7">
        <f t="shared" si="506"/>
        <v>16629.407999999999</v>
      </c>
      <c r="THQ52" s="7">
        <f t="shared" si="506"/>
        <v>16629.407999999999</v>
      </c>
      <c r="THR52" s="7">
        <f t="shared" si="506"/>
        <v>16629.407999999999</v>
      </c>
      <c r="THS52" s="7">
        <f t="shared" si="506"/>
        <v>16629.407999999999</v>
      </c>
      <c r="THT52" s="7">
        <f t="shared" si="506"/>
        <v>16629.407999999999</v>
      </c>
      <c r="THU52" s="7">
        <f t="shared" si="506"/>
        <v>16629.407999999999</v>
      </c>
      <c r="THV52" s="7">
        <f t="shared" si="506"/>
        <v>16629.407999999999</v>
      </c>
      <c r="THW52" s="7">
        <f t="shared" si="506"/>
        <v>16629.407999999999</v>
      </c>
      <c r="THX52" s="7">
        <f t="shared" si="506"/>
        <v>16629.407999999999</v>
      </c>
      <c r="THY52" s="7">
        <f t="shared" si="506"/>
        <v>16629.407999999999</v>
      </c>
      <c r="THZ52" s="7">
        <f t="shared" si="506"/>
        <v>16629.407999999999</v>
      </c>
      <c r="TIA52" s="7">
        <f t="shared" si="506"/>
        <v>16629.407999999999</v>
      </c>
      <c r="TIB52" s="7">
        <f t="shared" si="506"/>
        <v>16629.407999999999</v>
      </c>
      <c r="TIC52" s="7">
        <f t="shared" si="506"/>
        <v>16629.407999999999</v>
      </c>
      <c r="TID52" s="7">
        <f t="shared" si="506"/>
        <v>16629.407999999999</v>
      </c>
      <c r="TIE52" s="7">
        <f t="shared" si="506"/>
        <v>16629.407999999999</v>
      </c>
      <c r="TIF52" s="7">
        <f t="shared" si="506"/>
        <v>16629.407999999999</v>
      </c>
      <c r="TIG52" s="7">
        <f t="shared" si="506"/>
        <v>16629.407999999999</v>
      </c>
      <c r="TIH52" s="7">
        <f t="shared" si="506"/>
        <v>16629.407999999999</v>
      </c>
      <c r="TII52" s="7">
        <f t="shared" si="506"/>
        <v>16629.407999999999</v>
      </c>
      <c r="TIJ52" s="7">
        <f t="shared" si="506"/>
        <v>16629.407999999999</v>
      </c>
      <c r="TIK52" s="7">
        <f t="shared" si="506"/>
        <v>16629.407999999999</v>
      </c>
      <c r="TIL52" s="7">
        <f t="shared" si="506"/>
        <v>16629.407999999999</v>
      </c>
      <c r="TIM52" s="7">
        <f t="shared" si="506"/>
        <v>16629.407999999999</v>
      </c>
      <c r="TIN52" s="7">
        <f t="shared" si="506"/>
        <v>16629.407999999999</v>
      </c>
      <c r="TIO52" s="7">
        <f t="shared" si="506"/>
        <v>16629.407999999999</v>
      </c>
      <c r="TIP52" s="7">
        <f t="shared" ref="TIP52:TLA52" si="507">TIP47+TIO52</f>
        <v>16629.407999999999</v>
      </c>
      <c r="TIQ52" s="7">
        <f t="shared" si="507"/>
        <v>16629.407999999999</v>
      </c>
      <c r="TIR52" s="7">
        <f t="shared" si="507"/>
        <v>16629.407999999999</v>
      </c>
      <c r="TIS52" s="7">
        <f t="shared" si="507"/>
        <v>16629.407999999999</v>
      </c>
      <c r="TIT52" s="7">
        <f t="shared" si="507"/>
        <v>16629.407999999999</v>
      </c>
      <c r="TIU52" s="7">
        <f t="shared" si="507"/>
        <v>16629.407999999999</v>
      </c>
      <c r="TIV52" s="7">
        <f t="shared" si="507"/>
        <v>16629.407999999999</v>
      </c>
      <c r="TIW52" s="7">
        <f t="shared" si="507"/>
        <v>16629.407999999999</v>
      </c>
      <c r="TIX52" s="7">
        <f t="shared" si="507"/>
        <v>16629.407999999999</v>
      </c>
      <c r="TIY52" s="7">
        <f t="shared" si="507"/>
        <v>16629.407999999999</v>
      </c>
      <c r="TIZ52" s="7">
        <f t="shared" si="507"/>
        <v>16629.407999999999</v>
      </c>
      <c r="TJA52" s="7">
        <f t="shared" si="507"/>
        <v>16629.407999999999</v>
      </c>
      <c r="TJB52" s="7">
        <f t="shared" si="507"/>
        <v>16629.407999999999</v>
      </c>
      <c r="TJC52" s="7">
        <f t="shared" si="507"/>
        <v>16629.407999999999</v>
      </c>
      <c r="TJD52" s="7">
        <f t="shared" si="507"/>
        <v>16629.407999999999</v>
      </c>
      <c r="TJE52" s="7">
        <f t="shared" si="507"/>
        <v>16629.407999999999</v>
      </c>
      <c r="TJF52" s="7">
        <f t="shared" si="507"/>
        <v>16629.407999999999</v>
      </c>
      <c r="TJG52" s="7">
        <f t="shared" si="507"/>
        <v>16629.407999999999</v>
      </c>
      <c r="TJH52" s="7">
        <f t="shared" si="507"/>
        <v>16629.407999999999</v>
      </c>
      <c r="TJI52" s="7">
        <f t="shared" si="507"/>
        <v>16629.407999999999</v>
      </c>
      <c r="TJJ52" s="7">
        <f t="shared" si="507"/>
        <v>16629.407999999999</v>
      </c>
      <c r="TJK52" s="7">
        <f t="shared" si="507"/>
        <v>16629.407999999999</v>
      </c>
      <c r="TJL52" s="7">
        <f t="shared" si="507"/>
        <v>16629.407999999999</v>
      </c>
      <c r="TJM52" s="7">
        <f t="shared" si="507"/>
        <v>16629.407999999999</v>
      </c>
      <c r="TJN52" s="7">
        <f t="shared" si="507"/>
        <v>16629.407999999999</v>
      </c>
      <c r="TJO52" s="7">
        <f t="shared" si="507"/>
        <v>16629.407999999999</v>
      </c>
      <c r="TJP52" s="7">
        <f t="shared" si="507"/>
        <v>16629.407999999999</v>
      </c>
      <c r="TJQ52" s="7">
        <f t="shared" si="507"/>
        <v>16629.407999999999</v>
      </c>
      <c r="TJR52" s="7">
        <f t="shared" si="507"/>
        <v>16629.407999999999</v>
      </c>
      <c r="TJS52" s="7">
        <f t="shared" si="507"/>
        <v>16629.407999999999</v>
      </c>
      <c r="TJT52" s="7">
        <f t="shared" si="507"/>
        <v>16629.407999999999</v>
      </c>
      <c r="TJU52" s="7">
        <f t="shared" si="507"/>
        <v>16629.407999999999</v>
      </c>
      <c r="TJV52" s="7">
        <f t="shared" si="507"/>
        <v>16629.407999999999</v>
      </c>
      <c r="TJW52" s="7">
        <f t="shared" si="507"/>
        <v>16629.407999999999</v>
      </c>
      <c r="TJX52" s="7">
        <f t="shared" si="507"/>
        <v>16629.407999999999</v>
      </c>
      <c r="TJY52" s="7">
        <f t="shared" si="507"/>
        <v>16629.407999999999</v>
      </c>
      <c r="TJZ52" s="7">
        <f t="shared" si="507"/>
        <v>16629.407999999999</v>
      </c>
      <c r="TKA52" s="7">
        <f t="shared" si="507"/>
        <v>16629.407999999999</v>
      </c>
      <c r="TKB52" s="7">
        <f t="shared" si="507"/>
        <v>16629.407999999999</v>
      </c>
      <c r="TKC52" s="7">
        <f t="shared" si="507"/>
        <v>16629.407999999999</v>
      </c>
      <c r="TKD52" s="7">
        <f t="shared" si="507"/>
        <v>16629.407999999999</v>
      </c>
      <c r="TKE52" s="7">
        <f t="shared" si="507"/>
        <v>16629.407999999999</v>
      </c>
      <c r="TKF52" s="7">
        <f t="shared" si="507"/>
        <v>16629.407999999999</v>
      </c>
      <c r="TKG52" s="7">
        <f t="shared" si="507"/>
        <v>16629.407999999999</v>
      </c>
      <c r="TKH52" s="7">
        <f t="shared" si="507"/>
        <v>16629.407999999999</v>
      </c>
      <c r="TKI52" s="7">
        <f t="shared" si="507"/>
        <v>16629.407999999999</v>
      </c>
      <c r="TKJ52" s="7">
        <f t="shared" si="507"/>
        <v>16629.407999999999</v>
      </c>
      <c r="TKK52" s="7">
        <f t="shared" si="507"/>
        <v>16629.407999999999</v>
      </c>
      <c r="TKL52" s="7">
        <f t="shared" si="507"/>
        <v>16629.407999999999</v>
      </c>
      <c r="TKM52" s="7">
        <f t="shared" si="507"/>
        <v>16629.407999999999</v>
      </c>
      <c r="TKN52" s="7">
        <f t="shared" si="507"/>
        <v>16629.407999999999</v>
      </c>
      <c r="TKO52" s="7">
        <f t="shared" si="507"/>
        <v>16629.407999999999</v>
      </c>
      <c r="TKP52" s="7">
        <f t="shared" si="507"/>
        <v>16629.407999999999</v>
      </c>
      <c r="TKQ52" s="7">
        <f t="shared" si="507"/>
        <v>16629.407999999999</v>
      </c>
      <c r="TKR52" s="7">
        <f t="shared" si="507"/>
        <v>16629.407999999999</v>
      </c>
      <c r="TKS52" s="7">
        <f t="shared" si="507"/>
        <v>16629.407999999999</v>
      </c>
      <c r="TKT52" s="7">
        <f t="shared" si="507"/>
        <v>16629.407999999999</v>
      </c>
      <c r="TKU52" s="7">
        <f t="shared" si="507"/>
        <v>16629.407999999999</v>
      </c>
      <c r="TKV52" s="7">
        <f t="shared" si="507"/>
        <v>16629.407999999999</v>
      </c>
      <c r="TKW52" s="7">
        <f t="shared" si="507"/>
        <v>16629.407999999999</v>
      </c>
      <c r="TKX52" s="7">
        <f t="shared" si="507"/>
        <v>16629.407999999999</v>
      </c>
      <c r="TKY52" s="7">
        <f t="shared" si="507"/>
        <v>16629.407999999999</v>
      </c>
      <c r="TKZ52" s="7">
        <f t="shared" si="507"/>
        <v>16629.407999999999</v>
      </c>
      <c r="TLA52" s="7">
        <f t="shared" si="507"/>
        <v>16629.407999999999</v>
      </c>
      <c r="TLB52" s="7">
        <f t="shared" ref="TLB52:TNM52" si="508">TLB47+TLA52</f>
        <v>16629.407999999999</v>
      </c>
      <c r="TLC52" s="7">
        <f t="shared" si="508"/>
        <v>16629.407999999999</v>
      </c>
      <c r="TLD52" s="7">
        <f t="shared" si="508"/>
        <v>16629.407999999999</v>
      </c>
      <c r="TLE52" s="7">
        <f t="shared" si="508"/>
        <v>16629.407999999999</v>
      </c>
      <c r="TLF52" s="7">
        <f t="shared" si="508"/>
        <v>16629.407999999999</v>
      </c>
      <c r="TLG52" s="7">
        <f t="shared" si="508"/>
        <v>16629.407999999999</v>
      </c>
      <c r="TLH52" s="7">
        <f t="shared" si="508"/>
        <v>16629.407999999999</v>
      </c>
      <c r="TLI52" s="7">
        <f t="shared" si="508"/>
        <v>16629.407999999999</v>
      </c>
      <c r="TLJ52" s="7">
        <f t="shared" si="508"/>
        <v>16629.407999999999</v>
      </c>
      <c r="TLK52" s="7">
        <f t="shared" si="508"/>
        <v>16629.407999999999</v>
      </c>
      <c r="TLL52" s="7">
        <f t="shared" si="508"/>
        <v>16629.407999999999</v>
      </c>
      <c r="TLM52" s="7">
        <f t="shared" si="508"/>
        <v>16629.407999999999</v>
      </c>
      <c r="TLN52" s="7">
        <f t="shared" si="508"/>
        <v>16629.407999999999</v>
      </c>
      <c r="TLO52" s="7">
        <f t="shared" si="508"/>
        <v>16629.407999999999</v>
      </c>
      <c r="TLP52" s="7">
        <f t="shared" si="508"/>
        <v>16629.407999999999</v>
      </c>
      <c r="TLQ52" s="7">
        <f t="shared" si="508"/>
        <v>16629.407999999999</v>
      </c>
      <c r="TLR52" s="7">
        <f t="shared" si="508"/>
        <v>16629.407999999999</v>
      </c>
      <c r="TLS52" s="7">
        <f t="shared" si="508"/>
        <v>16629.407999999999</v>
      </c>
      <c r="TLT52" s="7">
        <f t="shared" si="508"/>
        <v>16629.407999999999</v>
      </c>
      <c r="TLU52" s="7">
        <f t="shared" si="508"/>
        <v>16629.407999999999</v>
      </c>
      <c r="TLV52" s="7">
        <f t="shared" si="508"/>
        <v>16629.407999999999</v>
      </c>
      <c r="TLW52" s="7">
        <f t="shared" si="508"/>
        <v>16629.407999999999</v>
      </c>
      <c r="TLX52" s="7">
        <f t="shared" si="508"/>
        <v>16629.407999999999</v>
      </c>
      <c r="TLY52" s="7">
        <f t="shared" si="508"/>
        <v>16629.407999999999</v>
      </c>
      <c r="TLZ52" s="7">
        <f t="shared" si="508"/>
        <v>16629.407999999999</v>
      </c>
      <c r="TMA52" s="7">
        <f t="shared" si="508"/>
        <v>16629.407999999999</v>
      </c>
      <c r="TMB52" s="7">
        <f t="shared" si="508"/>
        <v>16629.407999999999</v>
      </c>
      <c r="TMC52" s="7">
        <f t="shared" si="508"/>
        <v>16629.407999999999</v>
      </c>
      <c r="TMD52" s="7">
        <f t="shared" si="508"/>
        <v>16629.407999999999</v>
      </c>
      <c r="TME52" s="7">
        <f t="shared" si="508"/>
        <v>16629.407999999999</v>
      </c>
      <c r="TMF52" s="7">
        <f t="shared" si="508"/>
        <v>16629.407999999999</v>
      </c>
      <c r="TMG52" s="7">
        <f t="shared" si="508"/>
        <v>16629.407999999999</v>
      </c>
      <c r="TMH52" s="7">
        <f t="shared" si="508"/>
        <v>16629.407999999999</v>
      </c>
      <c r="TMI52" s="7">
        <f t="shared" si="508"/>
        <v>16629.407999999999</v>
      </c>
      <c r="TMJ52" s="7">
        <f t="shared" si="508"/>
        <v>16629.407999999999</v>
      </c>
      <c r="TMK52" s="7">
        <f t="shared" si="508"/>
        <v>16629.407999999999</v>
      </c>
      <c r="TML52" s="7">
        <f t="shared" si="508"/>
        <v>16629.407999999999</v>
      </c>
      <c r="TMM52" s="7">
        <f t="shared" si="508"/>
        <v>16629.407999999999</v>
      </c>
      <c r="TMN52" s="7">
        <f t="shared" si="508"/>
        <v>16629.407999999999</v>
      </c>
      <c r="TMO52" s="7">
        <f t="shared" si="508"/>
        <v>16629.407999999999</v>
      </c>
      <c r="TMP52" s="7">
        <f t="shared" si="508"/>
        <v>16629.407999999999</v>
      </c>
      <c r="TMQ52" s="7">
        <f t="shared" si="508"/>
        <v>16629.407999999999</v>
      </c>
      <c r="TMR52" s="7">
        <f t="shared" si="508"/>
        <v>16629.407999999999</v>
      </c>
      <c r="TMS52" s="7">
        <f t="shared" si="508"/>
        <v>16629.407999999999</v>
      </c>
      <c r="TMT52" s="7">
        <f t="shared" si="508"/>
        <v>16629.407999999999</v>
      </c>
      <c r="TMU52" s="7">
        <f t="shared" si="508"/>
        <v>16629.407999999999</v>
      </c>
      <c r="TMV52" s="7">
        <f t="shared" si="508"/>
        <v>16629.407999999999</v>
      </c>
      <c r="TMW52" s="7">
        <f t="shared" si="508"/>
        <v>16629.407999999999</v>
      </c>
      <c r="TMX52" s="7">
        <f t="shared" si="508"/>
        <v>16629.407999999999</v>
      </c>
      <c r="TMY52" s="7">
        <f t="shared" si="508"/>
        <v>16629.407999999999</v>
      </c>
      <c r="TMZ52" s="7">
        <f t="shared" si="508"/>
        <v>16629.407999999999</v>
      </c>
      <c r="TNA52" s="7">
        <f t="shared" si="508"/>
        <v>16629.407999999999</v>
      </c>
      <c r="TNB52" s="7">
        <f t="shared" si="508"/>
        <v>16629.407999999999</v>
      </c>
      <c r="TNC52" s="7">
        <f t="shared" si="508"/>
        <v>16629.407999999999</v>
      </c>
      <c r="TND52" s="7">
        <f t="shared" si="508"/>
        <v>16629.407999999999</v>
      </c>
      <c r="TNE52" s="7">
        <f t="shared" si="508"/>
        <v>16629.407999999999</v>
      </c>
      <c r="TNF52" s="7">
        <f t="shared" si="508"/>
        <v>16629.407999999999</v>
      </c>
      <c r="TNG52" s="7">
        <f t="shared" si="508"/>
        <v>16629.407999999999</v>
      </c>
      <c r="TNH52" s="7">
        <f t="shared" si="508"/>
        <v>16629.407999999999</v>
      </c>
      <c r="TNI52" s="7">
        <f t="shared" si="508"/>
        <v>16629.407999999999</v>
      </c>
      <c r="TNJ52" s="7">
        <f t="shared" si="508"/>
        <v>16629.407999999999</v>
      </c>
      <c r="TNK52" s="7">
        <f t="shared" si="508"/>
        <v>16629.407999999999</v>
      </c>
      <c r="TNL52" s="7">
        <f t="shared" si="508"/>
        <v>16629.407999999999</v>
      </c>
      <c r="TNM52" s="7">
        <f t="shared" si="508"/>
        <v>16629.407999999999</v>
      </c>
      <c r="TNN52" s="7">
        <f t="shared" ref="TNN52:TPY52" si="509">TNN47+TNM52</f>
        <v>16629.407999999999</v>
      </c>
      <c r="TNO52" s="7">
        <f t="shared" si="509"/>
        <v>16629.407999999999</v>
      </c>
      <c r="TNP52" s="7">
        <f t="shared" si="509"/>
        <v>16629.407999999999</v>
      </c>
      <c r="TNQ52" s="7">
        <f t="shared" si="509"/>
        <v>16629.407999999999</v>
      </c>
      <c r="TNR52" s="7">
        <f t="shared" si="509"/>
        <v>16629.407999999999</v>
      </c>
      <c r="TNS52" s="7">
        <f t="shared" si="509"/>
        <v>16629.407999999999</v>
      </c>
      <c r="TNT52" s="7">
        <f t="shared" si="509"/>
        <v>16629.407999999999</v>
      </c>
      <c r="TNU52" s="7">
        <f t="shared" si="509"/>
        <v>16629.407999999999</v>
      </c>
      <c r="TNV52" s="7">
        <f t="shared" si="509"/>
        <v>16629.407999999999</v>
      </c>
      <c r="TNW52" s="7">
        <f t="shared" si="509"/>
        <v>16629.407999999999</v>
      </c>
      <c r="TNX52" s="7">
        <f t="shared" si="509"/>
        <v>16629.407999999999</v>
      </c>
      <c r="TNY52" s="7">
        <f t="shared" si="509"/>
        <v>16629.407999999999</v>
      </c>
      <c r="TNZ52" s="7">
        <f t="shared" si="509"/>
        <v>16629.407999999999</v>
      </c>
      <c r="TOA52" s="7">
        <f t="shared" si="509"/>
        <v>16629.407999999999</v>
      </c>
      <c r="TOB52" s="7">
        <f t="shared" si="509"/>
        <v>16629.407999999999</v>
      </c>
      <c r="TOC52" s="7">
        <f t="shared" si="509"/>
        <v>16629.407999999999</v>
      </c>
      <c r="TOD52" s="7">
        <f t="shared" si="509"/>
        <v>16629.407999999999</v>
      </c>
      <c r="TOE52" s="7">
        <f t="shared" si="509"/>
        <v>16629.407999999999</v>
      </c>
      <c r="TOF52" s="7">
        <f t="shared" si="509"/>
        <v>16629.407999999999</v>
      </c>
      <c r="TOG52" s="7">
        <f t="shared" si="509"/>
        <v>16629.407999999999</v>
      </c>
      <c r="TOH52" s="7">
        <f t="shared" si="509"/>
        <v>16629.407999999999</v>
      </c>
      <c r="TOI52" s="7">
        <f t="shared" si="509"/>
        <v>16629.407999999999</v>
      </c>
      <c r="TOJ52" s="7">
        <f t="shared" si="509"/>
        <v>16629.407999999999</v>
      </c>
      <c r="TOK52" s="7">
        <f t="shared" si="509"/>
        <v>16629.407999999999</v>
      </c>
      <c r="TOL52" s="7">
        <f t="shared" si="509"/>
        <v>16629.407999999999</v>
      </c>
      <c r="TOM52" s="7">
        <f t="shared" si="509"/>
        <v>16629.407999999999</v>
      </c>
      <c r="TON52" s="7">
        <f t="shared" si="509"/>
        <v>16629.407999999999</v>
      </c>
      <c r="TOO52" s="7">
        <f t="shared" si="509"/>
        <v>16629.407999999999</v>
      </c>
      <c r="TOP52" s="7">
        <f t="shared" si="509"/>
        <v>16629.407999999999</v>
      </c>
      <c r="TOQ52" s="7">
        <f t="shared" si="509"/>
        <v>16629.407999999999</v>
      </c>
      <c r="TOR52" s="7">
        <f t="shared" si="509"/>
        <v>16629.407999999999</v>
      </c>
      <c r="TOS52" s="7">
        <f t="shared" si="509"/>
        <v>16629.407999999999</v>
      </c>
      <c r="TOT52" s="7">
        <f t="shared" si="509"/>
        <v>16629.407999999999</v>
      </c>
      <c r="TOU52" s="7">
        <f t="shared" si="509"/>
        <v>16629.407999999999</v>
      </c>
      <c r="TOV52" s="7">
        <f t="shared" si="509"/>
        <v>16629.407999999999</v>
      </c>
      <c r="TOW52" s="7">
        <f t="shared" si="509"/>
        <v>16629.407999999999</v>
      </c>
      <c r="TOX52" s="7">
        <f t="shared" si="509"/>
        <v>16629.407999999999</v>
      </c>
      <c r="TOY52" s="7">
        <f t="shared" si="509"/>
        <v>16629.407999999999</v>
      </c>
      <c r="TOZ52" s="7">
        <f t="shared" si="509"/>
        <v>16629.407999999999</v>
      </c>
      <c r="TPA52" s="7">
        <f t="shared" si="509"/>
        <v>16629.407999999999</v>
      </c>
      <c r="TPB52" s="7">
        <f t="shared" si="509"/>
        <v>16629.407999999999</v>
      </c>
      <c r="TPC52" s="7">
        <f t="shared" si="509"/>
        <v>16629.407999999999</v>
      </c>
      <c r="TPD52" s="7">
        <f t="shared" si="509"/>
        <v>16629.407999999999</v>
      </c>
      <c r="TPE52" s="7">
        <f t="shared" si="509"/>
        <v>16629.407999999999</v>
      </c>
      <c r="TPF52" s="7">
        <f t="shared" si="509"/>
        <v>16629.407999999999</v>
      </c>
      <c r="TPG52" s="7">
        <f t="shared" si="509"/>
        <v>16629.407999999999</v>
      </c>
      <c r="TPH52" s="7">
        <f t="shared" si="509"/>
        <v>16629.407999999999</v>
      </c>
      <c r="TPI52" s="7">
        <f t="shared" si="509"/>
        <v>16629.407999999999</v>
      </c>
      <c r="TPJ52" s="7">
        <f t="shared" si="509"/>
        <v>16629.407999999999</v>
      </c>
      <c r="TPK52" s="7">
        <f t="shared" si="509"/>
        <v>16629.407999999999</v>
      </c>
      <c r="TPL52" s="7">
        <f t="shared" si="509"/>
        <v>16629.407999999999</v>
      </c>
      <c r="TPM52" s="7">
        <f t="shared" si="509"/>
        <v>16629.407999999999</v>
      </c>
      <c r="TPN52" s="7">
        <f t="shared" si="509"/>
        <v>16629.407999999999</v>
      </c>
      <c r="TPO52" s="7">
        <f t="shared" si="509"/>
        <v>16629.407999999999</v>
      </c>
      <c r="TPP52" s="7">
        <f t="shared" si="509"/>
        <v>16629.407999999999</v>
      </c>
      <c r="TPQ52" s="7">
        <f t="shared" si="509"/>
        <v>16629.407999999999</v>
      </c>
      <c r="TPR52" s="7">
        <f t="shared" si="509"/>
        <v>16629.407999999999</v>
      </c>
      <c r="TPS52" s="7">
        <f t="shared" si="509"/>
        <v>16629.407999999999</v>
      </c>
      <c r="TPT52" s="7">
        <f t="shared" si="509"/>
        <v>16629.407999999999</v>
      </c>
      <c r="TPU52" s="7">
        <f t="shared" si="509"/>
        <v>16629.407999999999</v>
      </c>
      <c r="TPV52" s="7">
        <f t="shared" si="509"/>
        <v>16629.407999999999</v>
      </c>
      <c r="TPW52" s="7">
        <f t="shared" si="509"/>
        <v>16629.407999999999</v>
      </c>
      <c r="TPX52" s="7">
        <f t="shared" si="509"/>
        <v>16629.407999999999</v>
      </c>
      <c r="TPY52" s="7">
        <f t="shared" si="509"/>
        <v>16629.407999999999</v>
      </c>
      <c r="TPZ52" s="7">
        <f t="shared" ref="TPZ52:TSK52" si="510">TPZ47+TPY52</f>
        <v>16629.407999999999</v>
      </c>
      <c r="TQA52" s="7">
        <f t="shared" si="510"/>
        <v>16629.407999999999</v>
      </c>
      <c r="TQB52" s="7">
        <f t="shared" si="510"/>
        <v>16629.407999999999</v>
      </c>
      <c r="TQC52" s="7">
        <f t="shared" si="510"/>
        <v>16629.407999999999</v>
      </c>
      <c r="TQD52" s="7">
        <f t="shared" si="510"/>
        <v>16629.407999999999</v>
      </c>
      <c r="TQE52" s="7">
        <f t="shared" si="510"/>
        <v>16629.407999999999</v>
      </c>
      <c r="TQF52" s="7">
        <f t="shared" si="510"/>
        <v>16629.407999999999</v>
      </c>
      <c r="TQG52" s="7">
        <f t="shared" si="510"/>
        <v>16629.407999999999</v>
      </c>
      <c r="TQH52" s="7">
        <f t="shared" si="510"/>
        <v>16629.407999999999</v>
      </c>
      <c r="TQI52" s="7">
        <f t="shared" si="510"/>
        <v>16629.407999999999</v>
      </c>
      <c r="TQJ52" s="7">
        <f t="shared" si="510"/>
        <v>16629.407999999999</v>
      </c>
      <c r="TQK52" s="7">
        <f t="shared" si="510"/>
        <v>16629.407999999999</v>
      </c>
      <c r="TQL52" s="7">
        <f t="shared" si="510"/>
        <v>16629.407999999999</v>
      </c>
      <c r="TQM52" s="7">
        <f t="shared" si="510"/>
        <v>16629.407999999999</v>
      </c>
      <c r="TQN52" s="7">
        <f t="shared" si="510"/>
        <v>16629.407999999999</v>
      </c>
      <c r="TQO52" s="7">
        <f t="shared" si="510"/>
        <v>16629.407999999999</v>
      </c>
      <c r="TQP52" s="7">
        <f t="shared" si="510"/>
        <v>16629.407999999999</v>
      </c>
      <c r="TQQ52" s="7">
        <f t="shared" si="510"/>
        <v>16629.407999999999</v>
      </c>
      <c r="TQR52" s="7">
        <f t="shared" si="510"/>
        <v>16629.407999999999</v>
      </c>
      <c r="TQS52" s="7">
        <f t="shared" si="510"/>
        <v>16629.407999999999</v>
      </c>
      <c r="TQT52" s="7">
        <f t="shared" si="510"/>
        <v>16629.407999999999</v>
      </c>
      <c r="TQU52" s="7">
        <f t="shared" si="510"/>
        <v>16629.407999999999</v>
      </c>
      <c r="TQV52" s="7">
        <f t="shared" si="510"/>
        <v>16629.407999999999</v>
      </c>
      <c r="TQW52" s="7">
        <f t="shared" si="510"/>
        <v>16629.407999999999</v>
      </c>
      <c r="TQX52" s="7">
        <f t="shared" si="510"/>
        <v>16629.407999999999</v>
      </c>
      <c r="TQY52" s="7">
        <f t="shared" si="510"/>
        <v>16629.407999999999</v>
      </c>
      <c r="TQZ52" s="7">
        <f t="shared" si="510"/>
        <v>16629.407999999999</v>
      </c>
      <c r="TRA52" s="7">
        <f t="shared" si="510"/>
        <v>16629.407999999999</v>
      </c>
      <c r="TRB52" s="7">
        <f t="shared" si="510"/>
        <v>16629.407999999999</v>
      </c>
      <c r="TRC52" s="7">
        <f t="shared" si="510"/>
        <v>16629.407999999999</v>
      </c>
      <c r="TRD52" s="7">
        <f t="shared" si="510"/>
        <v>16629.407999999999</v>
      </c>
      <c r="TRE52" s="7">
        <f t="shared" si="510"/>
        <v>16629.407999999999</v>
      </c>
      <c r="TRF52" s="7">
        <f t="shared" si="510"/>
        <v>16629.407999999999</v>
      </c>
      <c r="TRG52" s="7">
        <f t="shared" si="510"/>
        <v>16629.407999999999</v>
      </c>
      <c r="TRH52" s="7">
        <f t="shared" si="510"/>
        <v>16629.407999999999</v>
      </c>
      <c r="TRI52" s="7">
        <f t="shared" si="510"/>
        <v>16629.407999999999</v>
      </c>
      <c r="TRJ52" s="7">
        <f t="shared" si="510"/>
        <v>16629.407999999999</v>
      </c>
      <c r="TRK52" s="7">
        <f t="shared" si="510"/>
        <v>16629.407999999999</v>
      </c>
      <c r="TRL52" s="7">
        <f t="shared" si="510"/>
        <v>16629.407999999999</v>
      </c>
      <c r="TRM52" s="7">
        <f t="shared" si="510"/>
        <v>16629.407999999999</v>
      </c>
      <c r="TRN52" s="7">
        <f t="shared" si="510"/>
        <v>16629.407999999999</v>
      </c>
      <c r="TRO52" s="7">
        <f t="shared" si="510"/>
        <v>16629.407999999999</v>
      </c>
      <c r="TRP52" s="7">
        <f t="shared" si="510"/>
        <v>16629.407999999999</v>
      </c>
      <c r="TRQ52" s="7">
        <f t="shared" si="510"/>
        <v>16629.407999999999</v>
      </c>
      <c r="TRR52" s="7">
        <f t="shared" si="510"/>
        <v>16629.407999999999</v>
      </c>
      <c r="TRS52" s="7">
        <f t="shared" si="510"/>
        <v>16629.407999999999</v>
      </c>
      <c r="TRT52" s="7">
        <f t="shared" si="510"/>
        <v>16629.407999999999</v>
      </c>
      <c r="TRU52" s="7">
        <f t="shared" si="510"/>
        <v>16629.407999999999</v>
      </c>
      <c r="TRV52" s="7">
        <f t="shared" si="510"/>
        <v>16629.407999999999</v>
      </c>
      <c r="TRW52" s="7">
        <f t="shared" si="510"/>
        <v>16629.407999999999</v>
      </c>
      <c r="TRX52" s="7">
        <f t="shared" si="510"/>
        <v>16629.407999999999</v>
      </c>
      <c r="TRY52" s="7">
        <f t="shared" si="510"/>
        <v>16629.407999999999</v>
      </c>
      <c r="TRZ52" s="7">
        <f t="shared" si="510"/>
        <v>16629.407999999999</v>
      </c>
      <c r="TSA52" s="7">
        <f t="shared" si="510"/>
        <v>16629.407999999999</v>
      </c>
      <c r="TSB52" s="7">
        <f t="shared" si="510"/>
        <v>16629.407999999999</v>
      </c>
      <c r="TSC52" s="7">
        <f t="shared" si="510"/>
        <v>16629.407999999999</v>
      </c>
      <c r="TSD52" s="7">
        <f t="shared" si="510"/>
        <v>16629.407999999999</v>
      </c>
      <c r="TSE52" s="7">
        <f t="shared" si="510"/>
        <v>16629.407999999999</v>
      </c>
      <c r="TSF52" s="7">
        <f t="shared" si="510"/>
        <v>16629.407999999999</v>
      </c>
      <c r="TSG52" s="7">
        <f t="shared" si="510"/>
        <v>16629.407999999999</v>
      </c>
      <c r="TSH52" s="7">
        <f t="shared" si="510"/>
        <v>16629.407999999999</v>
      </c>
      <c r="TSI52" s="7">
        <f t="shared" si="510"/>
        <v>16629.407999999999</v>
      </c>
      <c r="TSJ52" s="7">
        <f t="shared" si="510"/>
        <v>16629.407999999999</v>
      </c>
      <c r="TSK52" s="7">
        <f t="shared" si="510"/>
        <v>16629.407999999999</v>
      </c>
      <c r="TSL52" s="7">
        <f t="shared" ref="TSL52:TUW52" si="511">TSL47+TSK52</f>
        <v>16629.407999999999</v>
      </c>
      <c r="TSM52" s="7">
        <f t="shared" si="511"/>
        <v>16629.407999999999</v>
      </c>
      <c r="TSN52" s="7">
        <f t="shared" si="511"/>
        <v>16629.407999999999</v>
      </c>
      <c r="TSO52" s="7">
        <f t="shared" si="511"/>
        <v>16629.407999999999</v>
      </c>
      <c r="TSP52" s="7">
        <f t="shared" si="511"/>
        <v>16629.407999999999</v>
      </c>
      <c r="TSQ52" s="7">
        <f t="shared" si="511"/>
        <v>16629.407999999999</v>
      </c>
      <c r="TSR52" s="7">
        <f t="shared" si="511"/>
        <v>16629.407999999999</v>
      </c>
      <c r="TSS52" s="7">
        <f t="shared" si="511"/>
        <v>16629.407999999999</v>
      </c>
      <c r="TST52" s="7">
        <f t="shared" si="511"/>
        <v>16629.407999999999</v>
      </c>
      <c r="TSU52" s="7">
        <f t="shared" si="511"/>
        <v>16629.407999999999</v>
      </c>
      <c r="TSV52" s="7">
        <f t="shared" si="511"/>
        <v>16629.407999999999</v>
      </c>
      <c r="TSW52" s="7">
        <f t="shared" si="511"/>
        <v>16629.407999999999</v>
      </c>
      <c r="TSX52" s="7">
        <f t="shared" si="511"/>
        <v>16629.407999999999</v>
      </c>
      <c r="TSY52" s="7">
        <f t="shared" si="511"/>
        <v>16629.407999999999</v>
      </c>
      <c r="TSZ52" s="7">
        <f t="shared" si="511"/>
        <v>16629.407999999999</v>
      </c>
      <c r="TTA52" s="7">
        <f t="shared" si="511"/>
        <v>16629.407999999999</v>
      </c>
      <c r="TTB52" s="7">
        <f t="shared" si="511"/>
        <v>16629.407999999999</v>
      </c>
      <c r="TTC52" s="7">
        <f t="shared" si="511"/>
        <v>16629.407999999999</v>
      </c>
      <c r="TTD52" s="7">
        <f t="shared" si="511"/>
        <v>16629.407999999999</v>
      </c>
      <c r="TTE52" s="7">
        <f t="shared" si="511"/>
        <v>16629.407999999999</v>
      </c>
      <c r="TTF52" s="7">
        <f t="shared" si="511"/>
        <v>16629.407999999999</v>
      </c>
      <c r="TTG52" s="7">
        <f t="shared" si="511"/>
        <v>16629.407999999999</v>
      </c>
      <c r="TTH52" s="7">
        <f t="shared" si="511"/>
        <v>16629.407999999999</v>
      </c>
      <c r="TTI52" s="7">
        <f t="shared" si="511"/>
        <v>16629.407999999999</v>
      </c>
      <c r="TTJ52" s="7">
        <f t="shared" si="511"/>
        <v>16629.407999999999</v>
      </c>
      <c r="TTK52" s="7">
        <f t="shared" si="511"/>
        <v>16629.407999999999</v>
      </c>
      <c r="TTL52" s="7">
        <f t="shared" si="511"/>
        <v>16629.407999999999</v>
      </c>
      <c r="TTM52" s="7">
        <f t="shared" si="511"/>
        <v>16629.407999999999</v>
      </c>
      <c r="TTN52" s="7">
        <f t="shared" si="511"/>
        <v>16629.407999999999</v>
      </c>
      <c r="TTO52" s="7">
        <f t="shared" si="511"/>
        <v>16629.407999999999</v>
      </c>
      <c r="TTP52" s="7">
        <f t="shared" si="511"/>
        <v>16629.407999999999</v>
      </c>
      <c r="TTQ52" s="7">
        <f t="shared" si="511"/>
        <v>16629.407999999999</v>
      </c>
      <c r="TTR52" s="7">
        <f t="shared" si="511"/>
        <v>16629.407999999999</v>
      </c>
      <c r="TTS52" s="7">
        <f t="shared" si="511"/>
        <v>16629.407999999999</v>
      </c>
      <c r="TTT52" s="7">
        <f t="shared" si="511"/>
        <v>16629.407999999999</v>
      </c>
      <c r="TTU52" s="7">
        <f t="shared" si="511"/>
        <v>16629.407999999999</v>
      </c>
      <c r="TTV52" s="7">
        <f t="shared" si="511"/>
        <v>16629.407999999999</v>
      </c>
      <c r="TTW52" s="7">
        <f t="shared" si="511"/>
        <v>16629.407999999999</v>
      </c>
      <c r="TTX52" s="7">
        <f t="shared" si="511"/>
        <v>16629.407999999999</v>
      </c>
      <c r="TTY52" s="7">
        <f t="shared" si="511"/>
        <v>16629.407999999999</v>
      </c>
      <c r="TTZ52" s="7">
        <f t="shared" si="511"/>
        <v>16629.407999999999</v>
      </c>
      <c r="TUA52" s="7">
        <f t="shared" si="511"/>
        <v>16629.407999999999</v>
      </c>
      <c r="TUB52" s="7">
        <f t="shared" si="511"/>
        <v>16629.407999999999</v>
      </c>
      <c r="TUC52" s="7">
        <f t="shared" si="511"/>
        <v>16629.407999999999</v>
      </c>
      <c r="TUD52" s="7">
        <f t="shared" si="511"/>
        <v>16629.407999999999</v>
      </c>
      <c r="TUE52" s="7">
        <f t="shared" si="511"/>
        <v>16629.407999999999</v>
      </c>
      <c r="TUF52" s="7">
        <f t="shared" si="511"/>
        <v>16629.407999999999</v>
      </c>
      <c r="TUG52" s="7">
        <f t="shared" si="511"/>
        <v>16629.407999999999</v>
      </c>
      <c r="TUH52" s="7">
        <f t="shared" si="511"/>
        <v>16629.407999999999</v>
      </c>
      <c r="TUI52" s="7">
        <f t="shared" si="511"/>
        <v>16629.407999999999</v>
      </c>
      <c r="TUJ52" s="7">
        <f t="shared" si="511"/>
        <v>16629.407999999999</v>
      </c>
      <c r="TUK52" s="7">
        <f t="shared" si="511"/>
        <v>16629.407999999999</v>
      </c>
      <c r="TUL52" s="7">
        <f t="shared" si="511"/>
        <v>16629.407999999999</v>
      </c>
      <c r="TUM52" s="7">
        <f t="shared" si="511"/>
        <v>16629.407999999999</v>
      </c>
      <c r="TUN52" s="7">
        <f t="shared" si="511"/>
        <v>16629.407999999999</v>
      </c>
      <c r="TUO52" s="7">
        <f t="shared" si="511"/>
        <v>16629.407999999999</v>
      </c>
      <c r="TUP52" s="7">
        <f t="shared" si="511"/>
        <v>16629.407999999999</v>
      </c>
      <c r="TUQ52" s="7">
        <f t="shared" si="511"/>
        <v>16629.407999999999</v>
      </c>
      <c r="TUR52" s="7">
        <f t="shared" si="511"/>
        <v>16629.407999999999</v>
      </c>
      <c r="TUS52" s="7">
        <f t="shared" si="511"/>
        <v>16629.407999999999</v>
      </c>
      <c r="TUT52" s="7">
        <f t="shared" si="511"/>
        <v>16629.407999999999</v>
      </c>
      <c r="TUU52" s="7">
        <f t="shared" si="511"/>
        <v>16629.407999999999</v>
      </c>
      <c r="TUV52" s="7">
        <f t="shared" si="511"/>
        <v>16629.407999999999</v>
      </c>
      <c r="TUW52" s="7">
        <f t="shared" si="511"/>
        <v>16629.407999999999</v>
      </c>
      <c r="TUX52" s="7">
        <f t="shared" ref="TUX52:TXI52" si="512">TUX47+TUW52</f>
        <v>16629.407999999999</v>
      </c>
      <c r="TUY52" s="7">
        <f t="shared" si="512"/>
        <v>16629.407999999999</v>
      </c>
      <c r="TUZ52" s="7">
        <f t="shared" si="512"/>
        <v>16629.407999999999</v>
      </c>
      <c r="TVA52" s="7">
        <f t="shared" si="512"/>
        <v>16629.407999999999</v>
      </c>
      <c r="TVB52" s="7">
        <f t="shared" si="512"/>
        <v>16629.407999999999</v>
      </c>
      <c r="TVC52" s="7">
        <f t="shared" si="512"/>
        <v>16629.407999999999</v>
      </c>
      <c r="TVD52" s="7">
        <f t="shared" si="512"/>
        <v>16629.407999999999</v>
      </c>
      <c r="TVE52" s="7">
        <f t="shared" si="512"/>
        <v>16629.407999999999</v>
      </c>
      <c r="TVF52" s="7">
        <f t="shared" si="512"/>
        <v>16629.407999999999</v>
      </c>
      <c r="TVG52" s="7">
        <f t="shared" si="512"/>
        <v>16629.407999999999</v>
      </c>
      <c r="TVH52" s="7">
        <f t="shared" si="512"/>
        <v>16629.407999999999</v>
      </c>
      <c r="TVI52" s="7">
        <f t="shared" si="512"/>
        <v>16629.407999999999</v>
      </c>
      <c r="TVJ52" s="7">
        <f t="shared" si="512"/>
        <v>16629.407999999999</v>
      </c>
      <c r="TVK52" s="7">
        <f t="shared" si="512"/>
        <v>16629.407999999999</v>
      </c>
      <c r="TVL52" s="7">
        <f t="shared" si="512"/>
        <v>16629.407999999999</v>
      </c>
      <c r="TVM52" s="7">
        <f t="shared" si="512"/>
        <v>16629.407999999999</v>
      </c>
      <c r="TVN52" s="7">
        <f t="shared" si="512"/>
        <v>16629.407999999999</v>
      </c>
      <c r="TVO52" s="7">
        <f t="shared" si="512"/>
        <v>16629.407999999999</v>
      </c>
      <c r="TVP52" s="7">
        <f t="shared" si="512"/>
        <v>16629.407999999999</v>
      </c>
      <c r="TVQ52" s="7">
        <f t="shared" si="512"/>
        <v>16629.407999999999</v>
      </c>
      <c r="TVR52" s="7">
        <f t="shared" si="512"/>
        <v>16629.407999999999</v>
      </c>
      <c r="TVS52" s="7">
        <f t="shared" si="512"/>
        <v>16629.407999999999</v>
      </c>
      <c r="TVT52" s="7">
        <f t="shared" si="512"/>
        <v>16629.407999999999</v>
      </c>
      <c r="TVU52" s="7">
        <f t="shared" si="512"/>
        <v>16629.407999999999</v>
      </c>
      <c r="TVV52" s="7">
        <f t="shared" si="512"/>
        <v>16629.407999999999</v>
      </c>
      <c r="TVW52" s="7">
        <f t="shared" si="512"/>
        <v>16629.407999999999</v>
      </c>
      <c r="TVX52" s="7">
        <f t="shared" si="512"/>
        <v>16629.407999999999</v>
      </c>
      <c r="TVY52" s="7">
        <f t="shared" si="512"/>
        <v>16629.407999999999</v>
      </c>
      <c r="TVZ52" s="7">
        <f t="shared" si="512"/>
        <v>16629.407999999999</v>
      </c>
      <c r="TWA52" s="7">
        <f t="shared" si="512"/>
        <v>16629.407999999999</v>
      </c>
      <c r="TWB52" s="7">
        <f t="shared" si="512"/>
        <v>16629.407999999999</v>
      </c>
      <c r="TWC52" s="7">
        <f t="shared" si="512"/>
        <v>16629.407999999999</v>
      </c>
      <c r="TWD52" s="7">
        <f t="shared" si="512"/>
        <v>16629.407999999999</v>
      </c>
      <c r="TWE52" s="7">
        <f t="shared" si="512"/>
        <v>16629.407999999999</v>
      </c>
      <c r="TWF52" s="7">
        <f t="shared" si="512"/>
        <v>16629.407999999999</v>
      </c>
      <c r="TWG52" s="7">
        <f t="shared" si="512"/>
        <v>16629.407999999999</v>
      </c>
      <c r="TWH52" s="7">
        <f t="shared" si="512"/>
        <v>16629.407999999999</v>
      </c>
      <c r="TWI52" s="7">
        <f t="shared" si="512"/>
        <v>16629.407999999999</v>
      </c>
      <c r="TWJ52" s="7">
        <f t="shared" si="512"/>
        <v>16629.407999999999</v>
      </c>
      <c r="TWK52" s="7">
        <f t="shared" si="512"/>
        <v>16629.407999999999</v>
      </c>
      <c r="TWL52" s="7">
        <f t="shared" si="512"/>
        <v>16629.407999999999</v>
      </c>
      <c r="TWM52" s="7">
        <f t="shared" si="512"/>
        <v>16629.407999999999</v>
      </c>
      <c r="TWN52" s="7">
        <f t="shared" si="512"/>
        <v>16629.407999999999</v>
      </c>
      <c r="TWO52" s="7">
        <f t="shared" si="512"/>
        <v>16629.407999999999</v>
      </c>
      <c r="TWP52" s="7">
        <f t="shared" si="512"/>
        <v>16629.407999999999</v>
      </c>
      <c r="TWQ52" s="7">
        <f t="shared" si="512"/>
        <v>16629.407999999999</v>
      </c>
      <c r="TWR52" s="7">
        <f t="shared" si="512"/>
        <v>16629.407999999999</v>
      </c>
      <c r="TWS52" s="7">
        <f t="shared" si="512"/>
        <v>16629.407999999999</v>
      </c>
      <c r="TWT52" s="7">
        <f t="shared" si="512"/>
        <v>16629.407999999999</v>
      </c>
      <c r="TWU52" s="7">
        <f t="shared" si="512"/>
        <v>16629.407999999999</v>
      </c>
      <c r="TWV52" s="7">
        <f t="shared" si="512"/>
        <v>16629.407999999999</v>
      </c>
      <c r="TWW52" s="7">
        <f t="shared" si="512"/>
        <v>16629.407999999999</v>
      </c>
      <c r="TWX52" s="7">
        <f t="shared" si="512"/>
        <v>16629.407999999999</v>
      </c>
      <c r="TWY52" s="7">
        <f t="shared" si="512"/>
        <v>16629.407999999999</v>
      </c>
      <c r="TWZ52" s="7">
        <f t="shared" si="512"/>
        <v>16629.407999999999</v>
      </c>
      <c r="TXA52" s="7">
        <f t="shared" si="512"/>
        <v>16629.407999999999</v>
      </c>
      <c r="TXB52" s="7">
        <f t="shared" si="512"/>
        <v>16629.407999999999</v>
      </c>
      <c r="TXC52" s="7">
        <f t="shared" si="512"/>
        <v>16629.407999999999</v>
      </c>
      <c r="TXD52" s="7">
        <f t="shared" si="512"/>
        <v>16629.407999999999</v>
      </c>
      <c r="TXE52" s="7">
        <f t="shared" si="512"/>
        <v>16629.407999999999</v>
      </c>
      <c r="TXF52" s="7">
        <f t="shared" si="512"/>
        <v>16629.407999999999</v>
      </c>
      <c r="TXG52" s="7">
        <f t="shared" si="512"/>
        <v>16629.407999999999</v>
      </c>
      <c r="TXH52" s="7">
        <f t="shared" si="512"/>
        <v>16629.407999999999</v>
      </c>
      <c r="TXI52" s="7">
        <f t="shared" si="512"/>
        <v>16629.407999999999</v>
      </c>
      <c r="TXJ52" s="7">
        <f t="shared" ref="TXJ52:TZU52" si="513">TXJ47+TXI52</f>
        <v>16629.407999999999</v>
      </c>
      <c r="TXK52" s="7">
        <f t="shared" si="513"/>
        <v>16629.407999999999</v>
      </c>
      <c r="TXL52" s="7">
        <f t="shared" si="513"/>
        <v>16629.407999999999</v>
      </c>
      <c r="TXM52" s="7">
        <f t="shared" si="513"/>
        <v>16629.407999999999</v>
      </c>
      <c r="TXN52" s="7">
        <f t="shared" si="513"/>
        <v>16629.407999999999</v>
      </c>
      <c r="TXO52" s="7">
        <f t="shared" si="513"/>
        <v>16629.407999999999</v>
      </c>
      <c r="TXP52" s="7">
        <f t="shared" si="513"/>
        <v>16629.407999999999</v>
      </c>
      <c r="TXQ52" s="7">
        <f t="shared" si="513"/>
        <v>16629.407999999999</v>
      </c>
      <c r="TXR52" s="7">
        <f t="shared" si="513"/>
        <v>16629.407999999999</v>
      </c>
      <c r="TXS52" s="7">
        <f t="shared" si="513"/>
        <v>16629.407999999999</v>
      </c>
      <c r="TXT52" s="7">
        <f t="shared" si="513"/>
        <v>16629.407999999999</v>
      </c>
      <c r="TXU52" s="7">
        <f t="shared" si="513"/>
        <v>16629.407999999999</v>
      </c>
      <c r="TXV52" s="7">
        <f t="shared" si="513"/>
        <v>16629.407999999999</v>
      </c>
      <c r="TXW52" s="7">
        <f t="shared" si="513"/>
        <v>16629.407999999999</v>
      </c>
      <c r="TXX52" s="7">
        <f t="shared" si="513"/>
        <v>16629.407999999999</v>
      </c>
      <c r="TXY52" s="7">
        <f t="shared" si="513"/>
        <v>16629.407999999999</v>
      </c>
      <c r="TXZ52" s="7">
        <f t="shared" si="513"/>
        <v>16629.407999999999</v>
      </c>
      <c r="TYA52" s="7">
        <f t="shared" si="513"/>
        <v>16629.407999999999</v>
      </c>
      <c r="TYB52" s="7">
        <f t="shared" si="513"/>
        <v>16629.407999999999</v>
      </c>
      <c r="TYC52" s="7">
        <f t="shared" si="513"/>
        <v>16629.407999999999</v>
      </c>
      <c r="TYD52" s="7">
        <f t="shared" si="513"/>
        <v>16629.407999999999</v>
      </c>
      <c r="TYE52" s="7">
        <f t="shared" si="513"/>
        <v>16629.407999999999</v>
      </c>
      <c r="TYF52" s="7">
        <f t="shared" si="513"/>
        <v>16629.407999999999</v>
      </c>
      <c r="TYG52" s="7">
        <f t="shared" si="513"/>
        <v>16629.407999999999</v>
      </c>
      <c r="TYH52" s="7">
        <f t="shared" si="513"/>
        <v>16629.407999999999</v>
      </c>
      <c r="TYI52" s="7">
        <f t="shared" si="513"/>
        <v>16629.407999999999</v>
      </c>
      <c r="TYJ52" s="7">
        <f t="shared" si="513"/>
        <v>16629.407999999999</v>
      </c>
      <c r="TYK52" s="7">
        <f t="shared" si="513"/>
        <v>16629.407999999999</v>
      </c>
      <c r="TYL52" s="7">
        <f t="shared" si="513"/>
        <v>16629.407999999999</v>
      </c>
      <c r="TYM52" s="7">
        <f t="shared" si="513"/>
        <v>16629.407999999999</v>
      </c>
      <c r="TYN52" s="7">
        <f t="shared" si="513"/>
        <v>16629.407999999999</v>
      </c>
      <c r="TYO52" s="7">
        <f t="shared" si="513"/>
        <v>16629.407999999999</v>
      </c>
      <c r="TYP52" s="7">
        <f t="shared" si="513"/>
        <v>16629.407999999999</v>
      </c>
      <c r="TYQ52" s="7">
        <f t="shared" si="513"/>
        <v>16629.407999999999</v>
      </c>
      <c r="TYR52" s="7">
        <f t="shared" si="513"/>
        <v>16629.407999999999</v>
      </c>
      <c r="TYS52" s="7">
        <f t="shared" si="513"/>
        <v>16629.407999999999</v>
      </c>
      <c r="TYT52" s="7">
        <f t="shared" si="513"/>
        <v>16629.407999999999</v>
      </c>
      <c r="TYU52" s="7">
        <f t="shared" si="513"/>
        <v>16629.407999999999</v>
      </c>
      <c r="TYV52" s="7">
        <f t="shared" si="513"/>
        <v>16629.407999999999</v>
      </c>
      <c r="TYW52" s="7">
        <f t="shared" si="513"/>
        <v>16629.407999999999</v>
      </c>
      <c r="TYX52" s="7">
        <f t="shared" si="513"/>
        <v>16629.407999999999</v>
      </c>
      <c r="TYY52" s="7">
        <f t="shared" si="513"/>
        <v>16629.407999999999</v>
      </c>
      <c r="TYZ52" s="7">
        <f t="shared" si="513"/>
        <v>16629.407999999999</v>
      </c>
      <c r="TZA52" s="7">
        <f t="shared" si="513"/>
        <v>16629.407999999999</v>
      </c>
      <c r="TZB52" s="7">
        <f t="shared" si="513"/>
        <v>16629.407999999999</v>
      </c>
      <c r="TZC52" s="7">
        <f t="shared" si="513"/>
        <v>16629.407999999999</v>
      </c>
      <c r="TZD52" s="7">
        <f t="shared" si="513"/>
        <v>16629.407999999999</v>
      </c>
      <c r="TZE52" s="7">
        <f t="shared" si="513"/>
        <v>16629.407999999999</v>
      </c>
      <c r="TZF52" s="7">
        <f t="shared" si="513"/>
        <v>16629.407999999999</v>
      </c>
      <c r="TZG52" s="7">
        <f t="shared" si="513"/>
        <v>16629.407999999999</v>
      </c>
      <c r="TZH52" s="7">
        <f t="shared" si="513"/>
        <v>16629.407999999999</v>
      </c>
      <c r="TZI52" s="7">
        <f t="shared" si="513"/>
        <v>16629.407999999999</v>
      </c>
      <c r="TZJ52" s="7">
        <f t="shared" si="513"/>
        <v>16629.407999999999</v>
      </c>
      <c r="TZK52" s="7">
        <f t="shared" si="513"/>
        <v>16629.407999999999</v>
      </c>
      <c r="TZL52" s="7">
        <f t="shared" si="513"/>
        <v>16629.407999999999</v>
      </c>
      <c r="TZM52" s="7">
        <f t="shared" si="513"/>
        <v>16629.407999999999</v>
      </c>
      <c r="TZN52" s="7">
        <f t="shared" si="513"/>
        <v>16629.407999999999</v>
      </c>
      <c r="TZO52" s="7">
        <f t="shared" si="513"/>
        <v>16629.407999999999</v>
      </c>
      <c r="TZP52" s="7">
        <f t="shared" si="513"/>
        <v>16629.407999999999</v>
      </c>
      <c r="TZQ52" s="7">
        <f t="shared" si="513"/>
        <v>16629.407999999999</v>
      </c>
      <c r="TZR52" s="7">
        <f t="shared" si="513"/>
        <v>16629.407999999999</v>
      </c>
      <c r="TZS52" s="7">
        <f t="shared" si="513"/>
        <v>16629.407999999999</v>
      </c>
      <c r="TZT52" s="7">
        <f t="shared" si="513"/>
        <v>16629.407999999999</v>
      </c>
      <c r="TZU52" s="7">
        <f t="shared" si="513"/>
        <v>16629.407999999999</v>
      </c>
      <c r="TZV52" s="7">
        <f t="shared" ref="TZV52:UCG52" si="514">TZV47+TZU52</f>
        <v>16629.407999999999</v>
      </c>
      <c r="TZW52" s="7">
        <f t="shared" si="514"/>
        <v>16629.407999999999</v>
      </c>
      <c r="TZX52" s="7">
        <f t="shared" si="514"/>
        <v>16629.407999999999</v>
      </c>
      <c r="TZY52" s="7">
        <f t="shared" si="514"/>
        <v>16629.407999999999</v>
      </c>
      <c r="TZZ52" s="7">
        <f t="shared" si="514"/>
        <v>16629.407999999999</v>
      </c>
      <c r="UAA52" s="7">
        <f t="shared" si="514"/>
        <v>16629.407999999999</v>
      </c>
      <c r="UAB52" s="7">
        <f t="shared" si="514"/>
        <v>16629.407999999999</v>
      </c>
      <c r="UAC52" s="7">
        <f t="shared" si="514"/>
        <v>16629.407999999999</v>
      </c>
      <c r="UAD52" s="7">
        <f t="shared" si="514"/>
        <v>16629.407999999999</v>
      </c>
      <c r="UAE52" s="7">
        <f t="shared" si="514"/>
        <v>16629.407999999999</v>
      </c>
      <c r="UAF52" s="7">
        <f t="shared" si="514"/>
        <v>16629.407999999999</v>
      </c>
      <c r="UAG52" s="7">
        <f t="shared" si="514"/>
        <v>16629.407999999999</v>
      </c>
      <c r="UAH52" s="7">
        <f t="shared" si="514"/>
        <v>16629.407999999999</v>
      </c>
      <c r="UAI52" s="7">
        <f t="shared" si="514"/>
        <v>16629.407999999999</v>
      </c>
      <c r="UAJ52" s="7">
        <f t="shared" si="514"/>
        <v>16629.407999999999</v>
      </c>
      <c r="UAK52" s="7">
        <f t="shared" si="514"/>
        <v>16629.407999999999</v>
      </c>
      <c r="UAL52" s="7">
        <f t="shared" si="514"/>
        <v>16629.407999999999</v>
      </c>
      <c r="UAM52" s="7">
        <f t="shared" si="514"/>
        <v>16629.407999999999</v>
      </c>
      <c r="UAN52" s="7">
        <f t="shared" si="514"/>
        <v>16629.407999999999</v>
      </c>
      <c r="UAO52" s="7">
        <f t="shared" si="514"/>
        <v>16629.407999999999</v>
      </c>
      <c r="UAP52" s="7">
        <f t="shared" si="514"/>
        <v>16629.407999999999</v>
      </c>
      <c r="UAQ52" s="7">
        <f t="shared" si="514"/>
        <v>16629.407999999999</v>
      </c>
      <c r="UAR52" s="7">
        <f t="shared" si="514"/>
        <v>16629.407999999999</v>
      </c>
      <c r="UAS52" s="7">
        <f t="shared" si="514"/>
        <v>16629.407999999999</v>
      </c>
      <c r="UAT52" s="7">
        <f t="shared" si="514"/>
        <v>16629.407999999999</v>
      </c>
      <c r="UAU52" s="7">
        <f t="shared" si="514"/>
        <v>16629.407999999999</v>
      </c>
      <c r="UAV52" s="7">
        <f t="shared" si="514"/>
        <v>16629.407999999999</v>
      </c>
      <c r="UAW52" s="7">
        <f t="shared" si="514"/>
        <v>16629.407999999999</v>
      </c>
      <c r="UAX52" s="7">
        <f t="shared" si="514"/>
        <v>16629.407999999999</v>
      </c>
      <c r="UAY52" s="7">
        <f t="shared" si="514"/>
        <v>16629.407999999999</v>
      </c>
      <c r="UAZ52" s="7">
        <f t="shared" si="514"/>
        <v>16629.407999999999</v>
      </c>
      <c r="UBA52" s="7">
        <f t="shared" si="514"/>
        <v>16629.407999999999</v>
      </c>
      <c r="UBB52" s="7">
        <f t="shared" si="514"/>
        <v>16629.407999999999</v>
      </c>
      <c r="UBC52" s="7">
        <f t="shared" si="514"/>
        <v>16629.407999999999</v>
      </c>
      <c r="UBD52" s="7">
        <f t="shared" si="514"/>
        <v>16629.407999999999</v>
      </c>
      <c r="UBE52" s="7">
        <f t="shared" si="514"/>
        <v>16629.407999999999</v>
      </c>
      <c r="UBF52" s="7">
        <f t="shared" si="514"/>
        <v>16629.407999999999</v>
      </c>
      <c r="UBG52" s="7">
        <f t="shared" si="514"/>
        <v>16629.407999999999</v>
      </c>
      <c r="UBH52" s="7">
        <f t="shared" si="514"/>
        <v>16629.407999999999</v>
      </c>
      <c r="UBI52" s="7">
        <f t="shared" si="514"/>
        <v>16629.407999999999</v>
      </c>
      <c r="UBJ52" s="7">
        <f t="shared" si="514"/>
        <v>16629.407999999999</v>
      </c>
      <c r="UBK52" s="7">
        <f t="shared" si="514"/>
        <v>16629.407999999999</v>
      </c>
      <c r="UBL52" s="7">
        <f t="shared" si="514"/>
        <v>16629.407999999999</v>
      </c>
      <c r="UBM52" s="7">
        <f t="shared" si="514"/>
        <v>16629.407999999999</v>
      </c>
      <c r="UBN52" s="7">
        <f t="shared" si="514"/>
        <v>16629.407999999999</v>
      </c>
      <c r="UBO52" s="7">
        <f t="shared" si="514"/>
        <v>16629.407999999999</v>
      </c>
      <c r="UBP52" s="7">
        <f t="shared" si="514"/>
        <v>16629.407999999999</v>
      </c>
      <c r="UBQ52" s="7">
        <f t="shared" si="514"/>
        <v>16629.407999999999</v>
      </c>
      <c r="UBR52" s="7">
        <f t="shared" si="514"/>
        <v>16629.407999999999</v>
      </c>
      <c r="UBS52" s="7">
        <f t="shared" si="514"/>
        <v>16629.407999999999</v>
      </c>
      <c r="UBT52" s="7">
        <f t="shared" si="514"/>
        <v>16629.407999999999</v>
      </c>
      <c r="UBU52" s="7">
        <f t="shared" si="514"/>
        <v>16629.407999999999</v>
      </c>
      <c r="UBV52" s="7">
        <f t="shared" si="514"/>
        <v>16629.407999999999</v>
      </c>
      <c r="UBW52" s="7">
        <f t="shared" si="514"/>
        <v>16629.407999999999</v>
      </c>
      <c r="UBX52" s="7">
        <f t="shared" si="514"/>
        <v>16629.407999999999</v>
      </c>
      <c r="UBY52" s="7">
        <f t="shared" si="514"/>
        <v>16629.407999999999</v>
      </c>
      <c r="UBZ52" s="7">
        <f t="shared" si="514"/>
        <v>16629.407999999999</v>
      </c>
      <c r="UCA52" s="7">
        <f t="shared" si="514"/>
        <v>16629.407999999999</v>
      </c>
      <c r="UCB52" s="7">
        <f t="shared" si="514"/>
        <v>16629.407999999999</v>
      </c>
      <c r="UCC52" s="7">
        <f t="shared" si="514"/>
        <v>16629.407999999999</v>
      </c>
      <c r="UCD52" s="7">
        <f t="shared" si="514"/>
        <v>16629.407999999999</v>
      </c>
      <c r="UCE52" s="7">
        <f t="shared" si="514"/>
        <v>16629.407999999999</v>
      </c>
      <c r="UCF52" s="7">
        <f t="shared" si="514"/>
        <v>16629.407999999999</v>
      </c>
      <c r="UCG52" s="7">
        <f t="shared" si="514"/>
        <v>16629.407999999999</v>
      </c>
      <c r="UCH52" s="7">
        <f t="shared" ref="UCH52:UES52" si="515">UCH47+UCG52</f>
        <v>16629.407999999999</v>
      </c>
      <c r="UCI52" s="7">
        <f t="shared" si="515"/>
        <v>16629.407999999999</v>
      </c>
      <c r="UCJ52" s="7">
        <f t="shared" si="515"/>
        <v>16629.407999999999</v>
      </c>
      <c r="UCK52" s="7">
        <f t="shared" si="515"/>
        <v>16629.407999999999</v>
      </c>
      <c r="UCL52" s="7">
        <f t="shared" si="515"/>
        <v>16629.407999999999</v>
      </c>
      <c r="UCM52" s="7">
        <f t="shared" si="515"/>
        <v>16629.407999999999</v>
      </c>
      <c r="UCN52" s="7">
        <f t="shared" si="515"/>
        <v>16629.407999999999</v>
      </c>
      <c r="UCO52" s="7">
        <f t="shared" si="515"/>
        <v>16629.407999999999</v>
      </c>
      <c r="UCP52" s="7">
        <f t="shared" si="515"/>
        <v>16629.407999999999</v>
      </c>
      <c r="UCQ52" s="7">
        <f t="shared" si="515"/>
        <v>16629.407999999999</v>
      </c>
      <c r="UCR52" s="7">
        <f t="shared" si="515"/>
        <v>16629.407999999999</v>
      </c>
      <c r="UCS52" s="7">
        <f t="shared" si="515"/>
        <v>16629.407999999999</v>
      </c>
      <c r="UCT52" s="7">
        <f t="shared" si="515"/>
        <v>16629.407999999999</v>
      </c>
      <c r="UCU52" s="7">
        <f t="shared" si="515"/>
        <v>16629.407999999999</v>
      </c>
      <c r="UCV52" s="7">
        <f t="shared" si="515"/>
        <v>16629.407999999999</v>
      </c>
      <c r="UCW52" s="7">
        <f t="shared" si="515"/>
        <v>16629.407999999999</v>
      </c>
      <c r="UCX52" s="7">
        <f t="shared" si="515"/>
        <v>16629.407999999999</v>
      </c>
      <c r="UCY52" s="7">
        <f t="shared" si="515"/>
        <v>16629.407999999999</v>
      </c>
      <c r="UCZ52" s="7">
        <f t="shared" si="515"/>
        <v>16629.407999999999</v>
      </c>
      <c r="UDA52" s="7">
        <f t="shared" si="515"/>
        <v>16629.407999999999</v>
      </c>
      <c r="UDB52" s="7">
        <f t="shared" si="515"/>
        <v>16629.407999999999</v>
      </c>
      <c r="UDC52" s="7">
        <f t="shared" si="515"/>
        <v>16629.407999999999</v>
      </c>
      <c r="UDD52" s="7">
        <f t="shared" si="515"/>
        <v>16629.407999999999</v>
      </c>
      <c r="UDE52" s="7">
        <f t="shared" si="515"/>
        <v>16629.407999999999</v>
      </c>
      <c r="UDF52" s="7">
        <f t="shared" si="515"/>
        <v>16629.407999999999</v>
      </c>
      <c r="UDG52" s="7">
        <f t="shared" si="515"/>
        <v>16629.407999999999</v>
      </c>
      <c r="UDH52" s="7">
        <f t="shared" si="515"/>
        <v>16629.407999999999</v>
      </c>
      <c r="UDI52" s="7">
        <f t="shared" si="515"/>
        <v>16629.407999999999</v>
      </c>
      <c r="UDJ52" s="7">
        <f t="shared" si="515"/>
        <v>16629.407999999999</v>
      </c>
      <c r="UDK52" s="7">
        <f t="shared" si="515"/>
        <v>16629.407999999999</v>
      </c>
      <c r="UDL52" s="7">
        <f t="shared" si="515"/>
        <v>16629.407999999999</v>
      </c>
      <c r="UDM52" s="7">
        <f t="shared" si="515"/>
        <v>16629.407999999999</v>
      </c>
      <c r="UDN52" s="7">
        <f t="shared" si="515"/>
        <v>16629.407999999999</v>
      </c>
      <c r="UDO52" s="7">
        <f t="shared" si="515"/>
        <v>16629.407999999999</v>
      </c>
      <c r="UDP52" s="7">
        <f t="shared" si="515"/>
        <v>16629.407999999999</v>
      </c>
      <c r="UDQ52" s="7">
        <f t="shared" si="515"/>
        <v>16629.407999999999</v>
      </c>
      <c r="UDR52" s="7">
        <f t="shared" si="515"/>
        <v>16629.407999999999</v>
      </c>
      <c r="UDS52" s="7">
        <f t="shared" si="515"/>
        <v>16629.407999999999</v>
      </c>
      <c r="UDT52" s="7">
        <f t="shared" si="515"/>
        <v>16629.407999999999</v>
      </c>
      <c r="UDU52" s="7">
        <f t="shared" si="515"/>
        <v>16629.407999999999</v>
      </c>
      <c r="UDV52" s="7">
        <f t="shared" si="515"/>
        <v>16629.407999999999</v>
      </c>
      <c r="UDW52" s="7">
        <f t="shared" si="515"/>
        <v>16629.407999999999</v>
      </c>
      <c r="UDX52" s="7">
        <f t="shared" si="515"/>
        <v>16629.407999999999</v>
      </c>
      <c r="UDY52" s="7">
        <f t="shared" si="515"/>
        <v>16629.407999999999</v>
      </c>
      <c r="UDZ52" s="7">
        <f t="shared" si="515"/>
        <v>16629.407999999999</v>
      </c>
      <c r="UEA52" s="7">
        <f t="shared" si="515"/>
        <v>16629.407999999999</v>
      </c>
      <c r="UEB52" s="7">
        <f t="shared" si="515"/>
        <v>16629.407999999999</v>
      </c>
      <c r="UEC52" s="7">
        <f t="shared" si="515"/>
        <v>16629.407999999999</v>
      </c>
      <c r="UED52" s="7">
        <f t="shared" si="515"/>
        <v>16629.407999999999</v>
      </c>
      <c r="UEE52" s="7">
        <f t="shared" si="515"/>
        <v>16629.407999999999</v>
      </c>
      <c r="UEF52" s="7">
        <f t="shared" si="515"/>
        <v>16629.407999999999</v>
      </c>
      <c r="UEG52" s="7">
        <f t="shared" si="515"/>
        <v>16629.407999999999</v>
      </c>
      <c r="UEH52" s="7">
        <f t="shared" si="515"/>
        <v>16629.407999999999</v>
      </c>
      <c r="UEI52" s="7">
        <f t="shared" si="515"/>
        <v>16629.407999999999</v>
      </c>
      <c r="UEJ52" s="7">
        <f t="shared" si="515"/>
        <v>16629.407999999999</v>
      </c>
      <c r="UEK52" s="7">
        <f t="shared" si="515"/>
        <v>16629.407999999999</v>
      </c>
      <c r="UEL52" s="7">
        <f t="shared" si="515"/>
        <v>16629.407999999999</v>
      </c>
      <c r="UEM52" s="7">
        <f t="shared" si="515"/>
        <v>16629.407999999999</v>
      </c>
      <c r="UEN52" s="7">
        <f t="shared" si="515"/>
        <v>16629.407999999999</v>
      </c>
      <c r="UEO52" s="7">
        <f t="shared" si="515"/>
        <v>16629.407999999999</v>
      </c>
      <c r="UEP52" s="7">
        <f t="shared" si="515"/>
        <v>16629.407999999999</v>
      </c>
      <c r="UEQ52" s="7">
        <f t="shared" si="515"/>
        <v>16629.407999999999</v>
      </c>
      <c r="UER52" s="7">
        <f t="shared" si="515"/>
        <v>16629.407999999999</v>
      </c>
      <c r="UES52" s="7">
        <f t="shared" si="515"/>
        <v>16629.407999999999</v>
      </c>
      <c r="UET52" s="7">
        <f t="shared" ref="UET52:UHE52" si="516">UET47+UES52</f>
        <v>16629.407999999999</v>
      </c>
      <c r="UEU52" s="7">
        <f t="shared" si="516"/>
        <v>16629.407999999999</v>
      </c>
      <c r="UEV52" s="7">
        <f t="shared" si="516"/>
        <v>16629.407999999999</v>
      </c>
      <c r="UEW52" s="7">
        <f t="shared" si="516"/>
        <v>16629.407999999999</v>
      </c>
      <c r="UEX52" s="7">
        <f t="shared" si="516"/>
        <v>16629.407999999999</v>
      </c>
      <c r="UEY52" s="7">
        <f t="shared" si="516"/>
        <v>16629.407999999999</v>
      </c>
      <c r="UEZ52" s="7">
        <f t="shared" si="516"/>
        <v>16629.407999999999</v>
      </c>
      <c r="UFA52" s="7">
        <f t="shared" si="516"/>
        <v>16629.407999999999</v>
      </c>
      <c r="UFB52" s="7">
        <f t="shared" si="516"/>
        <v>16629.407999999999</v>
      </c>
      <c r="UFC52" s="7">
        <f t="shared" si="516"/>
        <v>16629.407999999999</v>
      </c>
      <c r="UFD52" s="7">
        <f t="shared" si="516"/>
        <v>16629.407999999999</v>
      </c>
      <c r="UFE52" s="7">
        <f t="shared" si="516"/>
        <v>16629.407999999999</v>
      </c>
      <c r="UFF52" s="7">
        <f t="shared" si="516"/>
        <v>16629.407999999999</v>
      </c>
      <c r="UFG52" s="7">
        <f t="shared" si="516"/>
        <v>16629.407999999999</v>
      </c>
      <c r="UFH52" s="7">
        <f t="shared" si="516"/>
        <v>16629.407999999999</v>
      </c>
      <c r="UFI52" s="7">
        <f t="shared" si="516"/>
        <v>16629.407999999999</v>
      </c>
      <c r="UFJ52" s="7">
        <f t="shared" si="516"/>
        <v>16629.407999999999</v>
      </c>
      <c r="UFK52" s="7">
        <f t="shared" si="516"/>
        <v>16629.407999999999</v>
      </c>
      <c r="UFL52" s="7">
        <f t="shared" si="516"/>
        <v>16629.407999999999</v>
      </c>
      <c r="UFM52" s="7">
        <f t="shared" si="516"/>
        <v>16629.407999999999</v>
      </c>
      <c r="UFN52" s="7">
        <f t="shared" si="516"/>
        <v>16629.407999999999</v>
      </c>
      <c r="UFO52" s="7">
        <f t="shared" si="516"/>
        <v>16629.407999999999</v>
      </c>
      <c r="UFP52" s="7">
        <f t="shared" si="516"/>
        <v>16629.407999999999</v>
      </c>
      <c r="UFQ52" s="7">
        <f t="shared" si="516"/>
        <v>16629.407999999999</v>
      </c>
      <c r="UFR52" s="7">
        <f t="shared" si="516"/>
        <v>16629.407999999999</v>
      </c>
      <c r="UFS52" s="7">
        <f t="shared" si="516"/>
        <v>16629.407999999999</v>
      </c>
      <c r="UFT52" s="7">
        <f t="shared" si="516"/>
        <v>16629.407999999999</v>
      </c>
      <c r="UFU52" s="7">
        <f t="shared" si="516"/>
        <v>16629.407999999999</v>
      </c>
      <c r="UFV52" s="7">
        <f t="shared" si="516"/>
        <v>16629.407999999999</v>
      </c>
      <c r="UFW52" s="7">
        <f t="shared" si="516"/>
        <v>16629.407999999999</v>
      </c>
      <c r="UFX52" s="7">
        <f t="shared" si="516"/>
        <v>16629.407999999999</v>
      </c>
      <c r="UFY52" s="7">
        <f t="shared" si="516"/>
        <v>16629.407999999999</v>
      </c>
      <c r="UFZ52" s="7">
        <f t="shared" si="516"/>
        <v>16629.407999999999</v>
      </c>
      <c r="UGA52" s="7">
        <f t="shared" si="516"/>
        <v>16629.407999999999</v>
      </c>
      <c r="UGB52" s="7">
        <f t="shared" si="516"/>
        <v>16629.407999999999</v>
      </c>
      <c r="UGC52" s="7">
        <f t="shared" si="516"/>
        <v>16629.407999999999</v>
      </c>
      <c r="UGD52" s="7">
        <f t="shared" si="516"/>
        <v>16629.407999999999</v>
      </c>
      <c r="UGE52" s="7">
        <f t="shared" si="516"/>
        <v>16629.407999999999</v>
      </c>
      <c r="UGF52" s="7">
        <f t="shared" si="516"/>
        <v>16629.407999999999</v>
      </c>
      <c r="UGG52" s="7">
        <f t="shared" si="516"/>
        <v>16629.407999999999</v>
      </c>
      <c r="UGH52" s="7">
        <f t="shared" si="516"/>
        <v>16629.407999999999</v>
      </c>
      <c r="UGI52" s="7">
        <f t="shared" si="516"/>
        <v>16629.407999999999</v>
      </c>
      <c r="UGJ52" s="7">
        <f t="shared" si="516"/>
        <v>16629.407999999999</v>
      </c>
      <c r="UGK52" s="7">
        <f t="shared" si="516"/>
        <v>16629.407999999999</v>
      </c>
      <c r="UGL52" s="7">
        <f t="shared" si="516"/>
        <v>16629.407999999999</v>
      </c>
      <c r="UGM52" s="7">
        <f t="shared" si="516"/>
        <v>16629.407999999999</v>
      </c>
      <c r="UGN52" s="7">
        <f t="shared" si="516"/>
        <v>16629.407999999999</v>
      </c>
      <c r="UGO52" s="7">
        <f t="shared" si="516"/>
        <v>16629.407999999999</v>
      </c>
      <c r="UGP52" s="7">
        <f t="shared" si="516"/>
        <v>16629.407999999999</v>
      </c>
      <c r="UGQ52" s="7">
        <f t="shared" si="516"/>
        <v>16629.407999999999</v>
      </c>
      <c r="UGR52" s="7">
        <f t="shared" si="516"/>
        <v>16629.407999999999</v>
      </c>
      <c r="UGS52" s="7">
        <f t="shared" si="516"/>
        <v>16629.407999999999</v>
      </c>
      <c r="UGT52" s="7">
        <f t="shared" si="516"/>
        <v>16629.407999999999</v>
      </c>
      <c r="UGU52" s="7">
        <f t="shared" si="516"/>
        <v>16629.407999999999</v>
      </c>
      <c r="UGV52" s="7">
        <f t="shared" si="516"/>
        <v>16629.407999999999</v>
      </c>
      <c r="UGW52" s="7">
        <f t="shared" si="516"/>
        <v>16629.407999999999</v>
      </c>
      <c r="UGX52" s="7">
        <f t="shared" si="516"/>
        <v>16629.407999999999</v>
      </c>
      <c r="UGY52" s="7">
        <f t="shared" si="516"/>
        <v>16629.407999999999</v>
      </c>
      <c r="UGZ52" s="7">
        <f t="shared" si="516"/>
        <v>16629.407999999999</v>
      </c>
      <c r="UHA52" s="7">
        <f t="shared" si="516"/>
        <v>16629.407999999999</v>
      </c>
      <c r="UHB52" s="7">
        <f t="shared" si="516"/>
        <v>16629.407999999999</v>
      </c>
      <c r="UHC52" s="7">
        <f t="shared" si="516"/>
        <v>16629.407999999999</v>
      </c>
      <c r="UHD52" s="7">
        <f t="shared" si="516"/>
        <v>16629.407999999999</v>
      </c>
      <c r="UHE52" s="7">
        <f t="shared" si="516"/>
        <v>16629.407999999999</v>
      </c>
      <c r="UHF52" s="7">
        <f t="shared" ref="UHF52:UJQ52" si="517">UHF47+UHE52</f>
        <v>16629.407999999999</v>
      </c>
      <c r="UHG52" s="7">
        <f t="shared" si="517"/>
        <v>16629.407999999999</v>
      </c>
      <c r="UHH52" s="7">
        <f t="shared" si="517"/>
        <v>16629.407999999999</v>
      </c>
      <c r="UHI52" s="7">
        <f t="shared" si="517"/>
        <v>16629.407999999999</v>
      </c>
      <c r="UHJ52" s="7">
        <f t="shared" si="517"/>
        <v>16629.407999999999</v>
      </c>
      <c r="UHK52" s="7">
        <f t="shared" si="517"/>
        <v>16629.407999999999</v>
      </c>
      <c r="UHL52" s="7">
        <f t="shared" si="517"/>
        <v>16629.407999999999</v>
      </c>
      <c r="UHM52" s="7">
        <f t="shared" si="517"/>
        <v>16629.407999999999</v>
      </c>
      <c r="UHN52" s="7">
        <f t="shared" si="517"/>
        <v>16629.407999999999</v>
      </c>
      <c r="UHO52" s="7">
        <f t="shared" si="517"/>
        <v>16629.407999999999</v>
      </c>
      <c r="UHP52" s="7">
        <f t="shared" si="517"/>
        <v>16629.407999999999</v>
      </c>
      <c r="UHQ52" s="7">
        <f t="shared" si="517"/>
        <v>16629.407999999999</v>
      </c>
      <c r="UHR52" s="7">
        <f t="shared" si="517"/>
        <v>16629.407999999999</v>
      </c>
      <c r="UHS52" s="7">
        <f t="shared" si="517"/>
        <v>16629.407999999999</v>
      </c>
      <c r="UHT52" s="7">
        <f t="shared" si="517"/>
        <v>16629.407999999999</v>
      </c>
      <c r="UHU52" s="7">
        <f t="shared" si="517"/>
        <v>16629.407999999999</v>
      </c>
      <c r="UHV52" s="7">
        <f t="shared" si="517"/>
        <v>16629.407999999999</v>
      </c>
      <c r="UHW52" s="7">
        <f t="shared" si="517"/>
        <v>16629.407999999999</v>
      </c>
      <c r="UHX52" s="7">
        <f t="shared" si="517"/>
        <v>16629.407999999999</v>
      </c>
      <c r="UHY52" s="7">
        <f t="shared" si="517"/>
        <v>16629.407999999999</v>
      </c>
      <c r="UHZ52" s="7">
        <f t="shared" si="517"/>
        <v>16629.407999999999</v>
      </c>
      <c r="UIA52" s="7">
        <f t="shared" si="517"/>
        <v>16629.407999999999</v>
      </c>
      <c r="UIB52" s="7">
        <f t="shared" si="517"/>
        <v>16629.407999999999</v>
      </c>
      <c r="UIC52" s="7">
        <f t="shared" si="517"/>
        <v>16629.407999999999</v>
      </c>
      <c r="UID52" s="7">
        <f t="shared" si="517"/>
        <v>16629.407999999999</v>
      </c>
      <c r="UIE52" s="7">
        <f t="shared" si="517"/>
        <v>16629.407999999999</v>
      </c>
      <c r="UIF52" s="7">
        <f t="shared" si="517"/>
        <v>16629.407999999999</v>
      </c>
      <c r="UIG52" s="7">
        <f t="shared" si="517"/>
        <v>16629.407999999999</v>
      </c>
      <c r="UIH52" s="7">
        <f t="shared" si="517"/>
        <v>16629.407999999999</v>
      </c>
      <c r="UII52" s="7">
        <f t="shared" si="517"/>
        <v>16629.407999999999</v>
      </c>
      <c r="UIJ52" s="7">
        <f t="shared" si="517"/>
        <v>16629.407999999999</v>
      </c>
      <c r="UIK52" s="7">
        <f t="shared" si="517"/>
        <v>16629.407999999999</v>
      </c>
      <c r="UIL52" s="7">
        <f t="shared" si="517"/>
        <v>16629.407999999999</v>
      </c>
      <c r="UIM52" s="7">
        <f t="shared" si="517"/>
        <v>16629.407999999999</v>
      </c>
      <c r="UIN52" s="7">
        <f t="shared" si="517"/>
        <v>16629.407999999999</v>
      </c>
      <c r="UIO52" s="7">
        <f t="shared" si="517"/>
        <v>16629.407999999999</v>
      </c>
      <c r="UIP52" s="7">
        <f t="shared" si="517"/>
        <v>16629.407999999999</v>
      </c>
      <c r="UIQ52" s="7">
        <f t="shared" si="517"/>
        <v>16629.407999999999</v>
      </c>
      <c r="UIR52" s="7">
        <f t="shared" si="517"/>
        <v>16629.407999999999</v>
      </c>
      <c r="UIS52" s="7">
        <f t="shared" si="517"/>
        <v>16629.407999999999</v>
      </c>
      <c r="UIT52" s="7">
        <f t="shared" si="517"/>
        <v>16629.407999999999</v>
      </c>
      <c r="UIU52" s="7">
        <f t="shared" si="517"/>
        <v>16629.407999999999</v>
      </c>
      <c r="UIV52" s="7">
        <f t="shared" si="517"/>
        <v>16629.407999999999</v>
      </c>
      <c r="UIW52" s="7">
        <f t="shared" si="517"/>
        <v>16629.407999999999</v>
      </c>
      <c r="UIX52" s="7">
        <f t="shared" si="517"/>
        <v>16629.407999999999</v>
      </c>
      <c r="UIY52" s="7">
        <f t="shared" si="517"/>
        <v>16629.407999999999</v>
      </c>
      <c r="UIZ52" s="7">
        <f t="shared" si="517"/>
        <v>16629.407999999999</v>
      </c>
      <c r="UJA52" s="7">
        <f t="shared" si="517"/>
        <v>16629.407999999999</v>
      </c>
      <c r="UJB52" s="7">
        <f t="shared" si="517"/>
        <v>16629.407999999999</v>
      </c>
      <c r="UJC52" s="7">
        <f t="shared" si="517"/>
        <v>16629.407999999999</v>
      </c>
      <c r="UJD52" s="7">
        <f t="shared" si="517"/>
        <v>16629.407999999999</v>
      </c>
      <c r="UJE52" s="7">
        <f t="shared" si="517"/>
        <v>16629.407999999999</v>
      </c>
      <c r="UJF52" s="7">
        <f t="shared" si="517"/>
        <v>16629.407999999999</v>
      </c>
      <c r="UJG52" s="7">
        <f t="shared" si="517"/>
        <v>16629.407999999999</v>
      </c>
      <c r="UJH52" s="7">
        <f t="shared" si="517"/>
        <v>16629.407999999999</v>
      </c>
      <c r="UJI52" s="7">
        <f t="shared" si="517"/>
        <v>16629.407999999999</v>
      </c>
      <c r="UJJ52" s="7">
        <f t="shared" si="517"/>
        <v>16629.407999999999</v>
      </c>
      <c r="UJK52" s="7">
        <f t="shared" si="517"/>
        <v>16629.407999999999</v>
      </c>
      <c r="UJL52" s="7">
        <f t="shared" si="517"/>
        <v>16629.407999999999</v>
      </c>
      <c r="UJM52" s="7">
        <f t="shared" si="517"/>
        <v>16629.407999999999</v>
      </c>
      <c r="UJN52" s="7">
        <f t="shared" si="517"/>
        <v>16629.407999999999</v>
      </c>
      <c r="UJO52" s="7">
        <f t="shared" si="517"/>
        <v>16629.407999999999</v>
      </c>
      <c r="UJP52" s="7">
        <f t="shared" si="517"/>
        <v>16629.407999999999</v>
      </c>
      <c r="UJQ52" s="7">
        <f t="shared" si="517"/>
        <v>16629.407999999999</v>
      </c>
      <c r="UJR52" s="7">
        <f t="shared" ref="UJR52:UMC52" si="518">UJR47+UJQ52</f>
        <v>16629.407999999999</v>
      </c>
      <c r="UJS52" s="7">
        <f t="shared" si="518"/>
        <v>16629.407999999999</v>
      </c>
      <c r="UJT52" s="7">
        <f t="shared" si="518"/>
        <v>16629.407999999999</v>
      </c>
      <c r="UJU52" s="7">
        <f t="shared" si="518"/>
        <v>16629.407999999999</v>
      </c>
      <c r="UJV52" s="7">
        <f t="shared" si="518"/>
        <v>16629.407999999999</v>
      </c>
      <c r="UJW52" s="7">
        <f t="shared" si="518"/>
        <v>16629.407999999999</v>
      </c>
      <c r="UJX52" s="7">
        <f t="shared" si="518"/>
        <v>16629.407999999999</v>
      </c>
      <c r="UJY52" s="7">
        <f t="shared" si="518"/>
        <v>16629.407999999999</v>
      </c>
      <c r="UJZ52" s="7">
        <f t="shared" si="518"/>
        <v>16629.407999999999</v>
      </c>
      <c r="UKA52" s="7">
        <f t="shared" si="518"/>
        <v>16629.407999999999</v>
      </c>
      <c r="UKB52" s="7">
        <f t="shared" si="518"/>
        <v>16629.407999999999</v>
      </c>
      <c r="UKC52" s="7">
        <f t="shared" si="518"/>
        <v>16629.407999999999</v>
      </c>
      <c r="UKD52" s="7">
        <f t="shared" si="518"/>
        <v>16629.407999999999</v>
      </c>
      <c r="UKE52" s="7">
        <f t="shared" si="518"/>
        <v>16629.407999999999</v>
      </c>
      <c r="UKF52" s="7">
        <f t="shared" si="518"/>
        <v>16629.407999999999</v>
      </c>
      <c r="UKG52" s="7">
        <f t="shared" si="518"/>
        <v>16629.407999999999</v>
      </c>
      <c r="UKH52" s="7">
        <f t="shared" si="518"/>
        <v>16629.407999999999</v>
      </c>
      <c r="UKI52" s="7">
        <f t="shared" si="518"/>
        <v>16629.407999999999</v>
      </c>
      <c r="UKJ52" s="7">
        <f t="shared" si="518"/>
        <v>16629.407999999999</v>
      </c>
      <c r="UKK52" s="7">
        <f t="shared" si="518"/>
        <v>16629.407999999999</v>
      </c>
      <c r="UKL52" s="7">
        <f t="shared" si="518"/>
        <v>16629.407999999999</v>
      </c>
      <c r="UKM52" s="7">
        <f t="shared" si="518"/>
        <v>16629.407999999999</v>
      </c>
      <c r="UKN52" s="7">
        <f t="shared" si="518"/>
        <v>16629.407999999999</v>
      </c>
      <c r="UKO52" s="7">
        <f t="shared" si="518"/>
        <v>16629.407999999999</v>
      </c>
      <c r="UKP52" s="7">
        <f t="shared" si="518"/>
        <v>16629.407999999999</v>
      </c>
      <c r="UKQ52" s="7">
        <f t="shared" si="518"/>
        <v>16629.407999999999</v>
      </c>
      <c r="UKR52" s="7">
        <f t="shared" si="518"/>
        <v>16629.407999999999</v>
      </c>
      <c r="UKS52" s="7">
        <f t="shared" si="518"/>
        <v>16629.407999999999</v>
      </c>
      <c r="UKT52" s="7">
        <f t="shared" si="518"/>
        <v>16629.407999999999</v>
      </c>
      <c r="UKU52" s="7">
        <f t="shared" si="518"/>
        <v>16629.407999999999</v>
      </c>
      <c r="UKV52" s="7">
        <f t="shared" si="518"/>
        <v>16629.407999999999</v>
      </c>
      <c r="UKW52" s="7">
        <f t="shared" si="518"/>
        <v>16629.407999999999</v>
      </c>
      <c r="UKX52" s="7">
        <f t="shared" si="518"/>
        <v>16629.407999999999</v>
      </c>
      <c r="UKY52" s="7">
        <f t="shared" si="518"/>
        <v>16629.407999999999</v>
      </c>
      <c r="UKZ52" s="7">
        <f t="shared" si="518"/>
        <v>16629.407999999999</v>
      </c>
      <c r="ULA52" s="7">
        <f t="shared" si="518"/>
        <v>16629.407999999999</v>
      </c>
      <c r="ULB52" s="7">
        <f t="shared" si="518"/>
        <v>16629.407999999999</v>
      </c>
      <c r="ULC52" s="7">
        <f t="shared" si="518"/>
        <v>16629.407999999999</v>
      </c>
      <c r="ULD52" s="7">
        <f t="shared" si="518"/>
        <v>16629.407999999999</v>
      </c>
      <c r="ULE52" s="7">
        <f t="shared" si="518"/>
        <v>16629.407999999999</v>
      </c>
      <c r="ULF52" s="7">
        <f t="shared" si="518"/>
        <v>16629.407999999999</v>
      </c>
      <c r="ULG52" s="7">
        <f t="shared" si="518"/>
        <v>16629.407999999999</v>
      </c>
      <c r="ULH52" s="7">
        <f t="shared" si="518"/>
        <v>16629.407999999999</v>
      </c>
      <c r="ULI52" s="7">
        <f t="shared" si="518"/>
        <v>16629.407999999999</v>
      </c>
      <c r="ULJ52" s="7">
        <f t="shared" si="518"/>
        <v>16629.407999999999</v>
      </c>
      <c r="ULK52" s="7">
        <f t="shared" si="518"/>
        <v>16629.407999999999</v>
      </c>
      <c r="ULL52" s="7">
        <f t="shared" si="518"/>
        <v>16629.407999999999</v>
      </c>
      <c r="ULM52" s="7">
        <f t="shared" si="518"/>
        <v>16629.407999999999</v>
      </c>
      <c r="ULN52" s="7">
        <f t="shared" si="518"/>
        <v>16629.407999999999</v>
      </c>
      <c r="ULO52" s="7">
        <f t="shared" si="518"/>
        <v>16629.407999999999</v>
      </c>
      <c r="ULP52" s="7">
        <f t="shared" si="518"/>
        <v>16629.407999999999</v>
      </c>
      <c r="ULQ52" s="7">
        <f t="shared" si="518"/>
        <v>16629.407999999999</v>
      </c>
      <c r="ULR52" s="7">
        <f t="shared" si="518"/>
        <v>16629.407999999999</v>
      </c>
      <c r="ULS52" s="7">
        <f t="shared" si="518"/>
        <v>16629.407999999999</v>
      </c>
      <c r="ULT52" s="7">
        <f t="shared" si="518"/>
        <v>16629.407999999999</v>
      </c>
      <c r="ULU52" s="7">
        <f t="shared" si="518"/>
        <v>16629.407999999999</v>
      </c>
      <c r="ULV52" s="7">
        <f t="shared" si="518"/>
        <v>16629.407999999999</v>
      </c>
      <c r="ULW52" s="7">
        <f t="shared" si="518"/>
        <v>16629.407999999999</v>
      </c>
      <c r="ULX52" s="7">
        <f t="shared" si="518"/>
        <v>16629.407999999999</v>
      </c>
      <c r="ULY52" s="7">
        <f t="shared" si="518"/>
        <v>16629.407999999999</v>
      </c>
      <c r="ULZ52" s="7">
        <f t="shared" si="518"/>
        <v>16629.407999999999</v>
      </c>
      <c r="UMA52" s="7">
        <f t="shared" si="518"/>
        <v>16629.407999999999</v>
      </c>
      <c r="UMB52" s="7">
        <f t="shared" si="518"/>
        <v>16629.407999999999</v>
      </c>
      <c r="UMC52" s="7">
        <f t="shared" si="518"/>
        <v>16629.407999999999</v>
      </c>
      <c r="UMD52" s="7">
        <f t="shared" ref="UMD52:UOO52" si="519">UMD47+UMC52</f>
        <v>16629.407999999999</v>
      </c>
      <c r="UME52" s="7">
        <f t="shared" si="519"/>
        <v>16629.407999999999</v>
      </c>
      <c r="UMF52" s="7">
        <f t="shared" si="519"/>
        <v>16629.407999999999</v>
      </c>
      <c r="UMG52" s="7">
        <f t="shared" si="519"/>
        <v>16629.407999999999</v>
      </c>
      <c r="UMH52" s="7">
        <f t="shared" si="519"/>
        <v>16629.407999999999</v>
      </c>
      <c r="UMI52" s="7">
        <f t="shared" si="519"/>
        <v>16629.407999999999</v>
      </c>
      <c r="UMJ52" s="7">
        <f t="shared" si="519"/>
        <v>16629.407999999999</v>
      </c>
      <c r="UMK52" s="7">
        <f t="shared" si="519"/>
        <v>16629.407999999999</v>
      </c>
      <c r="UML52" s="7">
        <f t="shared" si="519"/>
        <v>16629.407999999999</v>
      </c>
      <c r="UMM52" s="7">
        <f t="shared" si="519"/>
        <v>16629.407999999999</v>
      </c>
      <c r="UMN52" s="7">
        <f t="shared" si="519"/>
        <v>16629.407999999999</v>
      </c>
      <c r="UMO52" s="7">
        <f t="shared" si="519"/>
        <v>16629.407999999999</v>
      </c>
      <c r="UMP52" s="7">
        <f t="shared" si="519"/>
        <v>16629.407999999999</v>
      </c>
      <c r="UMQ52" s="7">
        <f t="shared" si="519"/>
        <v>16629.407999999999</v>
      </c>
      <c r="UMR52" s="7">
        <f t="shared" si="519"/>
        <v>16629.407999999999</v>
      </c>
      <c r="UMS52" s="7">
        <f t="shared" si="519"/>
        <v>16629.407999999999</v>
      </c>
      <c r="UMT52" s="7">
        <f t="shared" si="519"/>
        <v>16629.407999999999</v>
      </c>
      <c r="UMU52" s="7">
        <f t="shared" si="519"/>
        <v>16629.407999999999</v>
      </c>
      <c r="UMV52" s="7">
        <f t="shared" si="519"/>
        <v>16629.407999999999</v>
      </c>
      <c r="UMW52" s="7">
        <f t="shared" si="519"/>
        <v>16629.407999999999</v>
      </c>
      <c r="UMX52" s="7">
        <f t="shared" si="519"/>
        <v>16629.407999999999</v>
      </c>
      <c r="UMY52" s="7">
        <f t="shared" si="519"/>
        <v>16629.407999999999</v>
      </c>
      <c r="UMZ52" s="7">
        <f t="shared" si="519"/>
        <v>16629.407999999999</v>
      </c>
      <c r="UNA52" s="7">
        <f t="shared" si="519"/>
        <v>16629.407999999999</v>
      </c>
      <c r="UNB52" s="7">
        <f t="shared" si="519"/>
        <v>16629.407999999999</v>
      </c>
      <c r="UNC52" s="7">
        <f t="shared" si="519"/>
        <v>16629.407999999999</v>
      </c>
      <c r="UND52" s="7">
        <f t="shared" si="519"/>
        <v>16629.407999999999</v>
      </c>
      <c r="UNE52" s="7">
        <f t="shared" si="519"/>
        <v>16629.407999999999</v>
      </c>
      <c r="UNF52" s="7">
        <f t="shared" si="519"/>
        <v>16629.407999999999</v>
      </c>
      <c r="UNG52" s="7">
        <f t="shared" si="519"/>
        <v>16629.407999999999</v>
      </c>
      <c r="UNH52" s="7">
        <f t="shared" si="519"/>
        <v>16629.407999999999</v>
      </c>
      <c r="UNI52" s="7">
        <f t="shared" si="519"/>
        <v>16629.407999999999</v>
      </c>
      <c r="UNJ52" s="7">
        <f t="shared" si="519"/>
        <v>16629.407999999999</v>
      </c>
      <c r="UNK52" s="7">
        <f t="shared" si="519"/>
        <v>16629.407999999999</v>
      </c>
      <c r="UNL52" s="7">
        <f t="shared" si="519"/>
        <v>16629.407999999999</v>
      </c>
      <c r="UNM52" s="7">
        <f t="shared" si="519"/>
        <v>16629.407999999999</v>
      </c>
      <c r="UNN52" s="7">
        <f t="shared" si="519"/>
        <v>16629.407999999999</v>
      </c>
      <c r="UNO52" s="7">
        <f t="shared" si="519"/>
        <v>16629.407999999999</v>
      </c>
      <c r="UNP52" s="7">
        <f t="shared" si="519"/>
        <v>16629.407999999999</v>
      </c>
      <c r="UNQ52" s="7">
        <f t="shared" si="519"/>
        <v>16629.407999999999</v>
      </c>
      <c r="UNR52" s="7">
        <f t="shared" si="519"/>
        <v>16629.407999999999</v>
      </c>
      <c r="UNS52" s="7">
        <f t="shared" si="519"/>
        <v>16629.407999999999</v>
      </c>
      <c r="UNT52" s="7">
        <f t="shared" si="519"/>
        <v>16629.407999999999</v>
      </c>
      <c r="UNU52" s="7">
        <f t="shared" si="519"/>
        <v>16629.407999999999</v>
      </c>
      <c r="UNV52" s="7">
        <f t="shared" si="519"/>
        <v>16629.407999999999</v>
      </c>
      <c r="UNW52" s="7">
        <f t="shared" si="519"/>
        <v>16629.407999999999</v>
      </c>
      <c r="UNX52" s="7">
        <f t="shared" si="519"/>
        <v>16629.407999999999</v>
      </c>
      <c r="UNY52" s="7">
        <f t="shared" si="519"/>
        <v>16629.407999999999</v>
      </c>
      <c r="UNZ52" s="7">
        <f t="shared" si="519"/>
        <v>16629.407999999999</v>
      </c>
      <c r="UOA52" s="7">
        <f t="shared" si="519"/>
        <v>16629.407999999999</v>
      </c>
      <c r="UOB52" s="7">
        <f t="shared" si="519"/>
        <v>16629.407999999999</v>
      </c>
      <c r="UOC52" s="7">
        <f t="shared" si="519"/>
        <v>16629.407999999999</v>
      </c>
      <c r="UOD52" s="7">
        <f t="shared" si="519"/>
        <v>16629.407999999999</v>
      </c>
      <c r="UOE52" s="7">
        <f t="shared" si="519"/>
        <v>16629.407999999999</v>
      </c>
      <c r="UOF52" s="7">
        <f t="shared" si="519"/>
        <v>16629.407999999999</v>
      </c>
      <c r="UOG52" s="7">
        <f t="shared" si="519"/>
        <v>16629.407999999999</v>
      </c>
      <c r="UOH52" s="7">
        <f t="shared" si="519"/>
        <v>16629.407999999999</v>
      </c>
      <c r="UOI52" s="7">
        <f t="shared" si="519"/>
        <v>16629.407999999999</v>
      </c>
      <c r="UOJ52" s="7">
        <f t="shared" si="519"/>
        <v>16629.407999999999</v>
      </c>
      <c r="UOK52" s="7">
        <f t="shared" si="519"/>
        <v>16629.407999999999</v>
      </c>
      <c r="UOL52" s="7">
        <f t="shared" si="519"/>
        <v>16629.407999999999</v>
      </c>
      <c r="UOM52" s="7">
        <f t="shared" si="519"/>
        <v>16629.407999999999</v>
      </c>
      <c r="UON52" s="7">
        <f t="shared" si="519"/>
        <v>16629.407999999999</v>
      </c>
      <c r="UOO52" s="7">
        <f t="shared" si="519"/>
        <v>16629.407999999999</v>
      </c>
      <c r="UOP52" s="7">
        <f t="shared" ref="UOP52:URA52" si="520">UOP47+UOO52</f>
        <v>16629.407999999999</v>
      </c>
      <c r="UOQ52" s="7">
        <f t="shared" si="520"/>
        <v>16629.407999999999</v>
      </c>
      <c r="UOR52" s="7">
        <f t="shared" si="520"/>
        <v>16629.407999999999</v>
      </c>
      <c r="UOS52" s="7">
        <f t="shared" si="520"/>
        <v>16629.407999999999</v>
      </c>
      <c r="UOT52" s="7">
        <f t="shared" si="520"/>
        <v>16629.407999999999</v>
      </c>
      <c r="UOU52" s="7">
        <f t="shared" si="520"/>
        <v>16629.407999999999</v>
      </c>
      <c r="UOV52" s="7">
        <f t="shared" si="520"/>
        <v>16629.407999999999</v>
      </c>
      <c r="UOW52" s="7">
        <f t="shared" si="520"/>
        <v>16629.407999999999</v>
      </c>
      <c r="UOX52" s="7">
        <f t="shared" si="520"/>
        <v>16629.407999999999</v>
      </c>
      <c r="UOY52" s="7">
        <f t="shared" si="520"/>
        <v>16629.407999999999</v>
      </c>
      <c r="UOZ52" s="7">
        <f t="shared" si="520"/>
        <v>16629.407999999999</v>
      </c>
      <c r="UPA52" s="7">
        <f t="shared" si="520"/>
        <v>16629.407999999999</v>
      </c>
      <c r="UPB52" s="7">
        <f t="shared" si="520"/>
        <v>16629.407999999999</v>
      </c>
      <c r="UPC52" s="7">
        <f t="shared" si="520"/>
        <v>16629.407999999999</v>
      </c>
      <c r="UPD52" s="7">
        <f t="shared" si="520"/>
        <v>16629.407999999999</v>
      </c>
      <c r="UPE52" s="7">
        <f t="shared" si="520"/>
        <v>16629.407999999999</v>
      </c>
      <c r="UPF52" s="7">
        <f t="shared" si="520"/>
        <v>16629.407999999999</v>
      </c>
      <c r="UPG52" s="7">
        <f t="shared" si="520"/>
        <v>16629.407999999999</v>
      </c>
      <c r="UPH52" s="7">
        <f t="shared" si="520"/>
        <v>16629.407999999999</v>
      </c>
      <c r="UPI52" s="7">
        <f t="shared" si="520"/>
        <v>16629.407999999999</v>
      </c>
      <c r="UPJ52" s="7">
        <f t="shared" si="520"/>
        <v>16629.407999999999</v>
      </c>
      <c r="UPK52" s="7">
        <f t="shared" si="520"/>
        <v>16629.407999999999</v>
      </c>
      <c r="UPL52" s="7">
        <f t="shared" si="520"/>
        <v>16629.407999999999</v>
      </c>
      <c r="UPM52" s="7">
        <f t="shared" si="520"/>
        <v>16629.407999999999</v>
      </c>
      <c r="UPN52" s="7">
        <f t="shared" si="520"/>
        <v>16629.407999999999</v>
      </c>
      <c r="UPO52" s="7">
        <f t="shared" si="520"/>
        <v>16629.407999999999</v>
      </c>
      <c r="UPP52" s="7">
        <f t="shared" si="520"/>
        <v>16629.407999999999</v>
      </c>
      <c r="UPQ52" s="7">
        <f t="shared" si="520"/>
        <v>16629.407999999999</v>
      </c>
      <c r="UPR52" s="7">
        <f t="shared" si="520"/>
        <v>16629.407999999999</v>
      </c>
      <c r="UPS52" s="7">
        <f t="shared" si="520"/>
        <v>16629.407999999999</v>
      </c>
      <c r="UPT52" s="7">
        <f t="shared" si="520"/>
        <v>16629.407999999999</v>
      </c>
      <c r="UPU52" s="7">
        <f t="shared" si="520"/>
        <v>16629.407999999999</v>
      </c>
      <c r="UPV52" s="7">
        <f t="shared" si="520"/>
        <v>16629.407999999999</v>
      </c>
      <c r="UPW52" s="7">
        <f t="shared" si="520"/>
        <v>16629.407999999999</v>
      </c>
      <c r="UPX52" s="7">
        <f t="shared" si="520"/>
        <v>16629.407999999999</v>
      </c>
      <c r="UPY52" s="7">
        <f t="shared" si="520"/>
        <v>16629.407999999999</v>
      </c>
      <c r="UPZ52" s="7">
        <f t="shared" si="520"/>
        <v>16629.407999999999</v>
      </c>
      <c r="UQA52" s="7">
        <f t="shared" si="520"/>
        <v>16629.407999999999</v>
      </c>
      <c r="UQB52" s="7">
        <f t="shared" si="520"/>
        <v>16629.407999999999</v>
      </c>
      <c r="UQC52" s="7">
        <f t="shared" si="520"/>
        <v>16629.407999999999</v>
      </c>
      <c r="UQD52" s="7">
        <f t="shared" si="520"/>
        <v>16629.407999999999</v>
      </c>
      <c r="UQE52" s="7">
        <f t="shared" si="520"/>
        <v>16629.407999999999</v>
      </c>
      <c r="UQF52" s="7">
        <f t="shared" si="520"/>
        <v>16629.407999999999</v>
      </c>
      <c r="UQG52" s="7">
        <f t="shared" si="520"/>
        <v>16629.407999999999</v>
      </c>
      <c r="UQH52" s="7">
        <f t="shared" si="520"/>
        <v>16629.407999999999</v>
      </c>
      <c r="UQI52" s="7">
        <f t="shared" si="520"/>
        <v>16629.407999999999</v>
      </c>
      <c r="UQJ52" s="7">
        <f t="shared" si="520"/>
        <v>16629.407999999999</v>
      </c>
      <c r="UQK52" s="7">
        <f t="shared" si="520"/>
        <v>16629.407999999999</v>
      </c>
      <c r="UQL52" s="7">
        <f t="shared" si="520"/>
        <v>16629.407999999999</v>
      </c>
      <c r="UQM52" s="7">
        <f t="shared" si="520"/>
        <v>16629.407999999999</v>
      </c>
      <c r="UQN52" s="7">
        <f t="shared" si="520"/>
        <v>16629.407999999999</v>
      </c>
      <c r="UQO52" s="7">
        <f t="shared" si="520"/>
        <v>16629.407999999999</v>
      </c>
      <c r="UQP52" s="7">
        <f t="shared" si="520"/>
        <v>16629.407999999999</v>
      </c>
      <c r="UQQ52" s="7">
        <f t="shared" si="520"/>
        <v>16629.407999999999</v>
      </c>
      <c r="UQR52" s="7">
        <f t="shared" si="520"/>
        <v>16629.407999999999</v>
      </c>
      <c r="UQS52" s="7">
        <f t="shared" si="520"/>
        <v>16629.407999999999</v>
      </c>
      <c r="UQT52" s="7">
        <f t="shared" si="520"/>
        <v>16629.407999999999</v>
      </c>
      <c r="UQU52" s="7">
        <f t="shared" si="520"/>
        <v>16629.407999999999</v>
      </c>
      <c r="UQV52" s="7">
        <f t="shared" si="520"/>
        <v>16629.407999999999</v>
      </c>
      <c r="UQW52" s="7">
        <f t="shared" si="520"/>
        <v>16629.407999999999</v>
      </c>
      <c r="UQX52" s="7">
        <f t="shared" si="520"/>
        <v>16629.407999999999</v>
      </c>
      <c r="UQY52" s="7">
        <f t="shared" si="520"/>
        <v>16629.407999999999</v>
      </c>
      <c r="UQZ52" s="7">
        <f t="shared" si="520"/>
        <v>16629.407999999999</v>
      </c>
      <c r="URA52" s="7">
        <f t="shared" si="520"/>
        <v>16629.407999999999</v>
      </c>
      <c r="URB52" s="7">
        <f t="shared" ref="URB52:UTM52" si="521">URB47+URA52</f>
        <v>16629.407999999999</v>
      </c>
      <c r="URC52" s="7">
        <f t="shared" si="521"/>
        <v>16629.407999999999</v>
      </c>
      <c r="URD52" s="7">
        <f t="shared" si="521"/>
        <v>16629.407999999999</v>
      </c>
      <c r="URE52" s="7">
        <f t="shared" si="521"/>
        <v>16629.407999999999</v>
      </c>
      <c r="URF52" s="7">
        <f t="shared" si="521"/>
        <v>16629.407999999999</v>
      </c>
      <c r="URG52" s="7">
        <f t="shared" si="521"/>
        <v>16629.407999999999</v>
      </c>
      <c r="URH52" s="7">
        <f t="shared" si="521"/>
        <v>16629.407999999999</v>
      </c>
      <c r="URI52" s="7">
        <f t="shared" si="521"/>
        <v>16629.407999999999</v>
      </c>
      <c r="URJ52" s="7">
        <f t="shared" si="521"/>
        <v>16629.407999999999</v>
      </c>
      <c r="URK52" s="7">
        <f t="shared" si="521"/>
        <v>16629.407999999999</v>
      </c>
      <c r="URL52" s="7">
        <f t="shared" si="521"/>
        <v>16629.407999999999</v>
      </c>
      <c r="URM52" s="7">
        <f t="shared" si="521"/>
        <v>16629.407999999999</v>
      </c>
      <c r="URN52" s="7">
        <f t="shared" si="521"/>
        <v>16629.407999999999</v>
      </c>
      <c r="URO52" s="7">
        <f t="shared" si="521"/>
        <v>16629.407999999999</v>
      </c>
      <c r="URP52" s="7">
        <f t="shared" si="521"/>
        <v>16629.407999999999</v>
      </c>
      <c r="URQ52" s="7">
        <f t="shared" si="521"/>
        <v>16629.407999999999</v>
      </c>
      <c r="URR52" s="7">
        <f t="shared" si="521"/>
        <v>16629.407999999999</v>
      </c>
      <c r="URS52" s="7">
        <f t="shared" si="521"/>
        <v>16629.407999999999</v>
      </c>
      <c r="URT52" s="7">
        <f t="shared" si="521"/>
        <v>16629.407999999999</v>
      </c>
      <c r="URU52" s="7">
        <f t="shared" si="521"/>
        <v>16629.407999999999</v>
      </c>
      <c r="URV52" s="7">
        <f t="shared" si="521"/>
        <v>16629.407999999999</v>
      </c>
      <c r="URW52" s="7">
        <f t="shared" si="521"/>
        <v>16629.407999999999</v>
      </c>
      <c r="URX52" s="7">
        <f t="shared" si="521"/>
        <v>16629.407999999999</v>
      </c>
      <c r="URY52" s="7">
        <f t="shared" si="521"/>
        <v>16629.407999999999</v>
      </c>
      <c r="URZ52" s="7">
        <f t="shared" si="521"/>
        <v>16629.407999999999</v>
      </c>
      <c r="USA52" s="7">
        <f t="shared" si="521"/>
        <v>16629.407999999999</v>
      </c>
      <c r="USB52" s="7">
        <f t="shared" si="521"/>
        <v>16629.407999999999</v>
      </c>
      <c r="USC52" s="7">
        <f t="shared" si="521"/>
        <v>16629.407999999999</v>
      </c>
      <c r="USD52" s="7">
        <f t="shared" si="521"/>
        <v>16629.407999999999</v>
      </c>
      <c r="USE52" s="7">
        <f t="shared" si="521"/>
        <v>16629.407999999999</v>
      </c>
      <c r="USF52" s="7">
        <f t="shared" si="521"/>
        <v>16629.407999999999</v>
      </c>
      <c r="USG52" s="7">
        <f t="shared" si="521"/>
        <v>16629.407999999999</v>
      </c>
      <c r="USH52" s="7">
        <f t="shared" si="521"/>
        <v>16629.407999999999</v>
      </c>
      <c r="USI52" s="7">
        <f t="shared" si="521"/>
        <v>16629.407999999999</v>
      </c>
      <c r="USJ52" s="7">
        <f t="shared" si="521"/>
        <v>16629.407999999999</v>
      </c>
      <c r="USK52" s="7">
        <f t="shared" si="521"/>
        <v>16629.407999999999</v>
      </c>
      <c r="USL52" s="7">
        <f t="shared" si="521"/>
        <v>16629.407999999999</v>
      </c>
      <c r="USM52" s="7">
        <f t="shared" si="521"/>
        <v>16629.407999999999</v>
      </c>
      <c r="USN52" s="7">
        <f t="shared" si="521"/>
        <v>16629.407999999999</v>
      </c>
      <c r="USO52" s="7">
        <f t="shared" si="521"/>
        <v>16629.407999999999</v>
      </c>
      <c r="USP52" s="7">
        <f t="shared" si="521"/>
        <v>16629.407999999999</v>
      </c>
      <c r="USQ52" s="7">
        <f t="shared" si="521"/>
        <v>16629.407999999999</v>
      </c>
      <c r="USR52" s="7">
        <f t="shared" si="521"/>
        <v>16629.407999999999</v>
      </c>
      <c r="USS52" s="7">
        <f t="shared" si="521"/>
        <v>16629.407999999999</v>
      </c>
      <c r="UST52" s="7">
        <f t="shared" si="521"/>
        <v>16629.407999999999</v>
      </c>
      <c r="USU52" s="7">
        <f t="shared" si="521"/>
        <v>16629.407999999999</v>
      </c>
      <c r="USV52" s="7">
        <f t="shared" si="521"/>
        <v>16629.407999999999</v>
      </c>
      <c r="USW52" s="7">
        <f t="shared" si="521"/>
        <v>16629.407999999999</v>
      </c>
      <c r="USX52" s="7">
        <f t="shared" si="521"/>
        <v>16629.407999999999</v>
      </c>
      <c r="USY52" s="7">
        <f t="shared" si="521"/>
        <v>16629.407999999999</v>
      </c>
      <c r="USZ52" s="7">
        <f t="shared" si="521"/>
        <v>16629.407999999999</v>
      </c>
      <c r="UTA52" s="7">
        <f t="shared" si="521"/>
        <v>16629.407999999999</v>
      </c>
      <c r="UTB52" s="7">
        <f t="shared" si="521"/>
        <v>16629.407999999999</v>
      </c>
      <c r="UTC52" s="7">
        <f t="shared" si="521"/>
        <v>16629.407999999999</v>
      </c>
      <c r="UTD52" s="7">
        <f t="shared" si="521"/>
        <v>16629.407999999999</v>
      </c>
      <c r="UTE52" s="7">
        <f t="shared" si="521"/>
        <v>16629.407999999999</v>
      </c>
      <c r="UTF52" s="7">
        <f t="shared" si="521"/>
        <v>16629.407999999999</v>
      </c>
      <c r="UTG52" s="7">
        <f t="shared" si="521"/>
        <v>16629.407999999999</v>
      </c>
      <c r="UTH52" s="7">
        <f t="shared" si="521"/>
        <v>16629.407999999999</v>
      </c>
      <c r="UTI52" s="7">
        <f t="shared" si="521"/>
        <v>16629.407999999999</v>
      </c>
      <c r="UTJ52" s="7">
        <f t="shared" si="521"/>
        <v>16629.407999999999</v>
      </c>
      <c r="UTK52" s="7">
        <f t="shared" si="521"/>
        <v>16629.407999999999</v>
      </c>
      <c r="UTL52" s="7">
        <f t="shared" si="521"/>
        <v>16629.407999999999</v>
      </c>
      <c r="UTM52" s="7">
        <f t="shared" si="521"/>
        <v>16629.407999999999</v>
      </c>
      <c r="UTN52" s="7">
        <f t="shared" ref="UTN52:UVY52" si="522">UTN47+UTM52</f>
        <v>16629.407999999999</v>
      </c>
      <c r="UTO52" s="7">
        <f t="shared" si="522"/>
        <v>16629.407999999999</v>
      </c>
      <c r="UTP52" s="7">
        <f t="shared" si="522"/>
        <v>16629.407999999999</v>
      </c>
      <c r="UTQ52" s="7">
        <f t="shared" si="522"/>
        <v>16629.407999999999</v>
      </c>
      <c r="UTR52" s="7">
        <f t="shared" si="522"/>
        <v>16629.407999999999</v>
      </c>
      <c r="UTS52" s="7">
        <f t="shared" si="522"/>
        <v>16629.407999999999</v>
      </c>
      <c r="UTT52" s="7">
        <f t="shared" si="522"/>
        <v>16629.407999999999</v>
      </c>
      <c r="UTU52" s="7">
        <f t="shared" si="522"/>
        <v>16629.407999999999</v>
      </c>
      <c r="UTV52" s="7">
        <f t="shared" si="522"/>
        <v>16629.407999999999</v>
      </c>
      <c r="UTW52" s="7">
        <f t="shared" si="522"/>
        <v>16629.407999999999</v>
      </c>
      <c r="UTX52" s="7">
        <f t="shared" si="522"/>
        <v>16629.407999999999</v>
      </c>
      <c r="UTY52" s="7">
        <f t="shared" si="522"/>
        <v>16629.407999999999</v>
      </c>
      <c r="UTZ52" s="7">
        <f t="shared" si="522"/>
        <v>16629.407999999999</v>
      </c>
      <c r="UUA52" s="7">
        <f t="shared" si="522"/>
        <v>16629.407999999999</v>
      </c>
      <c r="UUB52" s="7">
        <f t="shared" si="522"/>
        <v>16629.407999999999</v>
      </c>
      <c r="UUC52" s="7">
        <f t="shared" si="522"/>
        <v>16629.407999999999</v>
      </c>
      <c r="UUD52" s="7">
        <f t="shared" si="522"/>
        <v>16629.407999999999</v>
      </c>
      <c r="UUE52" s="7">
        <f t="shared" si="522"/>
        <v>16629.407999999999</v>
      </c>
      <c r="UUF52" s="7">
        <f t="shared" si="522"/>
        <v>16629.407999999999</v>
      </c>
      <c r="UUG52" s="7">
        <f t="shared" si="522"/>
        <v>16629.407999999999</v>
      </c>
      <c r="UUH52" s="7">
        <f t="shared" si="522"/>
        <v>16629.407999999999</v>
      </c>
      <c r="UUI52" s="7">
        <f t="shared" si="522"/>
        <v>16629.407999999999</v>
      </c>
      <c r="UUJ52" s="7">
        <f t="shared" si="522"/>
        <v>16629.407999999999</v>
      </c>
      <c r="UUK52" s="7">
        <f t="shared" si="522"/>
        <v>16629.407999999999</v>
      </c>
      <c r="UUL52" s="7">
        <f t="shared" si="522"/>
        <v>16629.407999999999</v>
      </c>
      <c r="UUM52" s="7">
        <f t="shared" si="522"/>
        <v>16629.407999999999</v>
      </c>
      <c r="UUN52" s="7">
        <f t="shared" si="522"/>
        <v>16629.407999999999</v>
      </c>
      <c r="UUO52" s="7">
        <f t="shared" si="522"/>
        <v>16629.407999999999</v>
      </c>
      <c r="UUP52" s="7">
        <f t="shared" si="522"/>
        <v>16629.407999999999</v>
      </c>
      <c r="UUQ52" s="7">
        <f t="shared" si="522"/>
        <v>16629.407999999999</v>
      </c>
      <c r="UUR52" s="7">
        <f t="shared" si="522"/>
        <v>16629.407999999999</v>
      </c>
      <c r="UUS52" s="7">
        <f t="shared" si="522"/>
        <v>16629.407999999999</v>
      </c>
      <c r="UUT52" s="7">
        <f t="shared" si="522"/>
        <v>16629.407999999999</v>
      </c>
      <c r="UUU52" s="7">
        <f t="shared" si="522"/>
        <v>16629.407999999999</v>
      </c>
      <c r="UUV52" s="7">
        <f t="shared" si="522"/>
        <v>16629.407999999999</v>
      </c>
      <c r="UUW52" s="7">
        <f t="shared" si="522"/>
        <v>16629.407999999999</v>
      </c>
      <c r="UUX52" s="7">
        <f t="shared" si="522"/>
        <v>16629.407999999999</v>
      </c>
      <c r="UUY52" s="7">
        <f t="shared" si="522"/>
        <v>16629.407999999999</v>
      </c>
      <c r="UUZ52" s="7">
        <f t="shared" si="522"/>
        <v>16629.407999999999</v>
      </c>
      <c r="UVA52" s="7">
        <f t="shared" si="522"/>
        <v>16629.407999999999</v>
      </c>
      <c r="UVB52" s="7">
        <f t="shared" si="522"/>
        <v>16629.407999999999</v>
      </c>
      <c r="UVC52" s="7">
        <f t="shared" si="522"/>
        <v>16629.407999999999</v>
      </c>
      <c r="UVD52" s="7">
        <f t="shared" si="522"/>
        <v>16629.407999999999</v>
      </c>
      <c r="UVE52" s="7">
        <f t="shared" si="522"/>
        <v>16629.407999999999</v>
      </c>
      <c r="UVF52" s="7">
        <f t="shared" si="522"/>
        <v>16629.407999999999</v>
      </c>
      <c r="UVG52" s="7">
        <f t="shared" si="522"/>
        <v>16629.407999999999</v>
      </c>
      <c r="UVH52" s="7">
        <f t="shared" si="522"/>
        <v>16629.407999999999</v>
      </c>
      <c r="UVI52" s="7">
        <f t="shared" si="522"/>
        <v>16629.407999999999</v>
      </c>
      <c r="UVJ52" s="7">
        <f t="shared" si="522"/>
        <v>16629.407999999999</v>
      </c>
      <c r="UVK52" s="7">
        <f t="shared" si="522"/>
        <v>16629.407999999999</v>
      </c>
      <c r="UVL52" s="7">
        <f t="shared" si="522"/>
        <v>16629.407999999999</v>
      </c>
      <c r="UVM52" s="7">
        <f t="shared" si="522"/>
        <v>16629.407999999999</v>
      </c>
      <c r="UVN52" s="7">
        <f t="shared" si="522"/>
        <v>16629.407999999999</v>
      </c>
      <c r="UVO52" s="7">
        <f t="shared" si="522"/>
        <v>16629.407999999999</v>
      </c>
      <c r="UVP52" s="7">
        <f t="shared" si="522"/>
        <v>16629.407999999999</v>
      </c>
      <c r="UVQ52" s="7">
        <f t="shared" si="522"/>
        <v>16629.407999999999</v>
      </c>
      <c r="UVR52" s="7">
        <f t="shared" si="522"/>
        <v>16629.407999999999</v>
      </c>
      <c r="UVS52" s="7">
        <f t="shared" si="522"/>
        <v>16629.407999999999</v>
      </c>
      <c r="UVT52" s="7">
        <f t="shared" si="522"/>
        <v>16629.407999999999</v>
      </c>
      <c r="UVU52" s="7">
        <f t="shared" si="522"/>
        <v>16629.407999999999</v>
      </c>
      <c r="UVV52" s="7">
        <f t="shared" si="522"/>
        <v>16629.407999999999</v>
      </c>
      <c r="UVW52" s="7">
        <f t="shared" si="522"/>
        <v>16629.407999999999</v>
      </c>
      <c r="UVX52" s="7">
        <f t="shared" si="522"/>
        <v>16629.407999999999</v>
      </c>
      <c r="UVY52" s="7">
        <f t="shared" si="522"/>
        <v>16629.407999999999</v>
      </c>
      <c r="UVZ52" s="7">
        <f t="shared" ref="UVZ52:UYK52" si="523">UVZ47+UVY52</f>
        <v>16629.407999999999</v>
      </c>
      <c r="UWA52" s="7">
        <f t="shared" si="523"/>
        <v>16629.407999999999</v>
      </c>
      <c r="UWB52" s="7">
        <f t="shared" si="523"/>
        <v>16629.407999999999</v>
      </c>
      <c r="UWC52" s="7">
        <f t="shared" si="523"/>
        <v>16629.407999999999</v>
      </c>
      <c r="UWD52" s="7">
        <f t="shared" si="523"/>
        <v>16629.407999999999</v>
      </c>
      <c r="UWE52" s="7">
        <f t="shared" si="523"/>
        <v>16629.407999999999</v>
      </c>
      <c r="UWF52" s="7">
        <f t="shared" si="523"/>
        <v>16629.407999999999</v>
      </c>
      <c r="UWG52" s="7">
        <f t="shared" si="523"/>
        <v>16629.407999999999</v>
      </c>
      <c r="UWH52" s="7">
        <f t="shared" si="523"/>
        <v>16629.407999999999</v>
      </c>
      <c r="UWI52" s="7">
        <f t="shared" si="523"/>
        <v>16629.407999999999</v>
      </c>
      <c r="UWJ52" s="7">
        <f t="shared" si="523"/>
        <v>16629.407999999999</v>
      </c>
      <c r="UWK52" s="7">
        <f t="shared" si="523"/>
        <v>16629.407999999999</v>
      </c>
      <c r="UWL52" s="7">
        <f t="shared" si="523"/>
        <v>16629.407999999999</v>
      </c>
      <c r="UWM52" s="7">
        <f t="shared" si="523"/>
        <v>16629.407999999999</v>
      </c>
      <c r="UWN52" s="7">
        <f t="shared" si="523"/>
        <v>16629.407999999999</v>
      </c>
      <c r="UWO52" s="7">
        <f t="shared" si="523"/>
        <v>16629.407999999999</v>
      </c>
      <c r="UWP52" s="7">
        <f t="shared" si="523"/>
        <v>16629.407999999999</v>
      </c>
      <c r="UWQ52" s="7">
        <f t="shared" si="523"/>
        <v>16629.407999999999</v>
      </c>
      <c r="UWR52" s="7">
        <f t="shared" si="523"/>
        <v>16629.407999999999</v>
      </c>
      <c r="UWS52" s="7">
        <f t="shared" si="523"/>
        <v>16629.407999999999</v>
      </c>
      <c r="UWT52" s="7">
        <f t="shared" si="523"/>
        <v>16629.407999999999</v>
      </c>
      <c r="UWU52" s="7">
        <f t="shared" si="523"/>
        <v>16629.407999999999</v>
      </c>
      <c r="UWV52" s="7">
        <f t="shared" si="523"/>
        <v>16629.407999999999</v>
      </c>
      <c r="UWW52" s="7">
        <f t="shared" si="523"/>
        <v>16629.407999999999</v>
      </c>
      <c r="UWX52" s="7">
        <f t="shared" si="523"/>
        <v>16629.407999999999</v>
      </c>
      <c r="UWY52" s="7">
        <f t="shared" si="523"/>
        <v>16629.407999999999</v>
      </c>
      <c r="UWZ52" s="7">
        <f t="shared" si="523"/>
        <v>16629.407999999999</v>
      </c>
      <c r="UXA52" s="7">
        <f t="shared" si="523"/>
        <v>16629.407999999999</v>
      </c>
      <c r="UXB52" s="7">
        <f t="shared" si="523"/>
        <v>16629.407999999999</v>
      </c>
      <c r="UXC52" s="7">
        <f t="shared" si="523"/>
        <v>16629.407999999999</v>
      </c>
      <c r="UXD52" s="7">
        <f t="shared" si="523"/>
        <v>16629.407999999999</v>
      </c>
      <c r="UXE52" s="7">
        <f t="shared" si="523"/>
        <v>16629.407999999999</v>
      </c>
      <c r="UXF52" s="7">
        <f t="shared" si="523"/>
        <v>16629.407999999999</v>
      </c>
      <c r="UXG52" s="7">
        <f t="shared" si="523"/>
        <v>16629.407999999999</v>
      </c>
      <c r="UXH52" s="7">
        <f t="shared" si="523"/>
        <v>16629.407999999999</v>
      </c>
      <c r="UXI52" s="7">
        <f t="shared" si="523"/>
        <v>16629.407999999999</v>
      </c>
      <c r="UXJ52" s="7">
        <f t="shared" si="523"/>
        <v>16629.407999999999</v>
      </c>
      <c r="UXK52" s="7">
        <f t="shared" si="523"/>
        <v>16629.407999999999</v>
      </c>
      <c r="UXL52" s="7">
        <f t="shared" si="523"/>
        <v>16629.407999999999</v>
      </c>
      <c r="UXM52" s="7">
        <f t="shared" si="523"/>
        <v>16629.407999999999</v>
      </c>
      <c r="UXN52" s="7">
        <f t="shared" si="523"/>
        <v>16629.407999999999</v>
      </c>
      <c r="UXO52" s="7">
        <f t="shared" si="523"/>
        <v>16629.407999999999</v>
      </c>
      <c r="UXP52" s="7">
        <f t="shared" si="523"/>
        <v>16629.407999999999</v>
      </c>
      <c r="UXQ52" s="7">
        <f t="shared" si="523"/>
        <v>16629.407999999999</v>
      </c>
      <c r="UXR52" s="7">
        <f t="shared" si="523"/>
        <v>16629.407999999999</v>
      </c>
      <c r="UXS52" s="7">
        <f t="shared" si="523"/>
        <v>16629.407999999999</v>
      </c>
      <c r="UXT52" s="7">
        <f t="shared" si="523"/>
        <v>16629.407999999999</v>
      </c>
      <c r="UXU52" s="7">
        <f t="shared" si="523"/>
        <v>16629.407999999999</v>
      </c>
      <c r="UXV52" s="7">
        <f t="shared" si="523"/>
        <v>16629.407999999999</v>
      </c>
      <c r="UXW52" s="7">
        <f t="shared" si="523"/>
        <v>16629.407999999999</v>
      </c>
      <c r="UXX52" s="7">
        <f t="shared" si="523"/>
        <v>16629.407999999999</v>
      </c>
      <c r="UXY52" s="7">
        <f t="shared" si="523"/>
        <v>16629.407999999999</v>
      </c>
      <c r="UXZ52" s="7">
        <f t="shared" si="523"/>
        <v>16629.407999999999</v>
      </c>
      <c r="UYA52" s="7">
        <f t="shared" si="523"/>
        <v>16629.407999999999</v>
      </c>
      <c r="UYB52" s="7">
        <f t="shared" si="523"/>
        <v>16629.407999999999</v>
      </c>
      <c r="UYC52" s="7">
        <f t="shared" si="523"/>
        <v>16629.407999999999</v>
      </c>
      <c r="UYD52" s="7">
        <f t="shared" si="523"/>
        <v>16629.407999999999</v>
      </c>
      <c r="UYE52" s="7">
        <f t="shared" si="523"/>
        <v>16629.407999999999</v>
      </c>
      <c r="UYF52" s="7">
        <f t="shared" si="523"/>
        <v>16629.407999999999</v>
      </c>
      <c r="UYG52" s="7">
        <f t="shared" si="523"/>
        <v>16629.407999999999</v>
      </c>
      <c r="UYH52" s="7">
        <f t="shared" si="523"/>
        <v>16629.407999999999</v>
      </c>
      <c r="UYI52" s="7">
        <f t="shared" si="523"/>
        <v>16629.407999999999</v>
      </c>
      <c r="UYJ52" s="7">
        <f t="shared" si="523"/>
        <v>16629.407999999999</v>
      </c>
      <c r="UYK52" s="7">
        <f t="shared" si="523"/>
        <v>16629.407999999999</v>
      </c>
      <c r="UYL52" s="7">
        <f t="shared" ref="UYL52:VAW52" si="524">UYL47+UYK52</f>
        <v>16629.407999999999</v>
      </c>
      <c r="UYM52" s="7">
        <f t="shared" si="524"/>
        <v>16629.407999999999</v>
      </c>
      <c r="UYN52" s="7">
        <f t="shared" si="524"/>
        <v>16629.407999999999</v>
      </c>
      <c r="UYO52" s="7">
        <f t="shared" si="524"/>
        <v>16629.407999999999</v>
      </c>
      <c r="UYP52" s="7">
        <f t="shared" si="524"/>
        <v>16629.407999999999</v>
      </c>
      <c r="UYQ52" s="7">
        <f t="shared" si="524"/>
        <v>16629.407999999999</v>
      </c>
      <c r="UYR52" s="7">
        <f t="shared" si="524"/>
        <v>16629.407999999999</v>
      </c>
      <c r="UYS52" s="7">
        <f t="shared" si="524"/>
        <v>16629.407999999999</v>
      </c>
      <c r="UYT52" s="7">
        <f t="shared" si="524"/>
        <v>16629.407999999999</v>
      </c>
      <c r="UYU52" s="7">
        <f t="shared" si="524"/>
        <v>16629.407999999999</v>
      </c>
      <c r="UYV52" s="7">
        <f t="shared" si="524"/>
        <v>16629.407999999999</v>
      </c>
      <c r="UYW52" s="7">
        <f t="shared" si="524"/>
        <v>16629.407999999999</v>
      </c>
      <c r="UYX52" s="7">
        <f t="shared" si="524"/>
        <v>16629.407999999999</v>
      </c>
      <c r="UYY52" s="7">
        <f t="shared" si="524"/>
        <v>16629.407999999999</v>
      </c>
      <c r="UYZ52" s="7">
        <f t="shared" si="524"/>
        <v>16629.407999999999</v>
      </c>
      <c r="UZA52" s="7">
        <f t="shared" si="524"/>
        <v>16629.407999999999</v>
      </c>
      <c r="UZB52" s="7">
        <f t="shared" si="524"/>
        <v>16629.407999999999</v>
      </c>
      <c r="UZC52" s="7">
        <f t="shared" si="524"/>
        <v>16629.407999999999</v>
      </c>
      <c r="UZD52" s="7">
        <f t="shared" si="524"/>
        <v>16629.407999999999</v>
      </c>
      <c r="UZE52" s="7">
        <f t="shared" si="524"/>
        <v>16629.407999999999</v>
      </c>
      <c r="UZF52" s="7">
        <f t="shared" si="524"/>
        <v>16629.407999999999</v>
      </c>
      <c r="UZG52" s="7">
        <f t="shared" si="524"/>
        <v>16629.407999999999</v>
      </c>
      <c r="UZH52" s="7">
        <f t="shared" si="524"/>
        <v>16629.407999999999</v>
      </c>
      <c r="UZI52" s="7">
        <f t="shared" si="524"/>
        <v>16629.407999999999</v>
      </c>
      <c r="UZJ52" s="7">
        <f t="shared" si="524"/>
        <v>16629.407999999999</v>
      </c>
      <c r="UZK52" s="7">
        <f t="shared" si="524"/>
        <v>16629.407999999999</v>
      </c>
      <c r="UZL52" s="7">
        <f t="shared" si="524"/>
        <v>16629.407999999999</v>
      </c>
      <c r="UZM52" s="7">
        <f t="shared" si="524"/>
        <v>16629.407999999999</v>
      </c>
      <c r="UZN52" s="7">
        <f t="shared" si="524"/>
        <v>16629.407999999999</v>
      </c>
      <c r="UZO52" s="7">
        <f t="shared" si="524"/>
        <v>16629.407999999999</v>
      </c>
      <c r="UZP52" s="7">
        <f t="shared" si="524"/>
        <v>16629.407999999999</v>
      </c>
      <c r="UZQ52" s="7">
        <f t="shared" si="524"/>
        <v>16629.407999999999</v>
      </c>
      <c r="UZR52" s="7">
        <f t="shared" si="524"/>
        <v>16629.407999999999</v>
      </c>
      <c r="UZS52" s="7">
        <f t="shared" si="524"/>
        <v>16629.407999999999</v>
      </c>
      <c r="UZT52" s="7">
        <f t="shared" si="524"/>
        <v>16629.407999999999</v>
      </c>
      <c r="UZU52" s="7">
        <f t="shared" si="524"/>
        <v>16629.407999999999</v>
      </c>
      <c r="UZV52" s="7">
        <f t="shared" si="524"/>
        <v>16629.407999999999</v>
      </c>
      <c r="UZW52" s="7">
        <f t="shared" si="524"/>
        <v>16629.407999999999</v>
      </c>
      <c r="UZX52" s="7">
        <f t="shared" si="524"/>
        <v>16629.407999999999</v>
      </c>
      <c r="UZY52" s="7">
        <f t="shared" si="524"/>
        <v>16629.407999999999</v>
      </c>
      <c r="UZZ52" s="7">
        <f t="shared" si="524"/>
        <v>16629.407999999999</v>
      </c>
      <c r="VAA52" s="7">
        <f t="shared" si="524"/>
        <v>16629.407999999999</v>
      </c>
      <c r="VAB52" s="7">
        <f t="shared" si="524"/>
        <v>16629.407999999999</v>
      </c>
      <c r="VAC52" s="7">
        <f t="shared" si="524"/>
        <v>16629.407999999999</v>
      </c>
      <c r="VAD52" s="7">
        <f t="shared" si="524"/>
        <v>16629.407999999999</v>
      </c>
      <c r="VAE52" s="7">
        <f t="shared" si="524"/>
        <v>16629.407999999999</v>
      </c>
      <c r="VAF52" s="7">
        <f t="shared" si="524"/>
        <v>16629.407999999999</v>
      </c>
      <c r="VAG52" s="7">
        <f t="shared" si="524"/>
        <v>16629.407999999999</v>
      </c>
      <c r="VAH52" s="7">
        <f t="shared" si="524"/>
        <v>16629.407999999999</v>
      </c>
      <c r="VAI52" s="7">
        <f t="shared" si="524"/>
        <v>16629.407999999999</v>
      </c>
      <c r="VAJ52" s="7">
        <f t="shared" si="524"/>
        <v>16629.407999999999</v>
      </c>
      <c r="VAK52" s="7">
        <f t="shared" si="524"/>
        <v>16629.407999999999</v>
      </c>
      <c r="VAL52" s="7">
        <f t="shared" si="524"/>
        <v>16629.407999999999</v>
      </c>
      <c r="VAM52" s="7">
        <f t="shared" si="524"/>
        <v>16629.407999999999</v>
      </c>
      <c r="VAN52" s="7">
        <f t="shared" si="524"/>
        <v>16629.407999999999</v>
      </c>
      <c r="VAO52" s="7">
        <f t="shared" si="524"/>
        <v>16629.407999999999</v>
      </c>
      <c r="VAP52" s="7">
        <f t="shared" si="524"/>
        <v>16629.407999999999</v>
      </c>
      <c r="VAQ52" s="7">
        <f t="shared" si="524"/>
        <v>16629.407999999999</v>
      </c>
      <c r="VAR52" s="7">
        <f t="shared" si="524"/>
        <v>16629.407999999999</v>
      </c>
      <c r="VAS52" s="7">
        <f t="shared" si="524"/>
        <v>16629.407999999999</v>
      </c>
      <c r="VAT52" s="7">
        <f t="shared" si="524"/>
        <v>16629.407999999999</v>
      </c>
      <c r="VAU52" s="7">
        <f t="shared" si="524"/>
        <v>16629.407999999999</v>
      </c>
      <c r="VAV52" s="7">
        <f t="shared" si="524"/>
        <v>16629.407999999999</v>
      </c>
      <c r="VAW52" s="7">
        <f t="shared" si="524"/>
        <v>16629.407999999999</v>
      </c>
      <c r="VAX52" s="7">
        <f t="shared" ref="VAX52:VDI52" si="525">VAX47+VAW52</f>
        <v>16629.407999999999</v>
      </c>
      <c r="VAY52" s="7">
        <f t="shared" si="525"/>
        <v>16629.407999999999</v>
      </c>
      <c r="VAZ52" s="7">
        <f t="shared" si="525"/>
        <v>16629.407999999999</v>
      </c>
      <c r="VBA52" s="7">
        <f t="shared" si="525"/>
        <v>16629.407999999999</v>
      </c>
      <c r="VBB52" s="7">
        <f t="shared" si="525"/>
        <v>16629.407999999999</v>
      </c>
      <c r="VBC52" s="7">
        <f t="shared" si="525"/>
        <v>16629.407999999999</v>
      </c>
      <c r="VBD52" s="7">
        <f t="shared" si="525"/>
        <v>16629.407999999999</v>
      </c>
      <c r="VBE52" s="7">
        <f t="shared" si="525"/>
        <v>16629.407999999999</v>
      </c>
      <c r="VBF52" s="7">
        <f t="shared" si="525"/>
        <v>16629.407999999999</v>
      </c>
      <c r="VBG52" s="7">
        <f t="shared" si="525"/>
        <v>16629.407999999999</v>
      </c>
      <c r="VBH52" s="7">
        <f t="shared" si="525"/>
        <v>16629.407999999999</v>
      </c>
      <c r="VBI52" s="7">
        <f t="shared" si="525"/>
        <v>16629.407999999999</v>
      </c>
      <c r="VBJ52" s="7">
        <f t="shared" si="525"/>
        <v>16629.407999999999</v>
      </c>
      <c r="VBK52" s="7">
        <f t="shared" si="525"/>
        <v>16629.407999999999</v>
      </c>
      <c r="VBL52" s="7">
        <f t="shared" si="525"/>
        <v>16629.407999999999</v>
      </c>
      <c r="VBM52" s="7">
        <f t="shared" si="525"/>
        <v>16629.407999999999</v>
      </c>
      <c r="VBN52" s="7">
        <f t="shared" si="525"/>
        <v>16629.407999999999</v>
      </c>
      <c r="VBO52" s="7">
        <f t="shared" si="525"/>
        <v>16629.407999999999</v>
      </c>
      <c r="VBP52" s="7">
        <f t="shared" si="525"/>
        <v>16629.407999999999</v>
      </c>
      <c r="VBQ52" s="7">
        <f t="shared" si="525"/>
        <v>16629.407999999999</v>
      </c>
      <c r="VBR52" s="7">
        <f t="shared" si="525"/>
        <v>16629.407999999999</v>
      </c>
      <c r="VBS52" s="7">
        <f t="shared" si="525"/>
        <v>16629.407999999999</v>
      </c>
      <c r="VBT52" s="7">
        <f t="shared" si="525"/>
        <v>16629.407999999999</v>
      </c>
      <c r="VBU52" s="7">
        <f t="shared" si="525"/>
        <v>16629.407999999999</v>
      </c>
      <c r="VBV52" s="7">
        <f t="shared" si="525"/>
        <v>16629.407999999999</v>
      </c>
      <c r="VBW52" s="7">
        <f t="shared" si="525"/>
        <v>16629.407999999999</v>
      </c>
      <c r="VBX52" s="7">
        <f t="shared" si="525"/>
        <v>16629.407999999999</v>
      </c>
      <c r="VBY52" s="7">
        <f t="shared" si="525"/>
        <v>16629.407999999999</v>
      </c>
      <c r="VBZ52" s="7">
        <f t="shared" si="525"/>
        <v>16629.407999999999</v>
      </c>
      <c r="VCA52" s="7">
        <f t="shared" si="525"/>
        <v>16629.407999999999</v>
      </c>
      <c r="VCB52" s="7">
        <f t="shared" si="525"/>
        <v>16629.407999999999</v>
      </c>
      <c r="VCC52" s="7">
        <f t="shared" si="525"/>
        <v>16629.407999999999</v>
      </c>
      <c r="VCD52" s="7">
        <f t="shared" si="525"/>
        <v>16629.407999999999</v>
      </c>
      <c r="VCE52" s="7">
        <f t="shared" si="525"/>
        <v>16629.407999999999</v>
      </c>
      <c r="VCF52" s="7">
        <f t="shared" si="525"/>
        <v>16629.407999999999</v>
      </c>
      <c r="VCG52" s="7">
        <f t="shared" si="525"/>
        <v>16629.407999999999</v>
      </c>
      <c r="VCH52" s="7">
        <f t="shared" si="525"/>
        <v>16629.407999999999</v>
      </c>
      <c r="VCI52" s="7">
        <f t="shared" si="525"/>
        <v>16629.407999999999</v>
      </c>
      <c r="VCJ52" s="7">
        <f t="shared" si="525"/>
        <v>16629.407999999999</v>
      </c>
      <c r="VCK52" s="7">
        <f t="shared" si="525"/>
        <v>16629.407999999999</v>
      </c>
      <c r="VCL52" s="7">
        <f t="shared" si="525"/>
        <v>16629.407999999999</v>
      </c>
      <c r="VCM52" s="7">
        <f t="shared" si="525"/>
        <v>16629.407999999999</v>
      </c>
      <c r="VCN52" s="7">
        <f t="shared" si="525"/>
        <v>16629.407999999999</v>
      </c>
      <c r="VCO52" s="7">
        <f t="shared" si="525"/>
        <v>16629.407999999999</v>
      </c>
      <c r="VCP52" s="7">
        <f t="shared" si="525"/>
        <v>16629.407999999999</v>
      </c>
      <c r="VCQ52" s="7">
        <f t="shared" si="525"/>
        <v>16629.407999999999</v>
      </c>
      <c r="VCR52" s="7">
        <f t="shared" si="525"/>
        <v>16629.407999999999</v>
      </c>
      <c r="VCS52" s="7">
        <f t="shared" si="525"/>
        <v>16629.407999999999</v>
      </c>
      <c r="VCT52" s="7">
        <f t="shared" si="525"/>
        <v>16629.407999999999</v>
      </c>
      <c r="VCU52" s="7">
        <f t="shared" si="525"/>
        <v>16629.407999999999</v>
      </c>
      <c r="VCV52" s="7">
        <f t="shared" si="525"/>
        <v>16629.407999999999</v>
      </c>
      <c r="VCW52" s="7">
        <f t="shared" si="525"/>
        <v>16629.407999999999</v>
      </c>
      <c r="VCX52" s="7">
        <f t="shared" si="525"/>
        <v>16629.407999999999</v>
      </c>
      <c r="VCY52" s="7">
        <f t="shared" si="525"/>
        <v>16629.407999999999</v>
      </c>
      <c r="VCZ52" s="7">
        <f t="shared" si="525"/>
        <v>16629.407999999999</v>
      </c>
      <c r="VDA52" s="7">
        <f t="shared" si="525"/>
        <v>16629.407999999999</v>
      </c>
      <c r="VDB52" s="7">
        <f t="shared" si="525"/>
        <v>16629.407999999999</v>
      </c>
      <c r="VDC52" s="7">
        <f t="shared" si="525"/>
        <v>16629.407999999999</v>
      </c>
      <c r="VDD52" s="7">
        <f t="shared" si="525"/>
        <v>16629.407999999999</v>
      </c>
      <c r="VDE52" s="7">
        <f t="shared" si="525"/>
        <v>16629.407999999999</v>
      </c>
      <c r="VDF52" s="7">
        <f t="shared" si="525"/>
        <v>16629.407999999999</v>
      </c>
      <c r="VDG52" s="7">
        <f t="shared" si="525"/>
        <v>16629.407999999999</v>
      </c>
      <c r="VDH52" s="7">
        <f t="shared" si="525"/>
        <v>16629.407999999999</v>
      </c>
      <c r="VDI52" s="7">
        <f t="shared" si="525"/>
        <v>16629.407999999999</v>
      </c>
      <c r="VDJ52" s="7">
        <f t="shared" ref="VDJ52:VFU52" si="526">VDJ47+VDI52</f>
        <v>16629.407999999999</v>
      </c>
      <c r="VDK52" s="7">
        <f t="shared" si="526"/>
        <v>16629.407999999999</v>
      </c>
      <c r="VDL52" s="7">
        <f t="shared" si="526"/>
        <v>16629.407999999999</v>
      </c>
      <c r="VDM52" s="7">
        <f t="shared" si="526"/>
        <v>16629.407999999999</v>
      </c>
      <c r="VDN52" s="7">
        <f t="shared" si="526"/>
        <v>16629.407999999999</v>
      </c>
      <c r="VDO52" s="7">
        <f t="shared" si="526"/>
        <v>16629.407999999999</v>
      </c>
      <c r="VDP52" s="7">
        <f t="shared" si="526"/>
        <v>16629.407999999999</v>
      </c>
      <c r="VDQ52" s="7">
        <f t="shared" si="526"/>
        <v>16629.407999999999</v>
      </c>
      <c r="VDR52" s="7">
        <f t="shared" si="526"/>
        <v>16629.407999999999</v>
      </c>
      <c r="VDS52" s="7">
        <f t="shared" si="526"/>
        <v>16629.407999999999</v>
      </c>
      <c r="VDT52" s="7">
        <f t="shared" si="526"/>
        <v>16629.407999999999</v>
      </c>
      <c r="VDU52" s="7">
        <f t="shared" si="526"/>
        <v>16629.407999999999</v>
      </c>
      <c r="VDV52" s="7">
        <f t="shared" si="526"/>
        <v>16629.407999999999</v>
      </c>
      <c r="VDW52" s="7">
        <f t="shared" si="526"/>
        <v>16629.407999999999</v>
      </c>
      <c r="VDX52" s="7">
        <f t="shared" si="526"/>
        <v>16629.407999999999</v>
      </c>
      <c r="VDY52" s="7">
        <f t="shared" si="526"/>
        <v>16629.407999999999</v>
      </c>
      <c r="VDZ52" s="7">
        <f t="shared" si="526"/>
        <v>16629.407999999999</v>
      </c>
      <c r="VEA52" s="7">
        <f t="shared" si="526"/>
        <v>16629.407999999999</v>
      </c>
      <c r="VEB52" s="7">
        <f t="shared" si="526"/>
        <v>16629.407999999999</v>
      </c>
      <c r="VEC52" s="7">
        <f t="shared" si="526"/>
        <v>16629.407999999999</v>
      </c>
      <c r="VED52" s="7">
        <f t="shared" si="526"/>
        <v>16629.407999999999</v>
      </c>
      <c r="VEE52" s="7">
        <f t="shared" si="526"/>
        <v>16629.407999999999</v>
      </c>
      <c r="VEF52" s="7">
        <f t="shared" si="526"/>
        <v>16629.407999999999</v>
      </c>
      <c r="VEG52" s="7">
        <f t="shared" si="526"/>
        <v>16629.407999999999</v>
      </c>
      <c r="VEH52" s="7">
        <f t="shared" si="526"/>
        <v>16629.407999999999</v>
      </c>
      <c r="VEI52" s="7">
        <f t="shared" si="526"/>
        <v>16629.407999999999</v>
      </c>
      <c r="VEJ52" s="7">
        <f t="shared" si="526"/>
        <v>16629.407999999999</v>
      </c>
      <c r="VEK52" s="7">
        <f t="shared" si="526"/>
        <v>16629.407999999999</v>
      </c>
      <c r="VEL52" s="7">
        <f t="shared" si="526"/>
        <v>16629.407999999999</v>
      </c>
      <c r="VEM52" s="7">
        <f t="shared" si="526"/>
        <v>16629.407999999999</v>
      </c>
      <c r="VEN52" s="7">
        <f t="shared" si="526"/>
        <v>16629.407999999999</v>
      </c>
      <c r="VEO52" s="7">
        <f t="shared" si="526"/>
        <v>16629.407999999999</v>
      </c>
      <c r="VEP52" s="7">
        <f t="shared" si="526"/>
        <v>16629.407999999999</v>
      </c>
      <c r="VEQ52" s="7">
        <f t="shared" si="526"/>
        <v>16629.407999999999</v>
      </c>
      <c r="VER52" s="7">
        <f t="shared" si="526"/>
        <v>16629.407999999999</v>
      </c>
      <c r="VES52" s="7">
        <f t="shared" si="526"/>
        <v>16629.407999999999</v>
      </c>
      <c r="VET52" s="7">
        <f t="shared" si="526"/>
        <v>16629.407999999999</v>
      </c>
      <c r="VEU52" s="7">
        <f t="shared" si="526"/>
        <v>16629.407999999999</v>
      </c>
      <c r="VEV52" s="7">
        <f t="shared" si="526"/>
        <v>16629.407999999999</v>
      </c>
      <c r="VEW52" s="7">
        <f t="shared" si="526"/>
        <v>16629.407999999999</v>
      </c>
      <c r="VEX52" s="7">
        <f t="shared" si="526"/>
        <v>16629.407999999999</v>
      </c>
      <c r="VEY52" s="7">
        <f t="shared" si="526"/>
        <v>16629.407999999999</v>
      </c>
      <c r="VEZ52" s="7">
        <f t="shared" si="526"/>
        <v>16629.407999999999</v>
      </c>
      <c r="VFA52" s="7">
        <f t="shared" si="526"/>
        <v>16629.407999999999</v>
      </c>
      <c r="VFB52" s="7">
        <f t="shared" si="526"/>
        <v>16629.407999999999</v>
      </c>
      <c r="VFC52" s="7">
        <f t="shared" si="526"/>
        <v>16629.407999999999</v>
      </c>
      <c r="VFD52" s="7">
        <f t="shared" si="526"/>
        <v>16629.407999999999</v>
      </c>
      <c r="VFE52" s="7">
        <f t="shared" si="526"/>
        <v>16629.407999999999</v>
      </c>
      <c r="VFF52" s="7">
        <f t="shared" si="526"/>
        <v>16629.407999999999</v>
      </c>
      <c r="VFG52" s="7">
        <f t="shared" si="526"/>
        <v>16629.407999999999</v>
      </c>
      <c r="VFH52" s="7">
        <f t="shared" si="526"/>
        <v>16629.407999999999</v>
      </c>
      <c r="VFI52" s="7">
        <f t="shared" si="526"/>
        <v>16629.407999999999</v>
      </c>
      <c r="VFJ52" s="7">
        <f t="shared" si="526"/>
        <v>16629.407999999999</v>
      </c>
      <c r="VFK52" s="7">
        <f t="shared" si="526"/>
        <v>16629.407999999999</v>
      </c>
      <c r="VFL52" s="7">
        <f t="shared" si="526"/>
        <v>16629.407999999999</v>
      </c>
      <c r="VFM52" s="7">
        <f t="shared" si="526"/>
        <v>16629.407999999999</v>
      </c>
      <c r="VFN52" s="7">
        <f t="shared" si="526"/>
        <v>16629.407999999999</v>
      </c>
      <c r="VFO52" s="7">
        <f t="shared" si="526"/>
        <v>16629.407999999999</v>
      </c>
      <c r="VFP52" s="7">
        <f t="shared" si="526"/>
        <v>16629.407999999999</v>
      </c>
      <c r="VFQ52" s="7">
        <f t="shared" si="526"/>
        <v>16629.407999999999</v>
      </c>
      <c r="VFR52" s="7">
        <f t="shared" si="526"/>
        <v>16629.407999999999</v>
      </c>
      <c r="VFS52" s="7">
        <f t="shared" si="526"/>
        <v>16629.407999999999</v>
      </c>
      <c r="VFT52" s="7">
        <f t="shared" si="526"/>
        <v>16629.407999999999</v>
      </c>
      <c r="VFU52" s="7">
        <f t="shared" si="526"/>
        <v>16629.407999999999</v>
      </c>
      <c r="VFV52" s="7">
        <f t="shared" ref="VFV52:VIG52" si="527">VFV47+VFU52</f>
        <v>16629.407999999999</v>
      </c>
      <c r="VFW52" s="7">
        <f t="shared" si="527"/>
        <v>16629.407999999999</v>
      </c>
      <c r="VFX52" s="7">
        <f t="shared" si="527"/>
        <v>16629.407999999999</v>
      </c>
      <c r="VFY52" s="7">
        <f t="shared" si="527"/>
        <v>16629.407999999999</v>
      </c>
      <c r="VFZ52" s="7">
        <f t="shared" si="527"/>
        <v>16629.407999999999</v>
      </c>
      <c r="VGA52" s="7">
        <f t="shared" si="527"/>
        <v>16629.407999999999</v>
      </c>
      <c r="VGB52" s="7">
        <f t="shared" si="527"/>
        <v>16629.407999999999</v>
      </c>
      <c r="VGC52" s="7">
        <f t="shared" si="527"/>
        <v>16629.407999999999</v>
      </c>
      <c r="VGD52" s="7">
        <f t="shared" si="527"/>
        <v>16629.407999999999</v>
      </c>
      <c r="VGE52" s="7">
        <f t="shared" si="527"/>
        <v>16629.407999999999</v>
      </c>
      <c r="VGF52" s="7">
        <f t="shared" si="527"/>
        <v>16629.407999999999</v>
      </c>
      <c r="VGG52" s="7">
        <f t="shared" si="527"/>
        <v>16629.407999999999</v>
      </c>
      <c r="VGH52" s="7">
        <f t="shared" si="527"/>
        <v>16629.407999999999</v>
      </c>
      <c r="VGI52" s="7">
        <f t="shared" si="527"/>
        <v>16629.407999999999</v>
      </c>
      <c r="VGJ52" s="7">
        <f t="shared" si="527"/>
        <v>16629.407999999999</v>
      </c>
      <c r="VGK52" s="7">
        <f t="shared" si="527"/>
        <v>16629.407999999999</v>
      </c>
      <c r="VGL52" s="7">
        <f t="shared" si="527"/>
        <v>16629.407999999999</v>
      </c>
      <c r="VGM52" s="7">
        <f t="shared" si="527"/>
        <v>16629.407999999999</v>
      </c>
      <c r="VGN52" s="7">
        <f t="shared" si="527"/>
        <v>16629.407999999999</v>
      </c>
      <c r="VGO52" s="7">
        <f t="shared" si="527"/>
        <v>16629.407999999999</v>
      </c>
      <c r="VGP52" s="7">
        <f t="shared" si="527"/>
        <v>16629.407999999999</v>
      </c>
      <c r="VGQ52" s="7">
        <f t="shared" si="527"/>
        <v>16629.407999999999</v>
      </c>
      <c r="VGR52" s="7">
        <f t="shared" si="527"/>
        <v>16629.407999999999</v>
      </c>
      <c r="VGS52" s="7">
        <f t="shared" si="527"/>
        <v>16629.407999999999</v>
      </c>
      <c r="VGT52" s="7">
        <f t="shared" si="527"/>
        <v>16629.407999999999</v>
      </c>
      <c r="VGU52" s="7">
        <f t="shared" si="527"/>
        <v>16629.407999999999</v>
      </c>
      <c r="VGV52" s="7">
        <f t="shared" si="527"/>
        <v>16629.407999999999</v>
      </c>
      <c r="VGW52" s="7">
        <f t="shared" si="527"/>
        <v>16629.407999999999</v>
      </c>
      <c r="VGX52" s="7">
        <f t="shared" si="527"/>
        <v>16629.407999999999</v>
      </c>
      <c r="VGY52" s="7">
        <f t="shared" si="527"/>
        <v>16629.407999999999</v>
      </c>
      <c r="VGZ52" s="7">
        <f t="shared" si="527"/>
        <v>16629.407999999999</v>
      </c>
      <c r="VHA52" s="7">
        <f t="shared" si="527"/>
        <v>16629.407999999999</v>
      </c>
      <c r="VHB52" s="7">
        <f t="shared" si="527"/>
        <v>16629.407999999999</v>
      </c>
      <c r="VHC52" s="7">
        <f t="shared" si="527"/>
        <v>16629.407999999999</v>
      </c>
      <c r="VHD52" s="7">
        <f t="shared" si="527"/>
        <v>16629.407999999999</v>
      </c>
      <c r="VHE52" s="7">
        <f t="shared" si="527"/>
        <v>16629.407999999999</v>
      </c>
      <c r="VHF52" s="7">
        <f t="shared" si="527"/>
        <v>16629.407999999999</v>
      </c>
      <c r="VHG52" s="7">
        <f t="shared" si="527"/>
        <v>16629.407999999999</v>
      </c>
      <c r="VHH52" s="7">
        <f t="shared" si="527"/>
        <v>16629.407999999999</v>
      </c>
      <c r="VHI52" s="7">
        <f t="shared" si="527"/>
        <v>16629.407999999999</v>
      </c>
      <c r="VHJ52" s="7">
        <f t="shared" si="527"/>
        <v>16629.407999999999</v>
      </c>
      <c r="VHK52" s="7">
        <f t="shared" si="527"/>
        <v>16629.407999999999</v>
      </c>
      <c r="VHL52" s="7">
        <f t="shared" si="527"/>
        <v>16629.407999999999</v>
      </c>
      <c r="VHM52" s="7">
        <f t="shared" si="527"/>
        <v>16629.407999999999</v>
      </c>
      <c r="VHN52" s="7">
        <f t="shared" si="527"/>
        <v>16629.407999999999</v>
      </c>
      <c r="VHO52" s="7">
        <f t="shared" si="527"/>
        <v>16629.407999999999</v>
      </c>
      <c r="VHP52" s="7">
        <f t="shared" si="527"/>
        <v>16629.407999999999</v>
      </c>
      <c r="VHQ52" s="7">
        <f t="shared" si="527"/>
        <v>16629.407999999999</v>
      </c>
      <c r="VHR52" s="7">
        <f t="shared" si="527"/>
        <v>16629.407999999999</v>
      </c>
      <c r="VHS52" s="7">
        <f t="shared" si="527"/>
        <v>16629.407999999999</v>
      </c>
      <c r="VHT52" s="7">
        <f t="shared" si="527"/>
        <v>16629.407999999999</v>
      </c>
      <c r="VHU52" s="7">
        <f t="shared" si="527"/>
        <v>16629.407999999999</v>
      </c>
      <c r="VHV52" s="7">
        <f t="shared" si="527"/>
        <v>16629.407999999999</v>
      </c>
      <c r="VHW52" s="7">
        <f t="shared" si="527"/>
        <v>16629.407999999999</v>
      </c>
      <c r="VHX52" s="7">
        <f t="shared" si="527"/>
        <v>16629.407999999999</v>
      </c>
      <c r="VHY52" s="7">
        <f t="shared" si="527"/>
        <v>16629.407999999999</v>
      </c>
      <c r="VHZ52" s="7">
        <f t="shared" si="527"/>
        <v>16629.407999999999</v>
      </c>
      <c r="VIA52" s="7">
        <f t="shared" si="527"/>
        <v>16629.407999999999</v>
      </c>
      <c r="VIB52" s="7">
        <f t="shared" si="527"/>
        <v>16629.407999999999</v>
      </c>
      <c r="VIC52" s="7">
        <f t="shared" si="527"/>
        <v>16629.407999999999</v>
      </c>
      <c r="VID52" s="7">
        <f t="shared" si="527"/>
        <v>16629.407999999999</v>
      </c>
      <c r="VIE52" s="7">
        <f t="shared" si="527"/>
        <v>16629.407999999999</v>
      </c>
      <c r="VIF52" s="7">
        <f t="shared" si="527"/>
        <v>16629.407999999999</v>
      </c>
      <c r="VIG52" s="7">
        <f t="shared" si="527"/>
        <v>16629.407999999999</v>
      </c>
      <c r="VIH52" s="7">
        <f t="shared" ref="VIH52:VKS52" si="528">VIH47+VIG52</f>
        <v>16629.407999999999</v>
      </c>
      <c r="VII52" s="7">
        <f t="shared" si="528"/>
        <v>16629.407999999999</v>
      </c>
      <c r="VIJ52" s="7">
        <f t="shared" si="528"/>
        <v>16629.407999999999</v>
      </c>
      <c r="VIK52" s="7">
        <f t="shared" si="528"/>
        <v>16629.407999999999</v>
      </c>
      <c r="VIL52" s="7">
        <f t="shared" si="528"/>
        <v>16629.407999999999</v>
      </c>
      <c r="VIM52" s="7">
        <f t="shared" si="528"/>
        <v>16629.407999999999</v>
      </c>
      <c r="VIN52" s="7">
        <f t="shared" si="528"/>
        <v>16629.407999999999</v>
      </c>
      <c r="VIO52" s="7">
        <f t="shared" si="528"/>
        <v>16629.407999999999</v>
      </c>
      <c r="VIP52" s="7">
        <f t="shared" si="528"/>
        <v>16629.407999999999</v>
      </c>
      <c r="VIQ52" s="7">
        <f t="shared" si="528"/>
        <v>16629.407999999999</v>
      </c>
      <c r="VIR52" s="7">
        <f t="shared" si="528"/>
        <v>16629.407999999999</v>
      </c>
      <c r="VIS52" s="7">
        <f t="shared" si="528"/>
        <v>16629.407999999999</v>
      </c>
      <c r="VIT52" s="7">
        <f t="shared" si="528"/>
        <v>16629.407999999999</v>
      </c>
      <c r="VIU52" s="7">
        <f t="shared" si="528"/>
        <v>16629.407999999999</v>
      </c>
      <c r="VIV52" s="7">
        <f t="shared" si="528"/>
        <v>16629.407999999999</v>
      </c>
      <c r="VIW52" s="7">
        <f t="shared" si="528"/>
        <v>16629.407999999999</v>
      </c>
      <c r="VIX52" s="7">
        <f t="shared" si="528"/>
        <v>16629.407999999999</v>
      </c>
      <c r="VIY52" s="7">
        <f t="shared" si="528"/>
        <v>16629.407999999999</v>
      </c>
      <c r="VIZ52" s="7">
        <f t="shared" si="528"/>
        <v>16629.407999999999</v>
      </c>
      <c r="VJA52" s="7">
        <f t="shared" si="528"/>
        <v>16629.407999999999</v>
      </c>
      <c r="VJB52" s="7">
        <f t="shared" si="528"/>
        <v>16629.407999999999</v>
      </c>
      <c r="VJC52" s="7">
        <f t="shared" si="528"/>
        <v>16629.407999999999</v>
      </c>
      <c r="VJD52" s="7">
        <f t="shared" si="528"/>
        <v>16629.407999999999</v>
      </c>
      <c r="VJE52" s="7">
        <f t="shared" si="528"/>
        <v>16629.407999999999</v>
      </c>
      <c r="VJF52" s="7">
        <f t="shared" si="528"/>
        <v>16629.407999999999</v>
      </c>
      <c r="VJG52" s="7">
        <f t="shared" si="528"/>
        <v>16629.407999999999</v>
      </c>
      <c r="VJH52" s="7">
        <f t="shared" si="528"/>
        <v>16629.407999999999</v>
      </c>
      <c r="VJI52" s="7">
        <f t="shared" si="528"/>
        <v>16629.407999999999</v>
      </c>
      <c r="VJJ52" s="7">
        <f t="shared" si="528"/>
        <v>16629.407999999999</v>
      </c>
      <c r="VJK52" s="7">
        <f t="shared" si="528"/>
        <v>16629.407999999999</v>
      </c>
      <c r="VJL52" s="7">
        <f t="shared" si="528"/>
        <v>16629.407999999999</v>
      </c>
      <c r="VJM52" s="7">
        <f t="shared" si="528"/>
        <v>16629.407999999999</v>
      </c>
      <c r="VJN52" s="7">
        <f t="shared" si="528"/>
        <v>16629.407999999999</v>
      </c>
      <c r="VJO52" s="7">
        <f t="shared" si="528"/>
        <v>16629.407999999999</v>
      </c>
      <c r="VJP52" s="7">
        <f t="shared" si="528"/>
        <v>16629.407999999999</v>
      </c>
      <c r="VJQ52" s="7">
        <f t="shared" si="528"/>
        <v>16629.407999999999</v>
      </c>
      <c r="VJR52" s="7">
        <f t="shared" si="528"/>
        <v>16629.407999999999</v>
      </c>
      <c r="VJS52" s="7">
        <f t="shared" si="528"/>
        <v>16629.407999999999</v>
      </c>
      <c r="VJT52" s="7">
        <f t="shared" si="528"/>
        <v>16629.407999999999</v>
      </c>
      <c r="VJU52" s="7">
        <f t="shared" si="528"/>
        <v>16629.407999999999</v>
      </c>
      <c r="VJV52" s="7">
        <f t="shared" si="528"/>
        <v>16629.407999999999</v>
      </c>
      <c r="VJW52" s="7">
        <f t="shared" si="528"/>
        <v>16629.407999999999</v>
      </c>
      <c r="VJX52" s="7">
        <f t="shared" si="528"/>
        <v>16629.407999999999</v>
      </c>
      <c r="VJY52" s="7">
        <f t="shared" si="528"/>
        <v>16629.407999999999</v>
      </c>
      <c r="VJZ52" s="7">
        <f t="shared" si="528"/>
        <v>16629.407999999999</v>
      </c>
      <c r="VKA52" s="7">
        <f t="shared" si="528"/>
        <v>16629.407999999999</v>
      </c>
      <c r="VKB52" s="7">
        <f t="shared" si="528"/>
        <v>16629.407999999999</v>
      </c>
      <c r="VKC52" s="7">
        <f t="shared" si="528"/>
        <v>16629.407999999999</v>
      </c>
      <c r="VKD52" s="7">
        <f t="shared" si="528"/>
        <v>16629.407999999999</v>
      </c>
      <c r="VKE52" s="7">
        <f t="shared" si="528"/>
        <v>16629.407999999999</v>
      </c>
      <c r="VKF52" s="7">
        <f t="shared" si="528"/>
        <v>16629.407999999999</v>
      </c>
      <c r="VKG52" s="7">
        <f t="shared" si="528"/>
        <v>16629.407999999999</v>
      </c>
      <c r="VKH52" s="7">
        <f t="shared" si="528"/>
        <v>16629.407999999999</v>
      </c>
      <c r="VKI52" s="7">
        <f t="shared" si="528"/>
        <v>16629.407999999999</v>
      </c>
      <c r="VKJ52" s="7">
        <f t="shared" si="528"/>
        <v>16629.407999999999</v>
      </c>
      <c r="VKK52" s="7">
        <f t="shared" si="528"/>
        <v>16629.407999999999</v>
      </c>
      <c r="VKL52" s="7">
        <f t="shared" si="528"/>
        <v>16629.407999999999</v>
      </c>
      <c r="VKM52" s="7">
        <f t="shared" si="528"/>
        <v>16629.407999999999</v>
      </c>
      <c r="VKN52" s="7">
        <f t="shared" si="528"/>
        <v>16629.407999999999</v>
      </c>
      <c r="VKO52" s="7">
        <f t="shared" si="528"/>
        <v>16629.407999999999</v>
      </c>
      <c r="VKP52" s="7">
        <f t="shared" si="528"/>
        <v>16629.407999999999</v>
      </c>
      <c r="VKQ52" s="7">
        <f t="shared" si="528"/>
        <v>16629.407999999999</v>
      </c>
      <c r="VKR52" s="7">
        <f t="shared" si="528"/>
        <v>16629.407999999999</v>
      </c>
      <c r="VKS52" s="7">
        <f t="shared" si="528"/>
        <v>16629.407999999999</v>
      </c>
      <c r="VKT52" s="7">
        <f t="shared" ref="VKT52:VNE52" si="529">VKT47+VKS52</f>
        <v>16629.407999999999</v>
      </c>
      <c r="VKU52" s="7">
        <f t="shared" si="529"/>
        <v>16629.407999999999</v>
      </c>
      <c r="VKV52" s="7">
        <f t="shared" si="529"/>
        <v>16629.407999999999</v>
      </c>
      <c r="VKW52" s="7">
        <f t="shared" si="529"/>
        <v>16629.407999999999</v>
      </c>
      <c r="VKX52" s="7">
        <f t="shared" si="529"/>
        <v>16629.407999999999</v>
      </c>
      <c r="VKY52" s="7">
        <f t="shared" si="529"/>
        <v>16629.407999999999</v>
      </c>
      <c r="VKZ52" s="7">
        <f t="shared" si="529"/>
        <v>16629.407999999999</v>
      </c>
      <c r="VLA52" s="7">
        <f t="shared" si="529"/>
        <v>16629.407999999999</v>
      </c>
      <c r="VLB52" s="7">
        <f t="shared" si="529"/>
        <v>16629.407999999999</v>
      </c>
      <c r="VLC52" s="7">
        <f t="shared" si="529"/>
        <v>16629.407999999999</v>
      </c>
      <c r="VLD52" s="7">
        <f t="shared" si="529"/>
        <v>16629.407999999999</v>
      </c>
      <c r="VLE52" s="7">
        <f t="shared" si="529"/>
        <v>16629.407999999999</v>
      </c>
      <c r="VLF52" s="7">
        <f t="shared" si="529"/>
        <v>16629.407999999999</v>
      </c>
      <c r="VLG52" s="7">
        <f t="shared" si="529"/>
        <v>16629.407999999999</v>
      </c>
      <c r="VLH52" s="7">
        <f t="shared" si="529"/>
        <v>16629.407999999999</v>
      </c>
      <c r="VLI52" s="7">
        <f t="shared" si="529"/>
        <v>16629.407999999999</v>
      </c>
      <c r="VLJ52" s="7">
        <f t="shared" si="529"/>
        <v>16629.407999999999</v>
      </c>
      <c r="VLK52" s="7">
        <f t="shared" si="529"/>
        <v>16629.407999999999</v>
      </c>
      <c r="VLL52" s="7">
        <f t="shared" si="529"/>
        <v>16629.407999999999</v>
      </c>
      <c r="VLM52" s="7">
        <f t="shared" si="529"/>
        <v>16629.407999999999</v>
      </c>
      <c r="VLN52" s="7">
        <f t="shared" si="529"/>
        <v>16629.407999999999</v>
      </c>
      <c r="VLO52" s="7">
        <f t="shared" si="529"/>
        <v>16629.407999999999</v>
      </c>
      <c r="VLP52" s="7">
        <f t="shared" si="529"/>
        <v>16629.407999999999</v>
      </c>
      <c r="VLQ52" s="7">
        <f t="shared" si="529"/>
        <v>16629.407999999999</v>
      </c>
      <c r="VLR52" s="7">
        <f t="shared" si="529"/>
        <v>16629.407999999999</v>
      </c>
      <c r="VLS52" s="7">
        <f t="shared" si="529"/>
        <v>16629.407999999999</v>
      </c>
      <c r="VLT52" s="7">
        <f t="shared" si="529"/>
        <v>16629.407999999999</v>
      </c>
      <c r="VLU52" s="7">
        <f t="shared" si="529"/>
        <v>16629.407999999999</v>
      </c>
      <c r="VLV52" s="7">
        <f t="shared" si="529"/>
        <v>16629.407999999999</v>
      </c>
      <c r="VLW52" s="7">
        <f t="shared" si="529"/>
        <v>16629.407999999999</v>
      </c>
      <c r="VLX52" s="7">
        <f t="shared" si="529"/>
        <v>16629.407999999999</v>
      </c>
      <c r="VLY52" s="7">
        <f t="shared" si="529"/>
        <v>16629.407999999999</v>
      </c>
      <c r="VLZ52" s="7">
        <f t="shared" si="529"/>
        <v>16629.407999999999</v>
      </c>
      <c r="VMA52" s="7">
        <f t="shared" si="529"/>
        <v>16629.407999999999</v>
      </c>
      <c r="VMB52" s="7">
        <f t="shared" si="529"/>
        <v>16629.407999999999</v>
      </c>
      <c r="VMC52" s="7">
        <f t="shared" si="529"/>
        <v>16629.407999999999</v>
      </c>
      <c r="VMD52" s="7">
        <f t="shared" si="529"/>
        <v>16629.407999999999</v>
      </c>
      <c r="VME52" s="7">
        <f t="shared" si="529"/>
        <v>16629.407999999999</v>
      </c>
      <c r="VMF52" s="7">
        <f t="shared" si="529"/>
        <v>16629.407999999999</v>
      </c>
      <c r="VMG52" s="7">
        <f t="shared" si="529"/>
        <v>16629.407999999999</v>
      </c>
      <c r="VMH52" s="7">
        <f t="shared" si="529"/>
        <v>16629.407999999999</v>
      </c>
      <c r="VMI52" s="7">
        <f t="shared" si="529"/>
        <v>16629.407999999999</v>
      </c>
      <c r="VMJ52" s="7">
        <f t="shared" si="529"/>
        <v>16629.407999999999</v>
      </c>
      <c r="VMK52" s="7">
        <f t="shared" si="529"/>
        <v>16629.407999999999</v>
      </c>
      <c r="VML52" s="7">
        <f t="shared" si="529"/>
        <v>16629.407999999999</v>
      </c>
      <c r="VMM52" s="7">
        <f t="shared" si="529"/>
        <v>16629.407999999999</v>
      </c>
      <c r="VMN52" s="7">
        <f t="shared" si="529"/>
        <v>16629.407999999999</v>
      </c>
      <c r="VMO52" s="7">
        <f t="shared" si="529"/>
        <v>16629.407999999999</v>
      </c>
      <c r="VMP52" s="7">
        <f t="shared" si="529"/>
        <v>16629.407999999999</v>
      </c>
      <c r="VMQ52" s="7">
        <f t="shared" si="529"/>
        <v>16629.407999999999</v>
      </c>
      <c r="VMR52" s="7">
        <f t="shared" si="529"/>
        <v>16629.407999999999</v>
      </c>
      <c r="VMS52" s="7">
        <f t="shared" si="529"/>
        <v>16629.407999999999</v>
      </c>
      <c r="VMT52" s="7">
        <f t="shared" si="529"/>
        <v>16629.407999999999</v>
      </c>
      <c r="VMU52" s="7">
        <f t="shared" si="529"/>
        <v>16629.407999999999</v>
      </c>
      <c r="VMV52" s="7">
        <f t="shared" si="529"/>
        <v>16629.407999999999</v>
      </c>
      <c r="VMW52" s="7">
        <f t="shared" si="529"/>
        <v>16629.407999999999</v>
      </c>
      <c r="VMX52" s="7">
        <f t="shared" si="529"/>
        <v>16629.407999999999</v>
      </c>
      <c r="VMY52" s="7">
        <f t="shared" si="529"/>
        <v>16629.407999999999</v>
      </c>
      <c r="VMZ52" s="7">
        <f t="shared" si="529"/>
        <v>16629.407999999999</v>
      </c>
      <c r="VNA52" s="7">
        <f t="shared" si="529"/>
        <v>16629.407999999999</v>
      </c>
      <c r="VNB52" s="7">
        <f t="shared" si="529"/>
        <v>16629.407999999999</v>
      </c>
      <c r="VNC52" s="7">
        <f t="shared" si="529"/>
        <v>16629.407999999999</v>
      </c>
      <c r="VND52" s="7">
        <f t="shared" si="529"/>
        <v>16629.407999999999</v>
      </c>
      <c r="VNE52" s="7">
        <f t="shared" si="529"/>
        <v>16629.407999999999</v>
      </c>
      <c r="VNF52" s="7">
        <f t="shared" ref="VNF52:VPQ52" si="530">VNF47+VNE52</f>
        <v>16629.407999999999</v>
      </c>
      <c r="VNG52" s="7">
        <f t="shared" si="530"/>
        <v>16629.407999999999</v>
      </c>
      <c r="VNH52" s="7">
        <f t="shared" si="530"/>
        <v>16629.407999999999</v>
      </c>
      <c r="VNI52" s="7">
        <f t="shared" si="530"/>
        <v>16629.407999999999</v>
      </c>
      <c r="VNJ52" s="7">
        <f t="shared" si="530"/>
        <v>16629.407999999999</v>
      </c>
      <c r="VNK52" s="7">
        <f t="shared" si="530"/>
        <v>16629.407999999999</v>
      </c>
      <c r="VNL52" s="7">
        <f t="shared" si="530"/>
        <v>16629.407999999999</v>
      </c>
      <c r="VNM52" s="7">
        <f t="shared" si="530"/>
        <v>16629.407999999999</v>
      </c>
      <c r="VNN52" s="7">
        <f t="shared" si="530"/>
        <v>16629.407999999999</v>
      </c>
      <c r="VNO52" s="7">
        <f t="shared" si="530"/>
        <v>16629.407999999999</v>
      </c>
      <c r="VNP52" s="7">
        <f t="shared" si="530"/>
        <v>16629.407999999999</v>
      </c>
      <c r="VNQ52" s="7">
        <f t="shared" si="530"/>
        <v>16629.407999999999</v>
      </c>
      <c r="VNR52" s="7">
        <f t="shared" si="530"/>
        <v>16629.407999999999</v>
      </c>
      <c r="VNS52" s="7">
        <f t="shared" si="530"/>
        <v>16629.407999999999</v>
      </c>
      <c r="VNT52" s="7">
        <f t="shared" si="530"/>
        <v>16629.407999999999</v>
      </c>
      <c r="VNU52" s="7">
        <f t="shared" si="530"/>
        <v>16629.407999999999</v>
      </c>
      <c r="VNV52" s="7">
        <f t="shared" si="530"/>
        <v>16629.407999999999</v>
      </c>
      <c r="VNW52" s="7">
        <f t="shared" si="530"/>
        <v>16629.407999999999</v>
      </c>
      <c r="VNX52" s="7">
        <f t="shared" si="530"/>
        <v>16629.407999999999</v>
      </c>
      <c r="VNY52" s="7">
        <f t="shared" si="530"/>
        <v>16629.407999999999</v>
      </c>
      <c r="VNZ52" s="7">
        <f t="shared" si="530"/>
        <v>16629.407999999999</v>
      </c>
      <c r="VOA52" s="7">
        <f t="shared" si="530"/>
        <v>16629.407999999999</v>
      </c>
      <c r="VOB52" s="7">
        <f t="shared" si="530"/>
        <v>16629.407999999999</v>
      </c>
      <c r="VOC52" s="7">
        <f t="shared" si="530"/>
        <v>16629.407999999999</v>
      </c>
      <c r="VOD52" s="7">
        <f t="shared" si="530"/>
        <v>16629.407999999999</v>
      </c>
      <c r="VOE52" s="7">
        <f t="shared" si="530"/>
        <v>16629.407999999999</v>
      </c>
      <c r="VOF52" s="7">
        <f t="shared" si="530"/>
        <v>16629.407999999999</v>
      </c>
      <c r="VOG52" s="7">
        <f t="shared" si="530"/>
        <v>16629.407999999999</v>
      </c>
      <c r="VOH52" s="7">
        <f t="shared" si="530"/>
        <v>16629.407999999999</v>
      </c>
      <c r="VOI52" s="7">
        <f t="shared" si="530"/>
        <v>16629.407999999999</v>
      </c>
      <c r="VOJ52" s="7">
        <f t="shared" si="530"/>
        <v>16629.407999999999</v>
      </c>
      <c r="VOK52" s="7">
        <f t="shared" si="530"/>
        <v>16629.407999999999</v>
      </c>
      <c r="VOL52" s="7">
        <f t="shared" si="530"/>
        <v>16629.407999999999</v>
      </c>
      <c r="VOM52" s="7">
        <f t="shared" si="530"/>
        <v>16629.407999999999</v>
      </c>
      <c r="VON52" s="7">
        <f t="shared" si="530"/>
        <v>16629.407999999999</v>
      </c>
      <c r="VOO52" s="7">
        <f t="shared" si="530"/>
        <v>16629.407999999999</v>
      </c>
      <c r="VOP52" s="7">
        <f t="shared" si="530"/>
        <v>16629.407999999999</v>
      </c>
      <c r="VOQ52" s="7">
        <f t="shared" si="530"/>
        <v>16629.407999999999</v>
      </c>
      <c r="VOR52" s="7">
        <f t="shared" si="530"/>
        <v>16629.407999999999</v>
      </c>
      <c r="VOS52" s="7">
        <f t="shared" si="530"/>
        <v>16629.407999999999</v>
      </c>
      <c r="VOT52" s="7">
        <f t="shared" si="530"/>
        <v>16629.407999999999</v>
      </c>
      <c r="VOU52" s="7">
        <f t="shared" si="530"/>
        <v>16629.407999999999</v>
      </c>
      <c r="VOV52" s="7">
        <f t="shared" si="530"/>
        <v>16629.407999999999</v>
      </c>
      <c r="VOW52" s="7">
        <f t="shared" si="530"/>
        <v>16629.407999999999</v>
      </c>
      <c r="VOX52" s="7">
        <f t="shared" si="530"/>
        <v>16629.407999999999</v>
      </c>
      <c r="VOY52" s="7">
        <f t="shared" si="530"/>
        <v>16629.407999999999</v>
      </c>
      <c r="VOZ52" s="7">
        <f t="shared" si="530"/>
        <v>16629.407999999999</v>
      </c>
      <c r="VPA52" s="7">
        <f t="shared" si="530"/>
        <v>16629.407999999999</v>
      </c>
      <c r="VPB52" s="7">
        <f t="shared" si="530"/>
        <v>16629.407999999999</v>
      </c>
      <c r="VPC52" s="7">
        <f t="shared" si="530"/>
        <v>16629.407999999999</v>
      </c>
      <c r="VPD52" s="7">
        <f t="shared" si="530"/>
        <v>16629.407999999999</v>
      </c>
      <c r="VPE52" s="7">
        <f t="shared" si="530"/>
        <v>16629.407999999999</v>
      </c>
      <c r="VPF52" s="7">
        <f t="shared" si="530"/>
        <v>16629.407999999999</v>
      </c>
      <c r="VPG52" s="7">
        <f t="shared" si="530"/>
        <v>16629.407999999999</v>
      </c>
      <c r="VPH52" s="7">
        <f t="shared" si="530"/>
        <v>16629.407999999999</v>
      </c>
      <c r="VPI52" s="7">
        <f t="shared" si="530"/>
        <v>16629.407999999999</v>
      </c>
      <c r="VPJ52" s="7">
        <f t="shared" si="530"/>
        <v>16629.407999999999</v>
      </c>
      <c r="VPK52" s="7">
        <f t="shared" si="530"/>
        <v>16629.407999999999</v>
      </c>
      <c r="VPL52" s="7">
        <f t="shared" si="530"/>
        <v>16629.407999999999</v>
      </c>
      <c r="VPM52" s="7">
        <f t="shared" si="530"/>
        <v>16629.407999999999</v>
      </c>
      <c r="VPN52" s="7">
        <f t="shared" si="530"/>
        <v>16629.407999999999</v>
      </c>
      <c r="VPO52" s="7">
        <f t="shared" si="530"/>
        <v>16629.407999999999</v>
      </c>
      <c r="VPP52" s="7">
        <f t="shared" si="530"/>
        <v>16629.407999999999</v>
      </c>
      <c r="VPQ52" s="7">
        <f t="shared" si="530"/>
        <v>16629.407999999999</v>
      </c>
      <c r="VPR52" s="7">
        <f t="shared" ref="VPR52:VSC52" si="531">VPR47+VPQ52</f>
        <v>16629.407999999999</v>
      </c>
      <c r="VPS52" s="7">
        <f t="shared" si="531"/>
        <v>16629.407999999999</v>
      </c>
      <c r="VPT52" s="7">
        <f t="shared" si="531"/>
        <v>16629.407999999999</v>
      </c>
      <c r="VPU52" s="7">
        <f t="shared" si="531"/>
        <v>16629.407999999999</v>
      </c>
      <c r="VPV52" s="7">
        <f t="shared" si="531"/>
        <v>16629.407999999999</v>
      </c>
      <c r="VPW52" s="7">
        <f t="shared" si="531"/>
        <v>16629.407999999999</v>
      </c>
      <c r="VPX52" s="7">
        <f t="shared" si="531"/>
        <v>16629.407999999999</v>
      </c>
      <c r="VPY52" s="7">
        <f t="shared" si="531"/>
        <v>16629.407999999999</v>
      </c>
      <c r="VPZ52" s="7">
        <f t="shared" si="531"/>
        <v>16629.407999999999</v>
      </c>
      <c r="VQA52" s="7">
        <f t="shared" si="531"/>
        <v>16629.407999999999</v>
      </c>
      <c r="VQB52" s="7">
        <f t="shared" si="531"/>
        <v>16629.407999999999</v>
      </c>
      <c r="VQC52" s="7">
        <f t="shared" si="531"/>
        <v>16629.407999999999</v>
      </c>
      <c r="VQD52" s="7">
        <f t="shared" si="531"/>
        <v>16629.407999999999</v>
      </c>
      <c r="VQE52" s="7">
        <f t="shared" si="531"/>
        <v>16629.407999999999</v>
      </c>
      <c r="VQF52" s="7">
        <f t="shared" si="531"/>
        <v>16629.407999999999</v>
      </c>
      <c r="VQG52" s="7">
        <f t="shared" si="531"/>
        <v>16629.407999999999</v>
      </c>
      <c r="VQH52" s="7">
        <f t="shared" si="531"/>
        <v>16629.407999999999</v>
      </c>
      <c r="VQI52" s="7">
        <f t="shared" si="531"/>
        <v>16629.407999999999</v>
      </c>
      <c r="VQJ52" s="7">
        <f t="shared" si="531"/>
        <v>16629.407999999999</v>
      </c>
      <c r="VQK52" s="7">
        <f t="shared" si="531"/>
        <v>16629.407999999999</v>
      </c>
      <c r="VQL52" s="7">
        <f t="shared" si="531"/>
        <v>16629.407999999999</v>
      </c>
      <c r="VQM52" s="7">
        <f t="shared" si="531"/>
        <v>16629.407999999999</v>
      </c>
      <c r="VQN52" s="7">
        <f t="shared" si="531"/>
        <v>16629.407999999999</v>
      </c>
      <c r="VQO52" s="7">
        <f t="shared" si="531"/>
        <v>16629.407999999999</v>
      </c>
      <c r="VQP52" s="7">
        <f t="shared" si="531"/>
        <v>16629.407999999999</v>
      </c>
      <c r="VQQ52" s="7">
        <f t="shared" si="531"/>
        <v>16629.407999999999</v>
      </c>
      <c r="VQR52" s="7">
        <f t="shared" si="531"/>
        <v>16629.407999999999</v>
      </c>
      <c r="VQS52" s="7">
        <f t="shared" si="531"/>
        <v>16629.407999999999</v>
      </c>
      <c r="VQT52" s="7">
        <f t="shared" si="531"/>
        <v>16629.407999999999</v>
      </c>
      <c r="VQU52" s="7">
        <f t="shared" si="531"/>
        <v>16629.407999999999</v>
      </c>
      <c r="VQV52" s="7">
        <f t="shared" si="531"/>
        <v>16629.407999999999</v>
      </c>
      <c r="VQW52" s="7">
        <f t="shared" si="531"/>
        <v>16629.407999999999</v>
      </c>
      <c r="VQX52" s="7">
        <f t="shared" si="531"/>
        <v>16629.407999999999</v>
      </c>
      <c r="VQY52" s="7">
        <f t="shared" si="531"/>
        <v>16629.407999999999</v>
      </c>
      <c r="VQZ52" s="7">
        <f t="shared" si="531"/>
        <v>16629.407999999999</v>
      </c>
      <c r="VRA52" s="7">
        <f t="shared" si="531"/>
        <v>16629.407999999999</v>
      </c>
      <c r="VRB52" s="7">
        <f t="shared" si="531"/>
        <v>16629.407999999999</v>
      </c>
      <c r="VRC52" s="7">
        <f t="shared" si="531"/>
        <v>16629.407999999999</v>
      </c>
      <c r="VRD52" s="7">
        <f t="shared" si="531"/>
        <v>16629.407999999999</v>
      </c>
      <c r="VRE52" s="7">
        <f t="shared" si="531"/>
        <v>16629.407999999999</v>
      </c>
      <c r="VRF52" s="7">
        <f t="shared" si="531"/>
        <v>16629.407999999999</v>
      </c>
      <c r="VRG52" s="7">
        <f t="shared" si="531"/>
        <v>16629.407999999999</v>
      </c>
      <c r="VRH52" s="7">
        <f t="shared" si="531"/>
        <v>16629.407999999999</v>
      </c>
      <c r="VRI52" s="7">
        <f t="shared" si="531"/>
        <v>16629.407999999999</v>
      </c>
      <c r="VRJ52" s="7">
        <f t="shared" si="531"/>
        <v>16629.407999999999</v>
      </c>
      <c r="VRK52" s="7">
        <f t="shared" si="531"/>
        <v>16629.407999999999</v>
      </c>
      <c r="VRL52" s="7">
        <f t="shared" si="531"/>
        <v>16629.407999999999</v>
      </c>
      <c r="VRM52" s="7">
        <f t="shared" si="531"/>
        <v>16629.407999999999</v>
      </c>
      <c r="VRN52" s="7">
        <f t="shared" si="531"/>
        <v>16629.407999999999</v>
      </c>
      <c r="VRO52" s="7">
        <f t="shared" si="531"/>
        <v>16629.407999999999</v>
      </c>
      <c r="VRP52" s="7">
        <f t="shared" si="531"/>
        <v>16629.407999999999</v>
      </c>
      <c r="VRQ52" s="7">
        <f t="shared" si="531"/>
        <v>16629.407999999999</v>
      </c>
      <c r="VRR52" s="7">
        <f t="shared" si="531"/>
        <v>16629.407999999999</v>
      </c>
      <c r="VRS52" s="7">
        <f t="shared" si="531"/>
        <v>16629.407999999999</v>
      </c>
      <c r="VRT52" s="7">
        <f t="shared" si="531"/>
        <v>16629.407999999999</v>
      </c>
      <c r="VRU52" s="7">
        <f t="shared" si="531"/>
        <v>16629.407999999999</v>
      </c>
      <c r="VRV52" s="7">
        <f t="shared" si="531"/>
        <v>16629.407999999999</v>
      </c>
      <c r="VRW52" s="7">
        <f t="shared" si="531"/>
        <v>16629.407999999999</v>
      </c>
      <c r="VRX52" s="7">
        <f t="shared" si="531"/>
        <v>16629.407999999999</v>
      </c>
      <c r="VRY52" s="7">
        <f t="shared" si="531"/>
        <v>16629.407999999999</v>
      </c>
      <c r="VRZ52" s="7">
        <f t="shared" si="531"/>
        <v>16629.407999999999</v>
      </c>
      <c r="VSA52" s="7">
        <f t="shared" si="531"/>
        <v>16629.407999999999</v>
      </c>
      <c r="VSB52" s="7">
        <f t="shared" si="531"/>
        <v>16629.407999999999</v>
      </c>
      <c r="VSC52" s="7">
        <f t="shared" si="531"/>
        <v>16629.407999999999</v>
      </c>
      <c r="VSD52" s="7">
        <f t="shared" ref="VSD52:VUO52" si="532">VSD47+VSC52</f>
        <v>16629.407999999999</v>
      </c>
      <c r="VSE52" s="7">
        <f t="shared" si="532"/>
        <v>16629.407999999999</v>
      </c>
      <c r="VSF52" s="7">
        <f t="shared" si="532"/>
        <v>16629.407999999999</v>
      </c>
      <c r="VSG52" s="7">
        <f t="shared" si="532"/>
        <v>16629.407999999999</v>
      </c>
      <c r="VSH52" s="7">
        <f t="shared" si="532"/>
        <v>16629.407999999999</v>
      </c>
      <c r="VSI52" s="7">
        <f t="shared" si="532"/>
        <v>16629.407999999999</v>
      </c>
      <c r="VSJ52" s="7">
        <f t="shared" si="532"/>
        <v>16629.407999999999</v>
      </c>
      <c r="VSK52" s="7">
        <f t="shared" si="532"/>
        <v>16629.407999999999</v>
      </c>
      <c r="VSL52" s="7">
        <f t="shared" si="532"/>
        <v>16629.407999999999</v>
      </c>
      <c r="VSM52" s="7">
        <f t="shared" si="532"/>
        <v>16629.407999999999</v>
      </c>
      <c r="VSN52" s="7">
        <f t="shared" si="532"/>
        <v>16629.407999999999</v>
      </c>
      <c r="VSO52" s="7">
        <f t="shared" si="532"/>
        <v>16629.407999999999</v>
      </c>
      <c r="VSP52" s="7">
        <f t="shared" si="532"/>
        <v>16629.407999999999</v>
      </c>
      <c r="VSQ52" s="7">
        <f t="shared" si="532"/>
        <v>16629.407999999999</v>
      </c>
      <c r="VSR52" s="7">
        <f t="shared" si="532"/>
        <v>16629.407999999999</v>
      </c>
      <c r="VSS52" s="7">
        <f t="shared" si="532"/>
        <v>16629.407999999999</v>
      </c>
      <c r="VST52" s="7">
        <f t="shared" si="532"/>
        <v>16629.407999999999</v>
      </c>
      <c r="VSU52" s="7">
        <f t="shared" si="532"/>
        <v>16629.407999999999</v>
      </c>
      <c r="VSV52" s="7">
        <f t="shared" si="532"/>
        <v>16629.407999999999</v>
      </c>
      <c r="VSW52" s="7">
        <f t="shared" si="532"/>
        <v>16629.407999999999</v>
      </c>
      <c r="VSX52" s="7">
        <f t="shared" si="532"/>
        <v>16629.407999999999</v>
      </c>
      <c r="VSY52" s="7">
        <f t="shared" si="532"/>
        <v>16629.407999999999</v>
      </c>
      <c r="VSZ52" s="7">
        <f t="shared" si="532"/>
        <v>16629.407999999999</v>
      </c>
      <c r="VTA52" s="7">
        <f t="shared" si="532"/>
        <v>16629.407999999999</v>
      </c>
      <c r="VTB52" s="7">
        <f t="shared" si="532"/>
        <v>16629.407999999999</v>
      </c>
      <c r="VTC52" s="7">
        <f t="shared" si="532"/>
        <v>16629.407999999999</v>
      </c>
      <c r="VTD52" s="7">
        <f t="shared" si="532"/>
        <v>16629.407999999999</v>
      </c>
      <c r="VTE52" s="7">
        <f t="shared" si="532"/>
        <v>16629.407999999999</v>
      </c>
      <c r="VTF52" s="7">
        <f t="shared" si="532"/>
        <v>16629.407999999999</v>
      </c>
      <c r="VTG52" s="7">
        <f t="shared" si="532"/>
        <v>16629.407999999999</v>
      </c>
      <c r="VTH52" s="7">
        <f t="shared" si="532"/>
        <v>16629.407999999999</v>
      </c>
      <c r="VTI52" s="7">
        <f t="shared" si="532"/>
        <v>16629.407999999999</v>
      </c>
      <c r="VTJ52" s="7">
        <f t="shared" si="532"/>
        <v>16629.407999999999</v>
      </c>
      <c r="VTK52" s="7">
        <f t="shared" si="532"/>
        <v>16629.407999999999</v>
      </c>
      <c r="VTL52" s="7">
        <f t="shared" si="532"/>
        <v>16629.407999999999</v>
      </c>
      <c r="VTM52" s="7">
        <f t="shared" si="532"/>
        <v>16629.407999999999</v>
      </c>
      <c r="VTN52" s="7">
        <f t="shared" si="532"/>
        <v>16629.407999999999</v>
      </c>
      <c r="VTO52" s="7">
        <f t="shared" si="532"/>
        <v>16629.407999999999</v>
      </c>
      <c r="VTP52" s="7">
        <f t="shared" si="532"/>
        <v>16629.407999999999</v>
      </c>
      <c r="VTQ52" s="7">
        <f t="shared" si="532"/>
        <v>16629.407999999999</v>
      </c>
      <c r="VTR52" s="7">
        <f t="shared" si="532"/>
        <v>16629.407999999999</v>
      </c>
      <c r="VTS52" s="7">
        <f t="shared" si="532"/>
        <v>16629.407999999999</v>
      </c>
      <c r="VTT52" s="7">
        <f t="shared" si="532"/>
        <v>16629.407999999999</v>
      </c>
      <c r="VTU52" s="7">
        <f t="shared" si="532"/>
        <v>16629.407999999999</v>
      </c>
      <c r="VTV52" s="7">
        <f t="shared" si="532"/>
        <v>16629.407999999999</v>
      </c>
      <c r="VTW52" s="7">
        <f t="shared" si="532"/>
        <v>16629.407999999999</v>
      </c>
      <c r="VTX52" s="7">
        <f t="shared" si="532"/>
        <v>16629.407999999999</v>
      </c>
      <c r="VTY52" s="7">
        <f t="shared" si="532"/>
        <v>16629.407999999999</v>
      </c>
      <c r="VTZ52" s="7">
        <f t="shared" si="532"/>
        <v>16629.407999999999</v>
      </c>
      <c r="VUA52" s="7">
        <f t="shared" si="532"/>
        <v>16629.407999999999</v>
      </c>
      <c r="VUB52" s="7">
        <f t="shared" si="532"/>
        <v>16629.407999999999</v>
      </c>
      <c r="VUC52" s="7">
        <f t="shared" si="532"/>
        <v>16629.407999999999</v>
      </c>
      <c r="VUD52" s="7">
        <f t="shared" si="532"/>
        <v>16629.407999999999</v>
      </c>
      <c r="VUE52" s="7">
        <f t="shared" si="532"/>
        <v>16629.407999999999</v>
      </c>
      <c r="VUF52" s="7">
        <f t="shared" si="532"/>
        <v>16629.407999999999</v>
      </c>
      <c r="VUG52" s="7">
        <f t="shared" si="532"/>
        <v>16629.407999999999</v>
      </c>
      <c r="VUH52" s="7">
        <f t="shared" si="532"/>
        <v>16629.407999999999</v>
      </c>
      <c r="VUI52" s="7">
        <f t="shared" si="532"/>
        <v>16629.407999999999</v>
      </c>
      <c r="VUJ52" s="7">
        <f t="shared" si="532"/>
        <v>16629.407999999999</v>
      </c>
      <c r="VUK52" s="7">
        <f t="shared" si="532"/>
        <v>16629.407999999999</v>
      </c>
      <c r="VUL52" s="7">
        <f t="shared" si="532"/>
        <v>16629.407999999999</v>
      </c>
      <c r="VUM52" s="7">
        <f t="shared" si="532"/>
        <v>16629.407999999999</v>
      </c>
      <c r="VUN52" s="7">
        <f t="shared" si="532"/>
        <v>16629.407999999999</v>
      </c>
      <c r="VUO52" s="7">
        <f t="shared" si="532"/>
        <v>16629.407999999999</v>
      </c>
      <c r="VUP52" s="7">
        <f t="shared" ref="VUP52:VXA52" si="533">VUP47+VUO52</f>
        <v>16629.407999999999</v>
      </c>
      <c r="VUQ52" s="7">
        <f t="shared" si="533"/>
        <v>16629.407999999999</v>
      </c>
      <c r="VUR52" s="7">
        <f t="shared" si="533"/>
        <v>16629.407999999999</v>
      </c>
      <c r="VUS52" s="7">
        <f t="shared" si="533"/>
        <v>16629.407999999999</v>
      </c>
      <c r="VUT52" s="7">
        <f t="shared" si="533"/>
        <v>16629.407999999999</v>
      </c>
      <c r="VUU52" s="7">
        <f t="shared" si="533"/>
        <v>16629.407999999999</v>
      </c>
      <c r="VUV52" s="7">
        <f t="shared" si="533"/>
        <v>16629.407999999999</v>
      </c>
      <c r="VUW52" s="7">
        <f t="shared" si="533"/>
        <v>16629.407999999999</v>
      </c>
      <c r="VUX52" s="7">
        <f t="shared" si="533"/>
        <v>16629.407999999999</v>
      </c>
      <c r="VUY52" s="7">
        <f t="shared" si="533"/>
        <v>16629.407999999999</v>
      </c>
      <c r="VUZ52" s="7">
        <f t="shared" si="533"/>
        <v>16629.407999999999</v>
      </c>
      <c r="VVA52" s="7">
        <f t="shared" si="533"/>
        <v>16629.407999999999</v>
      </c>
      <c r="VVB52" s="7">
        <f t="shared" si="533"/>
        <v>16629.407999999999</v>
      </c>
      <c r="VVC52" s="7">
        <f t="shared" si="533"/>
        <v>16629.407999999999</v>
      </c>
      <c r="VVD52" s="7">
        <f t="shared" si="533"/>
        <v>16629.407999999999</v>
      </c>
      <c r="VVE52" s="7">
        <f t="shared" si="533"/>
        <v>16629.407999999999</v>
      </c>
      <c r="VVF52" s="7">
        <f t="shared" si="533"/>
        <v>16629.407999999999</v>
      </c>
      <c r="VVG52" s="7">
        <f t="shared" si="533"/>
        <v>16629.407999999999</v>
      </c>
      <c r="VVH52" s="7">
        <f t="shared" si="533"/>
        <v>16629.407999999999</v>
      </c>
      <c r="VVI52" s="7">
        <f t="shared" si="533"/>
        <v>16629.407999999999</v>
      </c>
      <c r="VVJ52" s="7">
        <f t="shared" si="533"/>
        <v>16629.407999999999</v>
      </c>
      <c r="VVK52" s="7">
        <f t="shared" si="533"/>
        <v>16629.407999999999</v>
      </c>
      <c r="VVL52" s="7">
        <f t="shared" si="533"/>
        <v>16629.407999999999</v>
      </c>
      <c r="VVM52" s="7">
        <f t="shared" si="533"/>
        <v>16629.407999999999</v>
      </c>
      <c r="VVN52" s="7">
        <f t="shared" si="533"/>
        <v>16629.407999999999</v>
      </c>
      <c r="VVO52" s="7">
        <f t="shared" si="533"/>
        <v>16629.407999999999</v>
      </c>
      <c r="VVP52" s="7">
        <f t="shared" si="533"/>
        <v>16629.407999999999</v>
      </c>
      <c r="VVQ52" s="7">
        <f t="shared" si="533"/>
        <v>16629.407999999999</v>
      </c>
      <c r="VVR52" s="7">
        <f t="shared" si="533"/>
        <v>16629.407999999999</v>
      </c>
      <c r="VVS52" s="7">
        <f t="shared" si="533"/>
        <v>16629.407999999999</v>
      </c>
      <c r="VVT52" s="7">
        <f t="shared" si="533"/>
        <v>16629.407999999999</v>
      </c>
      <c r="VVU52" s="7">
        <f t="shared" si="533"/>
        <v>16629.407999999999</v>
      </c>
      <c r="VVV52" s="7">
        <f t="shared" si="533"/>
        <v>16629.407999999999</v>
      </c>
      <c r="VVW52" s="7">
        <f t="shared" si="533"/>
        <v>16629.407999999999</v>
      </c>
      <c r="VVX52" s="7">
        <f t="shared" si="533"/>
        <v>16629.407999999999</v>
      </c>
      <c r="VVY52" s="7">
        <f t="shared" si="533"/>
        <v>16629.407999999999</v>
      </c>
      <c r="VVZ52" s="7">
        <f t="shared" si="533"/>
        <v>16629.407999999999</v>
      </c>
      <c r="VWA52" s="7">
        <f t="shared" si="533"/>
        <v>16629.407999999999</v>
      </c>
      <c r="VWB52" s="7">
        <f t="shared" si="533"/>
        <v>16629.407999999999</v>
      </c>
      <c r="VWC52" s="7">
        <f t="shared" si="533"/>
        <v>16629.407999999999</v>
      </c>
      <c r="VWD52" s="7">
        <f t="shared" si="533"/>
        <v>16629.407999999999</v>
      </c>
      <c r="VWE52" s="7">
        <f t="shared" si="533"/>
        <v>16629.407999999999</v>
      </c>
      <c r="VWF52" s="7">
        <f t="shared" si="533"/>
        <v>16629.407999999999</v>
      </c>
      <c r="VWG52" s="7">
        <f t="shared" si="533"/>
        <v>16629.407999999999</v>
      </c>
      <c r="VWH52" s="7">
        <f t="shared" si="533"/>
        <v>16629.407999999999</v>
      </c>
      <c r="VWI52" s="7">
        <f t="shared" si="533"/>
        <v>16629.407999999999</v>
      </c>
      <c r="VWJ52" s="7">
        <f t="shared" si="533"/>
        <v>16629.407999999999</v>
      </c>
      <c r="VWK52" s="7">
        <f t="shared" si="533"/>
        <v>16629.407999999999</v>
      </c>
      <c r="VWL52" s="7">
        <f t="shared" si="533"/>
        <v>16629.407999999999</v>
      </c>
      <c r="VWM52" s="7">
        <f t="shared" si="533"/>
        <v>16629.407999999999</v>
      </c>
      <c r="VWN52" s="7">
        <f t="shared" si="533"/>
        <v>16629.407999999999</v>
      </c>
      <c r="VWO52" s="7">
        <f t="shared" si="533"/>
        <v>16629.407999999999</v>
      </c>
      <c r="VWP52" s="7">
        <f t="shared" si="533"/>
        <v>16629.407999999999</v>
      </c>
      <c r="VWQ52" s="7">
        <f t="shared" si="533"/>
        <v>16629.407999999999</v>
      </c>
      <c r="VWR52" s="7">
        <f t="shared" si="533"/>
        <v>16629.407999999999</v>
      </c>
      <c r="VWS52" s="7">
        <f t="shared" si="533"/>
        <v>16629.407999999999</v>
      </c>
      <c r="VWT52" s="7">
        <f t="shared" si="533"/>
        <v>16629.407999999999</v>
      </c>
      <c r="VWU52" s="7">
        <f t="shared" si="533"/>
        <v>16629.407999999999</v>
      </c>
      <c r="VWV52" s="7">
        <f t="shared" si="533"/>
        <v>16629.407999999999</v>
      </c>
      <c r="VWW52" s="7">
        <f t="shared" si="533"/>
        <v>16629.407999999999</v>
      </c>
      <c r="VWX52" s="7">
        <f t="shared" si="533"/>
        <v>16629.407999999999</v>
      </c>
      <c r="VWY52" s="7">
        <f t="shared" si="533"/>
        <v>16629.407999999999</v>
      </c>
      <c r="VWZ52" s="7">
        <f t="shared" si="533"/>
        <v>16629.407999999999</v>
      </c>
      <c r="VXA52" s="7">
        <f t="shared" si="533"/>
        <v>16629.407999999999</v>
      </c>
      <c r="VXB52" s="7">
        <f t="shared" ref="VXB52:VZM52" si="534">VXB47+VXA52</f>
        <v>16629.407999999999</v>
      </c>
      <c r="VXC52" s="7">
        <f t="shared" si="534"/>
        <v>16629.407999999999</v>
      </c>
      <c r="VXD52" s="7">
        <f t="shared" si="534"/>
        <v>16629.407999999999</v>
      </c>
      <c r="VXE52" s="7">
        <f t="shared" si="534"/>
        <v>16629.407999999999</v>
      </c>
      <c r="VXF52" s="7">
        <f t="shared" si="534"/>
        <v>16629.407999999999</v>
      </c>
      <c r="VXG52" s="7">
        <f t="shared" si="534"/>
        <v>16629.407999999999</v>
      </c>
      <c r="VXH52" s="7">
        <f t="shared" si="534"/>
        <v>16629.407999999999</v>
      </c>
      <c r="VXI52" s="7">
        <f t="shared" si="534"/>
        <v>16629.407999999999</v>
      </c>
      <c r="VXJ52" s="7">
        <f t="shared" si="534"/>
        <v>16629.407999999999</v>
      </c>
      <c r="VXK52" s="7">
        <f t="shared" si="534"/>
        <v>16629.407999999999</v>
      </c>
      <c r="VXL52" s="7">
        <f t="shared" si="534"/>
        <v>16629.407999999999</v>
      </c>
      <c r="VXM52" s="7">
        <f t="shared" si="534"/>
        <v>16629.407999999999</v>
      </c>
      <c r="VXN52" s="7">
        <f t="shared" si="534"/>
        <v>16629.407999999999</v>
      </c>
      <c r="VXO52" s="7">
        <f t="shared" si="534"/>
        <v>16629.407999999999</v>
      </c>
      <c r="VXP52" s="7">
        <f t="shared" si="534"/>
        <v>16629.407999999999</v>
      </c>
      <c r="VXQ52" s="7">
        <f t="shared" si="534"/>
        <v>16629.407999999999</v>
      </c>
      <c r="VXR52" s="7">
        <f t="shared" si="534"/>
        <v>16629.407999999999</v>
      </c>
      <c r="VXS52" s="7">
        <f t="shared" si="534"/>
        <v>16629.407999999999</v>
      </c>
      <c r="VXT52" s="7">
        <f t="shared" si="534"/>
        <v>16629.407999999999</v>
      </c>
      <c r="VXU52" s="7">
        <f t="shared" si="534"/>
        <v>16629.407999999999</v>
      </c>
      <c r="VXV52" s="7">
        <f t="shared" si="534"/>
        <v>16629.407999999999</v>
      </c>
      <c r="VXW52" s="7">
        <f t="shared" si="534"/>
        <v>16629.407999999999</v>
      </c>
      <c r="VXX52" s="7">
        <f t="shared" si="534"/>
        <v>16629.407999999999</v>
      </c>
      <c r="VXY52" s="7">
        <f t="shared" si="534"/>
        <v>16629.407999999999</v>
      </c>
      <c r="VXZ52" s="7">
        <f t="shared" si="534"/>
        <v>16629.407999999999</v>
      </c>
      <c r="VYA52" s="7">
        <f t="shared" si="534"/>
        <v>16629.407999999999</v>
      </c>
      <c r="VYB52" s="7">
        <f t="shared" si="534"/>
        <v>16629.407999999999</v>
      </c>
      <c r="VYC52" s="7">
        <f t="shared" si="534"/>
        <v>16629.407999999999</v>
      </c>
      <c r="VYD52" s="7">
        <f t="shared" si="534"/>
        <v>16629.407999999999</v>
      </c>
      <c r="VYE52" s="7">
        <f t="shared" si="534"/>
        <v>16629.407999999999</v>
      </c>
      <c r="VYF52" s="7">
        <f t="shared" si="534"/>
        <v>16629.407999999999</v>
      </c>
      <c r="VYG52" s="7">
        <f t="shared" si="534"/>
        <v>16629.407999999999</v>
      </c>
      <c r="VYH52" s="7">
        <f t="shared" si="534"/>
        <v>16629.407999999999</v>
      </c>
      <c r="VYI52" s="7">
        <f t="shared" si="534"/>
        <v>16629.407999999999</v>
      </c>
      <c r="VYJ52" s="7">
        <f t="shared" si="534"/>
        <v>16629.407999999999</v>
      </c>
      <c r="VYK52" s="7">
        <f t="shared" si="534"/>
        <v>16629.407999999999</v>
      </c>
      <c r="VYL52" s="7">
        <f t="shared" si="534"/>
        <v>16629.407999999999</v>
      </c>
      <c r="VYM52" s="7">
        <f t="shared" si="534"/>
        <v>16629.407999999999</v>
      </c>
      <c r="VYN52" s="7">
        <f t="shared" si="534"/>
        <v>16629.407999999999</v>
      </c>
      <c r="VYO52" s="7">
        <f t="shared" si="534"/>
        <v>16629.407999999999</v>
      </c>
      <c r="VYP52" s="7">
        <f t="shared" si="534"/>
        <v>16629.407999999999</v>
      </c>
      <c r="VYQ52" s="7">
        <f t="shared" si="534"/>
        <v>16629.407999999999</v>
      </c>
      <c r="VYR52" s="7">
        <f t="shared" si="534"/>
        <v>16629.407999999999</v>
      </c>
      <c r="VYS52" s="7">
        <f t="shared" si="534"/>
        <v>16629.407999999999</v>
      </c>
      <c r="VYT52" s="7">
        <f t="shared" si="534"/>
        <v>16629.407999999999</v>
      </c>
      <c r="VYU52" s="7">
        <f t="shared" si="534"/>
        <v>16629.407999999999</v>
      </c>
      <c r="VYV52" s="7">
        <f t="shared" si="534"/>
        <v>16629.407999999999</v>
      </c>
      <c r="VYW52" s="7">
        <f t="shared" si="534"/>
        <v>16629.407999999999</v>
      </c>
      <c r="VYX52" s="7">
        <f t="shared" si="534"/>
        <v>16629.407999999999</v>
      </c>
      <c r="VYY52" s="7">
        <f t="shared" si="534"/>
        <v>16629.407999999999</v>
      </c>
      <c r="VYZ52" s="7">
        <f t="shared" si="534"/>
        <v>16629.407999999999</v>
      </c>
      <c r="VZA52" s="7">
        <f t="shared" si="534"/>
        <v>16629.407999999999</v>
      </c>
      <c r="VZB52" s="7">
        <f t="shared" si="534"/>
        <v>16629.407999999999</v>
      </c>
      <c r="VZC52" s="7">
        <f t="shared" si="534"/>
        <v>16629.407999999999</v>
      </c>
      <c r="VZD52" s="7">
        <f t="shared" si="534"/>
        <v>16629.407999999999</v>
      </c>
      <c r="VZE52" s="7">
        <f t="shared" si="534"/>
        <v>16629.407999999999</v>
      </c>
      <c r="VZF52" s="7">
        <f t="shared" si="534"/>
        <v>16629.407999999999</v>
      </c>
      <c r="VZG52" s="7">
        <f t="shared" si="534"/>
        <v>16629.407999999999</v>
      </c>
      <c r="VZH52" s="7">
        <f t="shared" si="534"/>
        <v>16629.407999999999</v>
      </c>
      <c r="VZI52" s="7">
        <f t="shared" si="534"/>
        <v>16629.407999999999</v>
      </c>
      <c r="VZJ52" s="7">
        <f t="shared" si="534"/>
        <v>16629.407999999999</v>
      </c>
      <c r="VZK52" s="7">
        <f t="shared" si="534"/>
        <v>16629.407999999999</v>
      </c>
      <c r="VZL52" s="7">
        <f t="shared" si="534"/>
        <v>16629.407999999999</v>
      </c>
      <c r="VZM52" s="7">
        <f t="shared" si="534"/>
        <v>16629.407999999999</v>
      </c>
      <c r="VZN52" s="7">
        <f t="shared" ref="VZN52:WBY52" si="535">VZN47+VZM52</f>
        <v>16629.407999999999</v>
      </c>
      <c r="VZO52" s="7">
        <f t="shared" si="535"/>
        <v>16629.407999999999</v>
      </c>
      <c r="VZP52" s="7">
        <f t="shared" si="535"/>
        <v>16629.407999999999</v>
      </c>
      <c r="VZQ52" s="7">
        <f t="shared" si="535"/>
        <v>16629.407999999999</v>
      </c>
      <c r="VZR52" s="7">
        <f t="shared" si="535"/>
        <v>16629.407999999999</v>
      </c>
      <c r="VZS52" s="7">
        <f t="shared" si="535"/>
        <v>16629.407999999999</v>
      </c>
      <c r="VZT52" s="7">
        <f t="shared" si="535"/>
        <v>16629.407999999999</v>
      </c>
      <c r="VZU52" s="7">
        <f t="shared" si="535"/>
        <v>16629.407999999999</v>
      </c>
      <c r="VZV52" s="7">
        <f t="shared" si="535"/>
        <v>16629.407999999999</v>
      </c>
      <c r="VZW52" s="7">
        <f t="shared" si="535"/>
        <v>16629.407999999999</v>
      </c>
      <c r="VZX52" s="7">
        <f t="shared" si="535"/>
        <v>16629.407999999999</v>
      </c>
      <c r="VZY52" s="7">
        <f t="shared" si="535"/>
        <v>16629.407999999999</v>
      </c>
      <c r="VZZ52" s="7">
        <f t="shared" si="535"/>
        <v>16629.407999999999</v>
      </c>
      <c r="WAA52" s="7">
        <f t="shared" si="535"/>
        <v>16629.407999999999</v>
      </c>
      <c r="WAB52" s="7">
        <f t="shared" si="535"/>
        <v>16629.407999999999</v>
      </c>
      <c r="WAC52" s="7">
        <f t="shared" si="535"/>
        <v>16629.407999999999</v>
      </c>
      <c r="WAD52" s="7">
        <f t="shared" si="535"/>
        <v>16629.407999999999</v>
      </c>
      <c r="WAE52" s="7">
        <f t="shared" si="535"/>
        <v>16629.407999999999</v>
      </c>
      <c r="WAF52" s="7">
        <f t="shared" si="535"/>
        <v>16629.407999999999</v>
      </c>
      <c r="WAG52" s="7">
        <f t="shared" si="535"/>
        <v>16629.407999999999</v>
      </c>
      <c r="WAH52" s="7">
        <f t="shared" si="535"/>
        <v>16629.407999999999</v>
      </c>
      <c r="WAI52" s="7">
        <f t="shared" si="535"/>
        <v>16629.407999999999</v>
      </c>
      <c r="WAJ52" s="7">
        <f t="shared" si="535"/>
        <v>16629.407999999999</v>
      </c>
      <c r="WAK52" s="7">
        <f t="shared" si="535"/>
        <v>16629.407999999999</v>
      </c>
      <c r="WAL52" s="7">
        <f t="shared" si="535"/>
        <v>16629.407999999999</v>
      </c>
      <c r="WAM52" s="7">
        <f t="shared" si="535"/>
        <v>16629.407999999999</v>
      </c>
      <c r="WAN52" s="7">
        <f t="shared" si="535"/>
        <v>16629.407999999999</v>
      </c>
      <c r="WAO52" s="7">
        <f t="shared" si="535"/>
        <v>16629.407999999999</v>
      </c>
      <c r="WAP52" s="7">
        <f t="shared" si="535"/>
        <v>16629.407999999999</v>
      </c>
      <c r="WAQ52" s="7">
        <f t="shared" si="535"/>
        <v>16629.407999999999</v>
      </c>
      <c r="WAR52" s="7">
        <f t="shared" si="535"/>
        <v>16629.407999999999</v>
      </c>
      <c r="WAS52" s="7">
        <f t="shared" si="535"/>
        <v>16629.407999999999</v>
      </c>
      <c r="WAT52" s="7">
        <f t="shared" si="535"/>
        <v>16629.407999999999</v>
      </c>
      <c r="WAU52" s="7">
        <f t="shared" si="535"/>
        <v>16629.407999999999</v>
      </c>
      <c r="WAV52" s="7">
        <f t="shared" si="535"/>
        <v>16629.407999999999</v>
      </c>
      <c r="WAW52" s="7">
        <f t="shared" si="535"/>
        <v>16629.407999999999</v>
      </c>
      <c r="WAX52" s="7">
        <f t="shared" si="535"/>
        <v>16629.407999999999</v>
      </c>
      <c r="WAY52" s="7">
        <f t="shared" si="535"/>
        <v>16629.407999999999</v>
      </c>
      <c r="WAZ52" s="7">
        <f t="shared" si="535"/>
        <v>16629.407999999999</v>
      </c>
      <c r="WBA52" s="7">
        <f t="shared" si="535"/>
        <v>16629.407999999999</v>
      </c>
      <c r="WBB52" s="7">
        <f t="shared" si="535"/>
        <v>16629.407999999999</v>
      </c>
      <c r="WBC52" s="7">
        <f t="shared" si="535"/>
        <v>16629.407999999999</v>
      </c>
      <c r="WBD52" s="7">
        <f t="shared" si="535"/>
        <v>16629.407999999999</v>
      </c>
      <c r="WBE52" s="7">
        <f t="shared" si="535"/>
        <v>16629.407999999999</v>
      </c>
      <c r="WBF52" s="7">
        <f t="shared" si="535"/>
        <v>16629.407999999999</v>
      </c>
      <c r="WBG52" s="7">
        <f t="shared" si="535"/>
        <v>16629.407999999999</v>
      </c>
      <c r="WBH52" s="7">
        <f t="shared" si="535"/>
        <v>16629.407999999999</v>
      </c>
      <c r="WBI52" s="7">
        <f t="shared" si="535"/>
        <v>16629.407999999999</v>
      </c>
      <c r="WBJ52" s="7">
        <f t="shared" si="535"/>
        <v>16629.407999999999</v>
      </c>
      <c r="WBK52" s="7">
        <f t="shared" si="535"/>
        <v>16629.407999999999</v>
      </c>
      <c r="WBL52" s="7">
        <f t="shared" si="535"/>
        <v>16629.407999999999</v>
      </c>
      <c r="WBM52" s="7">
        <f t="shared" si="535"/>
        <v>16629.407999999999</v>
      </c>
      <c r="WBN52" s="7">
        <f t="shared" si="535"/>
        <v>16629.407999999999</v>
      </c>
      <c r="WBO52" s="7">
        <f t="shared" si="535"/>
        <v>16629.407999999999</v>
      </c>
      <c r="WBP52" s="7">
        <f t="shared" si="535"/>
        <v>16629.407999999999</v>
      </c>
      <c r="WBQ52" s="7">
        <f t="shared" si="535"/>
        <v>16629.407999999999</v>
      </c>
      <c r="WBR52" s="7">
        <f t="shared" si="535"/>
        <v>16629.407999999999</v>
      </c>
      <c r="WBS52" s="7">
        <f t="shared" si="535"/>
        <v>16629.407999999999</v>
      </c>
      <c r="WBT52" s="7">
        <f t="shared" si="535"/>
        <v>16629.407999999999</v>
      </c>
      <c r="WBU52" s="7">
        <f t="shared" si="535"/>
        <v>16629.407999999999</v>
      </c>
      <c r="WBV52" s="7">
        <f t="shared" si="535"/>
        <v>16629.407999999999</v>
      </c>
      <c r="WBW52" s="7">
        <f t="shared" si="535"/>
        <v>16629.407999999999</v>
      </c>
      <c r="WBX52" s="7">
        <f t="shared" si="535"/>
        <v>16629.407999999999</v>
      </c>
      <c r="WBY52" s="7">
        <f t="shared" si="535"/>
        <v>16629.407999999999</v>
      </c>
      <c r="WBZ52" s="7">
        <f t="shared" ref="WBZ52:WEK52" si="536">WBZ47+WBY52</f>
        <v>16629.407999999999</v>
      </c>
      <c r="WCA52" s="7">
        <f t="shared" si="536"/>
        <v>16629.407999999999</v>
      </c>
      <c r="WCB52" s="7">
        <f t="shared" si="536"/>
        <v>16629.407999999999</v>
      </c>
      <c r="WCC52" s="7">
        <f t="shared" si="536"/>
        <v>16629.407999999999</v>
      </c>
      <c r="WCD52" s="7">
        <f t="shared" si="536"/>
        <v>16629.407999999999</v>
      </c>
      <c r="WCE52" s="7">
        <f t="shared" si="536"/>
        <v>16629.407999999999</v>
      </c>
      <c r="WCF52" s="7">
        <f t="shared" si="536"/>
        <v>16629.407999999999</v>
      </c>
      <c r="WCG52" s="7">
        <f t="shared" si="536"/>
        <v>16629.407999999999</v>
      </c>
      <c r="WCH52" s="7">
        <f t="shared" si="536"/>
        <v>16629.407999999999</v>
      </c>
      <c r="WCI52" s="7">
        <f t="shared" si="536"/>
        <v>16629.407999999999</v>
      </c>
      <c r="WCJ52" s="7">
        <f t="shared" si="536"/>
        <v>16629.407999999999</v>
      </c>
      <c r="WCK52" s="7">
        <f t="shared" si="536"/>
        <v>16629.407999999999</v>
      </c>
      <c r="WCL52" s="7">
        <f t="shared" si="536"/>
        <v>16629.407999999999</v>
      </c>
      <c r="WCM52" s="7">
        <f t="shared" si="536"/>
        <v>16629.407999999999</v>
      </c>
      <c r="WCN52" s="7">
        <f t="shared" si="536"/>
        <v>16629.407999999999</v>
      </c>
      <c r="WCO52" s="7">
        <f t="shared" si="536"/>
        <v>16629.407999999999</v>
      </c>
      <c r="WCP52" s="7">
        <f t="shared" si="536"/>
        <v>16629.407999999999</v>
      </c>
      <c r="WCQ52" s="7">
        <f t="shared" si="536"/>
        <v>16629.407999999999</v>
      </c>
      <c r="WCR52" s="7">
        <f t="shared" si="536"/>
        <v>16629.407999999999</v>
      </c>
      <c r="WCS52" s="7">
        <f t="shared" si="536"/>
        <v>16629.407999999999</v>
      </c>
      <c r="WCT52" s="7">
        <f t="shared" si="536"/>
        <v>16629.407999999999</v>
      </c>
      <c r="WCU52" s="7">
        <f t="shared" si="536"/>
        <v>16629.407999999999</v>
      </c>
      <c r="WCV52" s="7">
        <f t="shared" si="536"/>
        <v>16629.407999999999</v>
      </c>
      <c r="WCW52" s="7">
        <f t="shared" si="536"/>
        <v>16629.407999999999</v>
      </c>
      <c r="WCX52" s="7">
        <f t="shared" si="536"/>
        <v>16629.407999999999</v>
      </c>
      <c r="WCY52" s="7">
        <f t="shared" si="536"/>
        <v>16629.407999999999</v>
      </c>
      <c r="WCZ52" s="7">
        <f t="shared" si="536"/>
        <v>16629.407999999999</v>
      </c>
      <c r="WDA52" s="7">
        <f t="shared" si="536"/>
        <v>16629.407999999999</v>
      </c>
      <c r="WDB52" s="7">
        <f t="shared" si="536"/>
        <v>16629.407999999999</v>
      </c>
      <c r="WDC52" s="7">
        <f t="shared" si="536"/>
        <v>16629.407999999999</v>
      </c>
      <c r="WDD52" s="7">
        <f t="shared" si="536"/>
        <v>16629.407999999999</v>
      </c>
      <c r="WDE52" s="7">
        <f t="shared" si="536"/>
        <v>16629.407999999999</v>
      </c>
      <c r="WDF52" s="7">
        <f t="shared" si="536"/>
        <v>16629.407999999999</v>
      </c>
      <c r="WDG52" s="7">
        <f t="shared" si="536"/>
        <v>16629.407999999999</v>
      </c>
      <c r="WDH52" s="7">
        <f t="shared" si="536"/>
        <v>16629.407999999999</v>
      </c>
      <c r="WDI52" s="7">
        <f t="shared" si="536"/>
        <v>16629.407999999999</v>
      </c>
      <c r="WDJ52" s="7">
        <f t="shared" si="536"/>
        <v>16629.407999999999</v>
      </c>
      <c r="WDK52" s="7">
        <f t="shared" si="536"/>
        <v>16629.407999999999</v>
      </c>
      <c r="WDL52" s="7">
        <f t="shared" si="536"/>
        <v>16629.407999999999</v>
      </c>
      <c r="WDM52" s="7">
        <f t="shared" si="536"/>
        <v>16629.407999999999</v>
      </c>
      <c r="WDN52" s="7">
        <f t="shared" si="536"/>
        <v>16629.407999999999</v>
      </c>
      <c r="WDO52" s="7">
        <f t="shared" si="536"/>
        <v>16629.407999999999</v>
      </c>
      <c r="WDP52" s="7">
        <f t="shared" si="536"/>
        <v>16629.407999999999</v>
      </c>
      <c r="WDQ52" s="7">
        <f t="shared" si="536"/>
        <v>16629.407999999999</v>
      </c>
      <c r="WDR52" s="7">
        <f t="shared" si="536"/>
        <v>16629.407999999999</v>
      </c>
      <c r="WDS52" s="7">
        <f t="shared" si="536"/>
        <v>16629.407999999999</v>
      </c>
      <c r="WDT52" s="7">
        <f t="shared" si="536"/>
        <v>16629.407999999999</v>
      </c>
      <c r="WDU52" s="7">
        <f t="shared" si="536"/>
        <v>16629.407999999999</v>
      </c>
      <c r="WDV52" s="7">
        <f t="shared" si="536"/>
        <v>16629.407999999999</v>
      </c>
      <c r="WDW52" s="7">
        <f t="shared" si="536"/>
        <v>16629.407999999999</v>
      </c>
      <c r="WDX52" s="7">
        <f t="shared" si="536"/>
        <v>16629.407999999999</v>
      </c>
      <c r="WDY52" s="7">
        <f t="shared" si="536"/>
        <v>16629.407999999999</v>
      </c>
      <c r="WDZ52" s="7">
        <f t="shared" si="536"/>
        <v>16629.407999999999</v>
      </c>
      <c r="WEA52" s="7">
        <f t="shared" si="536"/>
        <v>16629.407999999999</v>
      </c>
      <c r="WEB52" s="7">
        <f t="shared" si="536"/>
        <v>16629.407999999999</v>
      </c>
      <c r="WEC52" s="7">
        <f t="shared" si="536"/>
        <v>16629.407999999999</v>
      </c>
      <c r="WED52" s="7">
        <f t="shared" si="536"/>
        <v>16629.407999999999</v>
      </c>
      <c r="WEE52" s="7">
        <f t="shared" si="536"/>
        <v>16629.407999999999</v>
      </c>
      <c r="WEF52" s="7">
        <f t="shared" si="536"/>
        <v>16629.407999999999</v>
      </c>
      <c r="WEG52" s="7">
        <f t="shared" si="536"/>
        <v>16629.407999999999</v>
      </c>
      <c r="WEH52" s="7">
        <f t="shared" si="536"/>
        <v>16629.407999999999</v>
      </c>
      <c r="WEI52" s="7">
        <f t="shared" si="536"/>
        <v>16629.407999999999</v>
      </c>
      <c r="WEJ52" s="7">
        <f t="shared" si="536"/>
        <v>16629.407999999999</v>
      </c>
      <c r="WEK52" s="7">
        <f t="shared" si="536"/>
        <v>16629.407999999999</v>
      </c>
      <c r="WEL52" s="7">
        <f t="shared" ref="WEL52:WGW52" si="537">WEL47+WEK52</f>
        <v>16629.407999999999</v>
      </c>
      <c r="WEM52" s="7">
        <f t="shared" si="537"/>
        <v>16629.407999999999</v>
      </c>
      <c r="WEN52" s="7">
        <f t="shared" si="537"/>
        <v>16629.407999999999</v>
      </c>
      <c r="WEO52" s="7">
        <f t="shared" si="537"/>
        <v>16629.407999999999</v>
      </c>
      <c r="WEP52" s="7">
        <f t="shared" si="537"/>
        <v>16629.407999999999</v>
      </c>
      <c r="WEQ52" s="7">
        <f t="shared" si="537"/>
        <v>16629.407999999999</v>
      </c>
      <c r="WER52" s="7">
        <f t="shared" si="537"/>
        <v>16629.407999999999</v>
      </c>
      <c r="WES52" s="7">
        <f t="shared" si="537"/>
        <v>16629.407999999999</v>
      </c>
      <c r="WET52" s="7">
        <f t="shared" si="537"/>
        <v>16629.407999999999</v>
      </c>
      <c r="WEU52" s="7">
        <f t="shared" si="537"/>
        <v>16629.407999999999</v>
      </c>
      <c r="WEV52" s="7">
        <f t="shared" si="537"/>
        <v>16629.407999999999</v>
      </c>
      <c r="WEW52" s="7">
        <f t="shared" si="537"/>
        <v>16629.407999999999</v>
      </c>
      <c r="WEX52" s="7">
        <f t="shared" si="537"/>
        <v>16629.407999999999</v>
      </c>
      <c r="WEY52" s="7">
        <f t="shared" si="537"/>
        <v>16629.407999999999</v>
      </c>
      <c r="WEZ52" s="7">
        <f t="shared" si="537"/>
        <v>16629.407999999999</v>
      </c>
      <c r="WFA52" s="7">
        <f t="shared" si="537"/>
        <v>16629.407999999999</v>
      </c>
      <c r="WFB52" s="7">
        <f t="shared" si="537"/>
        <v>16629.407999999999</v>
      </c>
      <c r="WFC52" s="7">
        <f t="shared" si="537"/>
        <v>16629.407999999999</v>
      </c>
      <c r="WFD52" s="7">
        <f t="shared" si="537"/>
        <v>16629.407999999999</v>
      </c>
      <c r="WFE52" s="7">
        <f t="shared" si="537"/>
        <v>16629.407999999999</v>
      </c>
      <c r="WFF52" s="7">
        <f t="shared" si="537"/>
        <v>16629.407999999999</v>
      </c>
      <c r="WFG52" s="7">
        <f t="shared" si="537"/>
        <v>16629.407999999999</v>
      </c>
      <c r="WFH52" s="7">
        <f t="shared" si="537"/>
        <v>16629.407999999999</v>
      </c>
      <c r="WFI52" s="7">
        <f t="shared" si="537"/>
        <v>16629.407999999999</v>
      </c>
      <c r="WFJ52" s="7">
        <f t="shared" si="537"/>
        <v>16629.407999999999</v>
      </c>
      <c r="WFK52" s="7">
        <f t="shared" si="537"/>
        <v>16629.407999999999</v>
      </c>
      <c r="WFL52" s="7">
        <f t="shared" si="537"/>
        <v>16629.407999999999</v>
      </c>
      <c r="WFM52" s="7">
        <f t="shared" si="537"/>
        <v>16629.407999999999</v>
      </c>
      <c r="WFN52" s="7">
        <f t="shared" si="537"/>
        <v>16629.407999999999</v>
      </c>
      <c r="WFO52" s="7">
        <f t="shared" si="537"/>
        <v>16629.407999999999</v>
      </c>
      <c r="WFP52" s="7">
        <f t="shared" si="537"/>
        <v>16629.407999999999</v>
      </c>
      <c r="WFQ52" s="7">
        <f t="shared" si="537"/>
        <v>16629.407999999999</v>
      </c>
      <c r="WFR52" s="7">
        <f t="shared" si="537"/>
        <v>16629.407999999999</v>
      </c>
      <c r="WFS52" s="7">
        <f t="shared" si="537"/>
        <v>16629.407999999999</v>
      </c>
      <c r="WFT52" s="7">
        <f t="shared" si="537"/>
        <v>16629.407999999999</v>
      </c>
      <c r="WFU52" s="7">
        <f t="shared" si="537"/>
        <v>16629.407999999999</v>
      </c>
      <c r="WFV52" s="7">
        <f t="shared" si="537"/>
        <v>16629.407999999999</v>
      </c>
      <c r="WFW52" s="7">
        <f t="shared" si="537"/>
        <v>16629.407999999999</v>
      </c>
      <c r="WFX52" s="7">
        <f t="shared" si="537"/>
        <v>16629.407999999999</v>
      </c>
      <c r="WFY52" s="7">
        <f t="shared" si="537"/>
        <v>16629.407999999999</v>
      </c>
      <c r="WFZ52" s="7">
        <f t="shared" si="537"/>
        <v>16629.407999999999</v>
      </c>
      <c r="WGA52" s="7">
        <f t="shared" si="537"/>
        <v>16629.407999999999</v>
      </c>
      <c r="WGB52" s="7">
        <f t="shared" si="537"/>
        <v>16629.407999999999</v>
      </c>
      <c r="WGC52" s="7">
        <f t="shared" si="537"/>
        <v>16629.407999999999</v>
      </c>
      <c r="WGD52" s="7">
        <f t="shared" si="537"/>
        <v>16629.407999999999</v>
      </c>
      <c r="WGE52" s="7">
        <f t="shared" si="537"/>
        <v>16629.407999999999</v>
      </c>
      <c r="WGF52" s="7">
        <f t="shared" si="537"/>
        <v>16629.407999999999</v>
      </c>
      <c r="WGG52" s="7">
        <f t="shared" si="537"/>
        <v>16629.407999999999</v>
      </c>
      <c r="WGH52" s="7">
        <f t="shared" si="537"/>
        <v>16629.407999999999</v>
      </c>
      <c r="WGI52" s="7">
        <f t="shared" si="537"/>
        <v>16629.407999999999</v>
      </c>
      <c r="WGJ52" s="7">
        <f t="shared" si="537"/>
        <v>16629.407999999999</v>
      </c>
      <c r="WGK52" s="7">
        <f t="shared" si="537"/>
        <v>16629.407999999999</v>
      </c>
      <c r="WGL52" s="7">
        <f t="shared" si="537"/>
        <v>16629.407999999999</v>
      </c>
      <c r="WGM52" s="7">
        <f t="shared" si="537"/>
        <v>16629.407999999999</v>
      </c>
      <c r="WGN52" s="7">
        <f t="shared" si="537"/>
        <v>16629.407999999999</v>
      </c>
      <c r="WGO52" s="7">
        <f t="shared" si="537"/>
        <v>16629.407999999999</v>
      </c>
      <c r="WGP52" s="7">
        <f t="shared" si="537"/>
        <v>16629.407999999999</v>
      </c>
      <c r="WGQ52" s="7">
        <f t="shared" si="537"/>
        <v>16629.407999999999</v>
      </c>
      <c r="WGR52" s="7">
        <f t="shared" si="537"/>
        <v>16629.407999999999</v>
      </c>
      <c r="WGS52" s="7">
        <f t="shared" si="537"/>
        <v>16629.407999999999</v>
      </c>
      <c r="WGT52" s="7">
        <f t="shared" si="537"/>
        <v>16629.407999999999</v>
      </c>
      <c r="WGU52" s="7">
        <f t="shared" si="537"/>
        <v>16629.407999999999</v>
      </c>
      <c r="WGV52" s="7">
        <f t="shared" si="537"/>
        <v>16629.407999999999</v>
      </c>
      <c r="WGW52" s="7">
        <f t="shared" si="537"/>
        <v>16629.407999999999</v>
      </c>
      <c r="WGX52" s="7">
        <f t="shared" ref="WGX52:WJI52" si="538">WGX47+WGW52</f>
        <v>16629.407999999999</v>
      </c>
      <c r="WGY52" s="7">
        <f t="shared" si="538"/>
        <v>16629.407999999999</v>
      </c>
      <c r="WGZ52" s="7">
        <f t="shared" si="538"/>
        <v>16629.407999999999</v>
      </c>
      <c r="WHA52" s="7">
        <f t="shared" si="538"/>
        <v>16629.407999999999</v>
      </c>
      <c r="WHB52" s="7">
        <f t="shared" si="538"/>
        <v>16629.407999999999</v>
      </c>
      <c r="WHC52" s="7">
        <f t="shared" si="538"/>
        <v>16629.407999999999</v>
      </c>
      <c r="WHD52" s="7">
        <f t="shared" si="538"/>
        <v>16629.407999999999</v>
      </c>
      <c r="WHE52" s="7">
        <f t="shared" si="538"/>
        <v>16629.407999999999</v>
      </c>
      <c r="WHF52" s="7">
        <f t="shared" si="538"/>
        <v>16629.407999999999</v>
      </c>
      <c r="WHG52" s="7">
        <f t="shared" si="538"/>
        <v>16629.407999999999</v>
      </c>
      <c r="WHH52" s="7">
        <f t="shared" si="538"/>
        <v>16629.407999999999</v>
      </c>
      <c r="WHI52" s="7">
        <f t="shared" si="538"/>
        <v>16629.407999999999</v>
      </c>
      <c r="WHJ52" s="7">
        <f t="shared" si="538"/>
        <v>16629.407999999999</v>
      </c>
      <c r="WHK52" s="7">
        <f t="shared" si="538"/>
        <v>16629.407999999999</v>
      </c>
      <c r="WHL52" s="7">
        <f t="shared" si="538"/>
        <v>16629.407999999999</v>
      </c>
      <c r="WHM52" s="7">
        <f t="shared" si="538"/>
        <v>16629.407999999999</v>
      </c>
      <c r="WHN52" s="7">
        <f t="shared" si="538"/>
        <v>16629.407999999999</v>
      </c>
      <c r="WHO52" s="7">
        <f t="shared" si="538"/>
        <v>16629.407999999999</v>
      </c>
      <c r="WHP52" s="7">
        <f t="shared" si="538"/>
        <v>16629.407999999999</v>
      </c>
      <c r="WHQ52" s="7">
        <f t="shared" si="538"/>
        <v>16629.407999999999</v>
      </c>
      <c r="WHR52" s="7">
        <f t="shared" si="538"/>
        <v>16629.407999999999</v>
      </c>
      <c r="WHS52" s="7">
        <f t="shared" si="538"/>
        <v>16629.407999999999</v>
      </c>
      <c r="WHT52" s="7">
        <f t="shared" si="538"/>
        <v>16629.407999999999</v>
      </c>
      <c r="WHU52" s="7">
        <f t="shared" si="538"/>
        <v>16629.407999999999</v>
      </c>
      <c r="WHV52" s="7">
        <f t="shared" si="538"/>
        <v>16629.407999999999</v>
      </c>
      <c r="WHW52" s="7">
        <f t="shared" si="538"/>
        <v>16629.407999999999</v>
      </c>
      <c r="WHX52" s="7">
        <f t="shared" si="538"/>
        <v>16629.407999999999</v>
      </c>
      <c r="WHY52" s="7">
        <f t="shared" si="538"/>
        <v>16629.407999999999</v>
      </c>
      <c r="WHZ52" s="7">
        <f t="shared" si="538"/>
        <v>16629.407999999999</v>
      </c>
      <c r="WIA52" s="7">
        <f t="shared" si="538"/>
        <v>16629.407999999999</v>
      </c>
      <c r="WIB52" s="7">
        <f t="shared" si="538"/>
        <v>16629.407999999999</v>
      </c>
      <c r="WIC52" s="7">
        <f t="shared" si="538"/>
        <v>16629.407999999999</v>
      </c>
      <c r="WID52" s="7">
        <f t="shared" si="538"/>
        <v>16629.407999999999</v>
      </c>
      <c r="WIE52" s="7">
        <f t="shared" si="538"/>
        <v>16629.407999999999</v>
      </c>
      <c r="WIF52" s="7">
        <f t="shared" si="538"/>
        <v>16629.407999999999</v>
      </c>
      <c r="WIG52" s="7">
        <f t="shared" si="538"/>
        <v>16629.407999999999</v>
      </c>
      <c r="WIH52" s="7">
        <f t="shared" si="538"/>
        <v>16629.407999999999</v>
      </c>
      <c r="WII52" s="7">
        <f t="shared" si="538"/>
        <v>16629.407999999999</v>
      </c>
      <c r="WIJ52" s="7">
        <f t="shared" si="538"/>
        <v>16629.407999999999</v>
      </c>
      <c r="WIK52" s="7">
        <f t="shared" si="538"/>
        <v>16629.407999999999</v>
      </c>
      <c r="WIL52" s="7">
        <f t="shared" si="538"/>
        <v>16629.407999999999</v>
      </c>
      <c r="WIM52" s="7">
        <f t="shared" si="538"/>
        <v>16629.407999999999</v>
      </c>
      <c r="WIN52" s="7">
        <f t="shared" si="538"/>
        <v>16629.407999999999</v>
      </c>
      <c r="WIO52" s="7">
        <f t="shared" si="538"/>
        <v>16629.407999999999</v>
      </c>
      <c r="WIP52" s="7">
        <f t="shared" si="538"/>
        <v>16629.407999999999</v>
      </c>
      <c r="WIQ52" s="7">
        <f t="shared" si="538"/>
        <v>16629.407999999999</v>
      </c>
      <c r="WIR52" s="7">
        <f t="shared" si="538"/>
        <v>16629.407999999999</v>
      </c>
      <c r="WIS52" s="7">
        <f t="shared" si="538"/>
        <v>16629.407999999999</v>
      </c>
      <c r="WIT52" s="7">
        <f t="shared" si="538"/>
        <v>16629.407999999999</v>
      </c>
      <c r="WIU52" s="7">
        <f t="shared" si="538"/>
        <v>16629.407999999999</v>
      </c>
      <c r="WIV52" s="7">
        <f t="shared" si="538"/>
        <v>16629.407999999999</v>
      </c>
      <c r="WIW52" s="7">
        <f t="shared" si="538"/>
        <v>16629.407999999999</v>
      </c>
      <c r="WIX52" s="7">
        <f t="shared" si="538"/>
        <v>16629.407999999999</v>
      </c>
      <c r="WIY52" s="7">
        <f t="shared" si="538"/>
        <v>16629.407999999999</v>
      </c>
      <c r="WIZ52" s="7">
        <f t="shared" si="538"/>
        <v>16629.407999999999</v>
      </c>
      <c r="WJA52" s="7">
        <f t="shared" si="538"/>
        <v>16629.407999999999</v>
      </c>
      <c r="WJB52" s="7">
        <f t="shared" si="538"/>
        <v>16629.407999999999</v>
      </c>
      <c r="WJC52" s="7">
        <f t="shared" si="538"/>
        <v>16629.407999999999</v>
      </c>
      <c r="WJD52" s="7">
        <f t="shared" si="538"/>
        <v>16629.407999999999</v>
      </c>
      <c r="WJE52" s="7">
        <f t="shared" si="538"/>
        <v>16629.407999999999</v>
      </c>
      <c r="WJF52" s="7">
        <f t="shared" si="538"/>
        <v>16629.407999999999</v>
      </c>
      <c r="WJG52" s="7">
        <f t="shared" si="538"/>
        <v>16629.407999999999</v>
      </c>
      <c r="WJH52" s="7">
        <f t="shared" si="538"/>
        <v>16629.407999999999</v>
      </c>
      <c r="WJI52" s="7">
        <f t="shared" si="538"/>
        <v>16629.407999999999</v>
      </c>
      <c r="WJJ52" s="7">
        <f t="shared" ref="WJJ52:WLU52" si="539">WJJ47+WJI52</f>
        <v>16629.407999999999</v>
      </c>
      <c r="WJK52" s="7">
        <f t="shared" si="539"/>
        <v>16629.407999999999</v>
      </c>
      <c r="WJL52" s="7">
        <f t="shared" si="539"/>
        <v>16629.407999999999</v>
      </c>
      <c r="WJM52" s="7">
        <f t="shared" si="539"/>
        <v>16629.407999999999</v>
      </c>
      <c r="WJN52" s="7">
        <f t="shared" si="539"/>
        <v>16629.407999999999</v>
      </c>
      <c r="WJO52" s="7">
        <f t="shared" si="539"/>
        <v>16629.407999999999</v>
      </c>
      <c r="WJP52" s="7">
        <f t="shared" si="539"/>
        <v>16629.407999999999</v>
      </c>
      <c r="WJQ52" s="7">
        <f t="shared" si="539"/>
        <v>16629.407999999999</v>
      </c>
      <c r="WJR52" s="7">
        <f t="shared" si="539"/>
        <v>16629.407999999999</v>
      </c>
      <c r="WJS52" s="7">
        <f t="shared" si="539"/>
        <v>16629.407999999999</v>
      </c>
      <c r="WJT52" s="7">
        <f t="shared" si="539"/>
        <v>16629.407999999999</v>
      </c>
      <c r="WJU52" s="7">
        <f t="shared" si="539"/>
        <v>16629.407999999999</v>
      </c>
      <c r="WJV52" s="7">
        <f t="shared" si="539"/>
        <v>16629.407999999999</v>
      </c>
      <c r="WJW52" s="7">
        <f t="shared" si="539"/>
        <v>16629.407999999999</v>
      </c>
      <c r="WJX52" s="7">
        <f t="shared" si="539"/>
        <v>16629.407999999999</v>
      </c>
      <c r="WJY52" s="7">
        <f t="shared" si="539"/>
        <v>16629.407999999999</v>
      </c>
      <c r="WJZ52" s="7">
        <f t="shared" si="539"/>
        <v>16629.407999999999</v>
      </c>
      <c r="WKA52" s="7">
        <f t="shared" si="539"/>
        <v>16629.407999999999</v>
      </c>
      <c r="WKB52" s="7">
        <f t="shared" si="539"/>
        <v>16629.407999999999</v>
      </c>
      <c r="WKC52" s="7">
        <f t="shared" si="539"/>
        <v>16629.407999999999</v>
      </c>
      <c r="WKD52" s="7">
        <f t="shared" si="539"/>
        <v>16629.407999999999</v>
      </c>
      <c r="WKE52" s="7">
        <f t="shared" si="539"/>
        <v>16629.407999999999</v>
      </c>
      <c r="WKF52" s="7">
        <f t="shared" si="539"/>
        <v>16629.407999999999</v>
      </c>
      <c r="WKG52" s="7">
        <f t="shared" si="539"/>
        <v>16629.407999999999</v>
      </c>
      <c r="WKH52" s="7">
        <f t="shared" si="539"/>
        <v>16629.407999999999</v>
      </c>
      <c r="WKI52" s="7">
        <f t="shared" si="539"/>
        <v>16629.407999999999</v>
      </c>
      <c r="WKJ52" s="7">
        <f t="shared" si="539"/>
        <v>16629.407999999999</v>
      </c>
      <c r="WKK52" s="7">
        <f t="shared" si="539"/>
        <v>16629.407999999999</v>
      </c>
      <c r="WKL52" s="7">
        <f t="shared" si="539"/>
        <v>16629.407999999999</v>
      </c>
      <c r="WKM52" s="7">
        <f t="shared" si="539"/>
        <v>16629.407999999999</v>
      </c>
      <c r="WKN52" s="7">
        <f t="shared" si="539"/>
        <v>16629.407999999999</v>
      </c>
      <c r="WKO52" s="7">
        <f t="shared" si="539"/>
        <v>16629.407999999999</v>
      </c>
      <c r="WKP52" s="7">
        <f t="shared" si="539"/>
        <v>16629.407999999999</v>
      </c>
      <c r="WKQ52" s="7">
        <f t="shared" si="539"/>
        <v>16629.407999999999</v>
      </c>
      <c r="WKR52" s="7">
        <f t="shared" si="539"/>
        <v>16629.407999999999</v>
      </c>
      <c r="WKS52" s="7">
        <f t="shared" si="539"/>
        <v>16629.407999999999</v>
      </c>
      <c r="WKT52" s="7">
        <f t="shared" si="539"/>
        <v>16629.407999999999</v>
      </c>
      <c r="WKU52" s="7">
        <f t="shared" si="539"/>
        <v>16629.407999999999</v>
      </c>
      <c r="WKV52" s="7">
        <f t="shared" si="539"/>
        <v>16629.407999999999</v>
      </c>
      <c r="WKW52" s="7">
        <f t="shared" si="539"/>
        <v>16629.407999999999</v>
      </c>
      <c r="WKX52" s="7">
        <f t="shared" si="539"/>
        <v>16629.407999999999</v>
      </c>
      <c r="WKY52" s="7">
        <f t="shared" si="539"/>
        <v>16629.407999999999</v>
      </c>
      <c r="WKZ52" s="7">
        <f t="shared" si="539"/>
        <v>16629.407999999999</v>
      </c>
      <c r="WLA52" s="7">
        <f t="shared" si="539"/>
        <v>16629.407999999999</v>
      </c>
      <c r="WLB52" s="7">
        <f t="shared" si="539"/>
        <v>16629.407999999999</v>
      </c>
      <c r="WLC52" s="7">
        <f t="shared" si="539"/>
        <v>16629.407999999999</v>
      </c>
      <c r="WLD52" s="7">
        <f t="shared" si="539"/>
        <v>16629.407999999999</v>
      </c>
      <c r="WLE52" s="7">
        <f t="shared" si="539"/>
        <v>16629.407999999999</v>
      </c>
      <c r="WLF52" s="7">
        <f t="shared" si="539"/>
        <v>16629.407999999999</v>
      </c>
      <c r="WLG52" s="7">
        <f t="shared" si="539"/>
        <v>16629.407999999999</v>
      </c>
      <c r="WLH52" s="7">
        <f t="shared" si="539"/>
        <v>16629.407999999999</v>
      </c>
      <c r="WLI52" s="7">
        <f t="shared" si="539"/>
        <v>16629.407999999999</v>
      </c>
      <c r="WLJ52" s="7">
        <f t="shared" si="539"/>
        <v>16629.407999999999</v>
      </c>
      <c r="WLK52" s="7">
        <f t="shared" si="539"/>
        <v>16629.407999999999</v>
      </c>
      <c r="WLL52" s="7">
        <f t="shared" si="539"/>
        <v>16629.407999999999</v>
      </c>
      <c r="WLM52" s="7">
        <f t="shared" si="539"/>
        <v>16629.407999999999</v>
      </c>
      <c r="WLN52" s="7">
        <f t="shared" si="539"/>
        <v>16629.407999999999</v>
      </c>
      <c r="WLO52" s="7">
        <f t="shared" si="539"/>
        <v>16629.407999999999</v>
      </c>
      <c r="WLP52" s="7">
        <f t="shared" si="539"/>
        <v>16629.407999999999</v>
      </c>
      <c r="WLQ52" s="7">
        <f t="shared" si="539"/>
        <v>16629.407999999999</v>
      </c>
      <c r="WLR52" s="7">
        <f t="shared" si="539"/>
        <v>16629.407999999999</v>
      </c>
      <c r="WLS52" s="7">
        <f t="shared" si="539"/>
        <v>16629.407999999999</v>
      </c>
      <c r="WLT52" s="7">
        <f t="shared" si="539"/>
        <v>16629.407999999999</v>
      </c>
      <c r="WLU52" s="7">
        <f t="shared" si="539"/>
        <v>16629.407999999999</v>
      </c>
      <c r="WLV52" s="7">
        <f t="shared" ref="WLV52:WOG52" si="540">WLV47+WLU52</f>
        <v>16629.407999999999</v>
      </c>
      <c r="WLW52" s="7">
        <f t="shared" si="540"/>
        <v>16629.407999999999</v>
      </c>
      <c r="WLX52" s="7">
        <f t="shared" si="540"/>
        <v>16629.407999999999</v>
      </c>
      <c r="WLY52" s="7">
        <f t="shared" si="540"/>
        <v>16629.407999999999</v>
      </c>
      <c r="WLZ52" s="7">
        <f t="shared" si="540"/>
        <v>16629.407999999999</v>
      </c>
      <c r="WMA52" s="7">
        <f t="shared" si="540"/>
        <v>16629.407999999999</v>
      </c>
      <c r="WMB52" s="7">
        <f t="shared" si="540"/>
        <v>16629.407999999999</v>
      </c>
      <c r="WMC52" s="7">
        <f t="shared" si="540"/>
        <v>16629.407999999999</v>
      </c>
      <c r="WMD52" s="7">
        <f t="shared" si="540"/>
        <v>16629.407999999999</v>
      </c>
      <c r="WME52" s="7">
        <f t="shared" si="540"/>
        <v>16629.407999999999</v>
      </c>
      <c r="WMF52" s="7">
        <f t="shared" si="540"/>
        <v>16629.407999999999</v>
      </c>
      <c r="WMG52" s="7">
        <f t="shared" si="540"/>
        <v>16629.407999999999</v>
      </c>
      <c r="WMH52" s="7">
        <f t="shared" si="540"/>
        <v>16629.407999999999</v>
      </c>
      <c r="WMI52" s="7">
        <f t="shared" si="540"/>
        <v>16629.407999999999</v>
      </c>
      <c r="WMJ52" s="7">
        <f t="shared" si="540"/>
        <v>16629.407999999999</v>
      </c>
      <c r="WMK52" s="7">
        <f t="shared" si="540"/>
        <v>16629.407999999999</v>
      </c>
      <c r="WML52" s="7">
        <f t="shared" si="540"/>
        <v>16629.407999999999</v>
      </c>
      <c r="WMM52" s="7">
        <f t="shared" si="540"/>
        <v>16629.407999999999</v>
      </c>
      <c r="WMN52" s="7">
        <f t="shared" si="540"/>
        <v>16629.407999999999</v>
      </c>
      <c r="WMO52" s="7">
        <f t="shared" si="540"/>
        <v>16629.407999999999</v>
      </c>
      <c r="WMP52" s="7">
        <f t="shared" si="540"/>
        <v>16629.407999999999</v>
      </c>
      <c r="WMQ52" s="7">
        <f t="shared" si="540"/>
        <v>16629.407999999999</v>
      </c>
      <c r="WMR52" s="7">
        <f t="shared" si="540"/>
        <v>16629.407999999999</v>
      </c>
      <c r="WMS52" s="7">
        <f t="shared" si="540"/>
        <v>16629.407999999999</v>
      </c>
      <c r="WMT52" s="7">
        <f t="shared" si="540"/>
        <v>16629.407999999999</v>
      </c>
      <c r="WMU52" s="7">
        <f t="shared" si="540"/>
        <v>16629.407999999999</v>
      </c>
      <c r="WMV52" s="7">
        <f t="shared" si="540"/>
        <v>16629.407999999999</v>
      </c>
      <c r="WMW52" s="7">
        <f t="shared" si="540"/>
        <v>16629.407999999999</v>
      </c>
      <c r="WMX52" s="7">
        <f t="shared" si="540"/>
        <v>16629.407999999999</v>
      </c>
      <c r="WMY52" s="7">
        <f t="shared" si="540"/>
        <v>16629.407999999999</v>
      </c>
      <c r="WMZ52" s="7">
        <f t="shared" si="540"/>
        <v>16629.407999999999</v>
      </c>
      <c r="WNA52" s="7">
        <f t="shared" si="540"/>
        <v>16629.407999999999</v>
      </c>
      <c r="WNB52" s="7">
        <f t="shared" si="540"/>
        <v>16629.407999999999</v>
      </c>
      <c r="WNC52" s="7">
        <f t="shared" si="540"/>
        <v>16629.407999999999</v>
      </c>
      <c r="WND52" s="7">
        <f t="shared" si="540"/>
        <v>16629.407999999999</v>
      </c>
      <c r="WNE52" s="7">
        <f t="shared" si="540"/>
        <v>16629.407999999999</v>
      </c>
      <c r="WNF52" s="7">
        <f t="shared" si="540"/>
        <v>16629.407999999999</v>
      </c>
      <c r="WNG52" s="7">
        <f t="shared" si="540"/>
        <v>16629.407999999999</v>
      </c>
      <c r="WNH52" s="7">
        <f t="shared" si="540"/>
        <v>16629.407999999999</v>
      </c>
      <c r="WNI52" s="7">
        <f t="shared" si="540"/>
        <v>16629.407999999999</v>
      </c>
      <c r="WNJ52" s="7">
        <f t="shared" si="540"/>
        <v>16629.407999999999</v>
      </c>
      <c r="WNK52" s="7">
        <f t="shared" si="540"/>
        <v>16629.407999999999</v>
      </c>
      <c r="WNL52" s="7">
        <f t="shared" si="540"/>
        <v>16629.407999999999</v>
      </c>
      <c r="WNM52" s="7">
        <f t="shared" si="540"/>
        <v>16629.407999999999</v>
      </c>
      <c r="WNN52" s="7">
        <f t="shared" si="540"/>
        <v>16629.407999999999</v>
      </c>
      <c r="WNO52" s="7">
        <f t="shared" si="540"/>
        <v>16629.407999999999</v>
      </c>
      <c r="WNP52" s="7">
        <f t="shared" si="540"/>
        <v>16629.407999999999</v>
      </c>
      <c r="WNQ52" s="7">
        <f t="shared" si="540"/>
        <v>16629.407999999999</v>
      </c>
      <c r="WNR52" s="7">
        <f t="shared" si="540"/>
        <v>16629.407999999999</v>
      </c>
      <c r="WNS52" s="7">
        <f t="shared" si="540"/>
        <v>16629.407999999999</v>
      </c>
      <c r="WNT52" s="7">
        <f t="shared" si="540"/>
        <v>16629.407999999999</v>
      </c>
      <c r="WNU52" s="7">
        <f t="shared" si="540"/>
        <v>16629.407999999999</v>
      </c>
      <c r="WNV52" s="7">
        <f t="shared" si="540"/>
        <v>16629.407999999999</v>
      </c>
      <c r="WNW52" s="7">
        <f t="shared" si="540"/>
        <v>16629.407999999999</v>
      </c>
      <c r="WNX52" s="7">
        <f t="shared" si="540"/>
        <v>16629.407999999999</v>
      </c>
      <c r="WNY52" s="7">
        <f t="shared" si="540"/>
        <v>16629.407999999999</v>
      </c>
      <c r="WNZ52" s="7">
        <f t="shared" si="540"/>
        <v>16629.407999999999</v>
      </c>
      <c r="WOA52" s="7">
        <f t="shared" si="540"/>
        <v>16629.407999999999</v>
      </c>
      <c r="WOB52" s="7">
        <f t="shared" si="540"/>
        <v>16629.407999999999</v>
      </c>
      <c r="WOC52" s="7">
        <f t="shared" si="540"/>
        <v>16629.407999999999</v>
      </c>
      <c r="WOD52" s="7">
        <f t="shared" si="540"/>
        <v>16629.407999999999</v>
      </c>
      <c r="WOE52" s="7">
        <f t="shared" si="540"/>
        <v>16629.407999999999</v>
      </c>
      <c r="WOF52" s="7">
        <f t="shared" si="540"/>
        <v>16629.407999999999</v>
      </c>
      <c r="WOG52" s="7">
        <f t="shared" si="540"/>
        <v>16629.407999999999</v>
      </c>
      <c r="WOH52" s="7">
        <f t="shared" ref="WOH52:WQS52" si="541">WOH47+WOG52</f>
        <v>16629.407999999999</v>
      </c>
      <c r="WOI52" s="7">
        <f t="shared" si="541"/>
        <v>16629.407999999999</v>
      </c>
      <c r="WOJ52" s="7">
        <f t="shared" si="541"/>
        <v>16629.407999999999</v>
      </c>
      <c r="WOK52" s="7">
        <f t="shared" si="541"/>
        <v>16629.407999999999</v>
      </c>
      <c r="WOL52" s="7">
        <f t="shared" si="541"/>
        <v>16629.407999999999</v>
      </c>
      <c r="WOM52" s="7">
        <f t="shared" si="541"/>
        <v>16629.407999999999</v>
      </c>
      <c r="WON52" s="7">
        <f t="shared" si="541"/>
        <v>16629.407999999999</v>
      </c>
      <c r="WOO52" s="7">
        <f t="shared" si="541"/>
        <v>16629.407999999999</v>
      </c>
      <c r="WOP52" s="7">
        <f t="shared" si="541"/>
        <v>16629.407999999999</v>
      </c>
      <c r="WOQ52" s="7">
        <f t="shared" si="541"/>
        <v>16629.407999999999</v>
      </c>
      <c r="WOR52" s="7">
        <f t="shared" si="541"/>
        <v>16629.407999999999</v>
      </c>
      <c r="WOS52" s="7">
        <f t="shared" si="541"/>
        <v>16629.407999999999</v>
      </c>
      <c r="WOT52" s="7">
        <f t="shared" si="541"/>
        <v>16629.407999999999</v>
      </c>
      <c r="WOU52" s="7">
        <f t="shared" si="541"/>
        <v>16629.407999999999</v>
      </c>
      <c r="WOV52" s="7">
        <f t="shared" si="541"/>
        <v>16629.407999999999</v>
      </c>
      <c r="WOW52" s="7">
        <f t="shared" si="541"/>
        <v>16629.407999999999</v>
      </c>
      <c r="WOX52" s="7">
        <f t="shared" si="541"/>
        <v>16629.407999999999</v>
      </c>
      <c r="WOY52" s="7">
        <f t="shared" si="541"/>
        <v>16629.407999999999</v>
      </c>
      <c r="WOZ52" s="7">
        <f t="shared" si="541"/>
        <v>16629.407999999999</v>
      </c>
      <c r="WPA52" s="7">
        <f t="shared" si="541"/>
        <v>16629.407999999999</v>
      </c>
      <c r="WPB52" s="7">
        <f t="shared" si="541"/>
        <v>16629.407999999999</v>
      </c>
      <c r="WPC52" s="7">
        <f t="shared" si="541"/>
        <v>16629.407999999999</v>
      </c>
      <c r="WPD52" s="7">
        <f t="shared" si="541"/>
        <v>16629.407999999999</v>
      </c>
      <c r="WPE52" s="7">
        <f t="shared" si="541"/>
        <v>16629.407999999999</v>
      </c>
      <c r="WPF52" s="7">
        <f t="shared" si="541"/>
        <v>16629.407999999999</v>
      </c>
      <c r="WPG52" s="7">
        <f t="shared" si="541"/>
        <v>16629.407999999999</v>
      </c>
      <c r="WPH52" s="7">
        <f t="shared" si="541"/>
        <v>16629.407999999999</v>
      </c>
      <c r="WPI52" s="7">
        <f t="shared" si="541"/>
        <v>16629.407999999999</v>
      </c>
      <c r="WPJ52" s="7">
        <f t="shared" si="541"/>
        <v>16629.407999999999</v>
      </c>
      <c r="WPK52" s="7">
        <f t="shared" si="541"/>
        <v>16629.407999999999</v>
      </c>
      <c r="WPL52" s="7">
        <f t="shared" si="541"/>
        <v>16629.407999999999</v>
      </c>
      <c r="WPM52" s="7">
        <f t="shared" si="541"/>
        <v>16629.407999999999</v>
      </c>
      <c r="WPN52" s="7">
        <f t="shared" si="541"/>
        <v>16629.407999999999</v>
      </c>
      <c r="WPO52" s="7">
        <f t="shared" si="541"/>
        <v>16629.407999999999</v>
      </c>
      <c r="WPP52" s="7">
        <f t="shared" si="541"/>
        <v>16629.407999999999</v>
      </c>
      <c r="WPQ52" s="7">
        <f t="shared" si="541"/>
        <v>16629.407999999999</v>
      </c>
      <c r="WPR52" s="7">
        <f t="shared" si="541"/>
        <v>16629.407999999999</v>
      </c>
      <c r="WPS52" s="7">
        <f t="shared" si="541"/>
        <v>16629.407999999999</v>
      </c>
      <c r="WPT52" s="7">
        <f t="shared" si="541"/>
        <v>16629.407999999999</v>
      </c>
      <c r="WPU52" s="7">
        <f t="shared" si="541"/>
        <v>16629.407999999999</v>
      </c>
      <c r="WPV52" s="7">
        <f t="shared" si="541"/>
        <v>16629.407999999999</v>
      </c>
      <c r="WPW52" s="7">
        <f t="shared" si="541"/>
        <v>16629.407999999999</v>
      </c>
      <c r="WPX52" s="7">
        <f t="shared" si="541"/>
        <v>16629.407999999999</v>
      </c>
      <c r="WPY52" s="7">
        <f t="shared" si="541"/>
        <v>16629.407999999999</v>
      </c>
      <c r="WPZ52" s="7">
        <f t="shared" si="541"/>
        <v>16629.407999999999</v>
      </c>
      <c r="WQA52" s="7">
        <f t="shared" si="541"/>
        <v>16629.407999999999</v>
      </c>
      <c r="WQB52" s="7">
        <f t="shared" si="541"/>
        <v>16629.407999999999</v>
      </c>
      <c r="WQC52" s="7">
        <f t="shared" si="541"/>
        <v>16629.407999999999</v>
      </c>
      <c r="WQD52" s="7">
        <f t="shared" si="541"/>
        <v>16629.407999999999</v>
      </c>
      <c r="WQE52" s="7">
        <f t="shared" si="541"/>
        <v>16629.407999999999</v>
      </c>
      <c r="WQF52" s="7">
        <f t="shared" si="541"/>
        <v>16629.407999999999</v>
      </c>
      <c r="WQG52" s="7">
        <f t="shared" si="541"/>
        <v>16629.407999999999</v>
      </c>
      <c r="WQH52" s="7">
        <f t="shared" si="541"/>
        <v>16629.407999999999</v>
      </c>
      <c r="WQI52" s="7">
        <f t="shared" si="541"/>
        <v>16629.407999999999</v>
      </c>
      <c r="WQJ52" s="7">
        <f t="shared" si="541"/>
        <v>16629.407999999999</v>
      </c>
      <c r="WQK52" s="7">
        <f t="shared" si="541"/>
        <v>16629.407999999999</v>
      </c>
      <c r="WQL52" s="7">
        <f t="shared" si="541"/>
        <v>16629.407999999999</v>
      </c>
      <c r="WQM52" s="7">
        <f t="shared" si="541"/>
        <v>16629.407999999999</v>
      </c>
      <c r="WQN52" s="7">
        <f t="shared" si="541"/>
        <v>16629.407999999999</v>
      </c>
      <c r="WQO52" s="7">
        <f t="shared" si="541"/>
        <v>16629.407999999999</v>
      </c>
      <c r="WQP52" s="7">
        <f t="shared" si="541"/>
        <v>16629.407999999999</v>
      </c>
      <c r="WQQ52" s="7">
        <f t="shared" si="541"/>
        <v>16629.407999999999</v>
      </c>
      <c r="WQR52" s="7">
        <f t="shared" si="541"/>
        <v>16629.407999999999</v>
      </c>
      <c r="WQS52" s="7">
        <f t="shared" si="541"/>
        <v>16629.407999999999</v>
      </c>
      <c r="WQT52" s="7">
        <f t="shared" ref="WQT52:WTE52" si="542">WQT47+WQS52</f>
        <v>16629.407999999999</v>
      </c>
      <c r="WQU52" s="7">
        <f t="shared" si="542"/>
        <v>16629.407999999999</v>
      </c>
      <c r="WQV52" s="7">
        <f t="shared" si="542"/>
        <v>16629.407999999999</v>
      </c>
      <c r="WQW52" s="7">
        <f t="shared" si="542"/>
        <v>16629.407999999999</v>
      </c>
      <c r="WQX52" s="7">
        <f t="shared" si="542"/>
        <v>16629.407999999999</v>
      </c>
      <c r="WQY52" s="7">
        <f t="shared" si="542"/>
        <v>16629.407999999999</v>
      </c>
      <c r="WQZ52" s="7">
        <f t="shared" si="542"/>
        <v>16629.407999999999</v>
      </c>
      <c r="WRA52" s="7">
        <f t="shared" si="542"/>
        <v>16629.407999999999</v>
      </c>
      <c r="WRB52" s="7">
        <f t="shared" si="542"/>
        <v>16629.407999999999</v>
      </c>
      <c r="WRC52" s="7">
        <f t="shared" si="542"/>
        <v>16629.407999999999</v>
      </c>
      <c r="WRD52" s="7">
        <f t="shared" si="542"/>
        <v>16629.407999999999</v>
      </c>
      <c r="WRE52" s="7">
        <f t="shared" si="542"/>
        <v>16629.407999999999</v>
      </c>
      <c r="WRF52" s="7">
        <f t="shared" si="542"/>
        <v>16629.407999999999</v>
      </c>
      <c r="WRG52" s="7">
        <f t="shared" si="542"/>
        <v>16629.407999999999</v>
      </c>
      <c r="WRH52" s="7">
        <f t="shared" si="542"/>
        <v>16629.407999999999</v>
      </c>
      <c r="WRI52" s="7">
        <f t="shared" si="542"/>
        <v>16629.407999999999</v>
      </c>
      <c r="WRJ52" s="7">
        <f t="shared" si="542"/>
        <v>16629.407999999999</v>
      </c>
      <c r="WRK52" s="7">
        <f t="shared" si="542"/>
        <v>16629.407999999999</v>
      </c>
      <c r="WRL52" s="7">
        <f t="shared" si="542"/>
        <v>16629.407999999999</v>
      </c>
      <c r="WRM52" s="7">
        <f t="shared" si="542"/>
        <v>16629.407999999999</v>
      </c>
      <c r="WRN52" s="7">
        <f t="shared" si="542"/>
        <v>16629.407999999999</v>
      </c>
      <c r="WRO52" s="7">
        <f t="shared" si="542"/>
        <v>16629.407999999999</v>
      </c>
      <c r="WRP52" s="7">
        <f t="shared" si="542"/>
        <v>16629.407999999999</v>
      </c>
      <c r="WRQ52" s="7">
        <f t="shared" si="542"/>
        <v>16629.407999999999</v>
      </c>
      <c r="WRR52" s="7">
        <f t="shared" si="542"/>
        <v>16629.407999999999</v>
      </c>
      <c r="WRS52" s="7">
        <f t="shared" si="542"/>
        <v>16629.407999999999</v>
      </c>
      <c r="WRT52" s="7">
        <f t="shared" si="542"/>
        <v>16629.407999999999</v>
      </c>
      <c r="WRU52" s="7">
        <f t="shared" si="542"/>
        <v>16629.407999999999</v>
      </c>
      <c r="WRV52" s="7">
        <f t="shared" si="542"/>
        <v>16629.407999999999</v>
      </c>
      <c r="WRW52" s="7">
        <f t="shared" si="542"/>
        <v>16629.407999999999</v>
      </c>
      <c r="WRX52" s="7">
        <f t="shared" si="542"/>
        <v>16629.407999999999</v>
      </c>
      <c r="WRY52" s="7">
        <f t="shared" si="542"/>
        <v>16629.407999999999</v>
      </c>
      <c r="WRZ52" s="7">
        <f t="shared" si="542"/>
        <v>16629.407999999999</v>
      </c>
      <c r="WSA52" s="7">
        <f t="shared" si="542"/>
        <v>16629.407999999999</v>
      </c>
      <c r="WSB52" s="7">
        <f t="shared" si="542"/>
        <v>16629.407999999999</v>
      </c>
      <c r="WSC52" s="7">
        <f t="shared" si="542"/>
        <v>16629.407999999999</v>
      </c>
      <c r="WSD52" s="7">
        <f t="shared" si="542"/>
        <v>16629.407999999999</v>
      </c>
      <c r="WSE52" s="7">
        <f t="shared" si="542"/>
        <v>16629.407999999999</v>
      </c>
      <c r="WSF52" s="7">
        <f t="shared" si="542"/>
        <v>16629.407999999999</v>
      </c>
      <c r="WSG52" s="7">
        <f t="shared" si="542"/>
        <v>16629.407999999999</v>
      </c>
      <c r="WSH52" s="7">
        <f t="shared" si="542"/>
        <v>16629.407999999999</v>
      </c>
      <c r="WSI52" s="7">
        <f t="shared" si="542"/>
        <v>16629.407999999999</v>
      </c>
      <c r="WSJ52" s="7">
        <f t="shared" si="542"/>
        <v>16629.407999999999</v>
      </c>
      <c r="WSK52" s="7">
        <f t="shared" si="542"/>
        <v>16629.407999999999</v>
      </c>
      <c r="WSL52" s="7">
        <f t="shared" si="542"/>
        <v>16629.407999999999</v>
      </c>
      <c r="WSM52" s="7">
        <f t="shared" si="542"/>
        <v>16629.407999999999</v>
      </c>
      <c r="WSN52" s="7">
        <f t="shared" si="542"/>
        <v>16629.407999999999</v>
      </c>
      <c r="WSO52" s="7">
        <f t="shared" si="542"/>
        <v>16629.407999999999</v>
      </c>
      <c r="WSP52" s="7">
        <f t="shared" si="542"/>
        <v>16629.407999999999</v>
      </c>
      <c r="WSQ52" s="7">
        <f t="shared" si="542"/>
        <v>16629.407999999999</v>
      </c>
      <c r="WSR52" s="7">
        <f t="shared" si="542"/>
        <v>16629.407999999999</v>
      </c>
      <c r="WSS52" s="7">
        <f t="shared" si="542"/>
        <v>16629.407999999999</v>
      </c>
      <c r="WST52" s="7">
        <f t="shared" si="542"/>
        <v>16629.407999999999</v>
      </c>
      <c r="WSU52" s="7">
        <f t="shared" si="542"/>
        <v>16629.407999999999</v>
      </c>
      <c r="WSV52" s="7">
        <f t="shared" si="542"/>
        <v>16629.407999999999</v>
      </c>
      <c r="WSW52" s="7">
        <f t="shared" si="542"/>
        <v>16629.407999999999</v>
      </c>
      <c r="WSX52" s="7">
        <f t="shared" si="542"/>
        <v>16629.407999999999</v>
      </c>
      <c r="WSY52" s="7">
        <f t="shared" si="542"/>
        <v>16629.407999999999</v>
      </c>
      <c r="WSZ52" s="7">
        <f t="shared" si="542"/>
        <v>16629.407999999999</v>
      </c>
      <c r="WTA52" s="7">
        <f t="shared" si="542"/>
        <v>16629.407999999999</v>
      </c>
      <c r="WTB52" s="7">
        <f t="shared" si="542"/>
        <v>16629.407999999999</v>
      </c>
      <c r="WTC52" s="7">
        <f t="shared" si="542"/>
        <v>16629.407999999999</v>
      </c>
      <c r="WTD52" s="7">
        <f t="shared" si="542"/>
        <v>16629.407999999999</v>
      </c>
      <c r="WTE52" s="7">
        <f t="shared" si="542"/>
        <v>16629.407999999999</v>
      </c>
      <c r="WTF52" s="7">
        <f t="shared" ref="WTF52:WVQ52" si="543">WTF47+WTE52</f>
        <v>16629.407999999999</v>
      </c>
      <c r="WTG52" s="7">
        <f t="shared" si="543"/>
        <v>16629.407999999999</v>
      </c>
      <c r="WTH52" s="7">
        <f t="shared" si="543"/>
        <v>16629.407999999999</v>
      </c>
      <c r="WTI52" s="7">
        <f t="shared" si="543"/>
        <v>16629.407999999999</v>
      </c>
      <c r="WTJ52" s="7">
        <f t="shared" si="543"/>
        <v>16629.407999999999</v>
      </c>
      <c r="WTK52" s="7">
        <f t="shared" si="543"/>
        <v>16629.407999999999</v>
      </c>
      <c r="WTL52" s="7">
        <f t="shared" si="543"/>
        <v>16629.407999999999</v>
      </c>
      <c r="WTM52" s="7">
        <f t="shared" si="543"/>
        <v>16629.407999999999</v>
      </c>
      <c r="WTN52" s="7">
        <f t="shared" si="543"/>
        <v>16629.407999999999</v>
      </c>
      <c r="WTO52" s="7">
        <f t="shared" si="543"/>
        <v>16629.407999999999</v>
      </c>
      <c r="WTP52" s="7">
        <f t="shared" si="543"/>
        <v>16629.407999999999</v>
      </c>
      <c r="WTQ52" s="7">
        <f t="shared" si="543"/>
        <v>16629.407999999999</v>
      </c>
      <c r="WTR52" s="7">
        <f t="shared" si="543"/>
        <v>16629.407999999999</v>
      </c>
      <c r="WTS52" s="7">
        <f t="shared" si="543"/>
        <v>16629.407999999999</v>
      </c>
      <c r="WTT52" s="7">
        <f t="shared" si="543"/>
        <v>16629.407999999999</v>
      </c>
      <c r="WTU52" s="7">
        <f t="shared" si="543"/>
        <v>16629.407999999999</v>
      </c>
      <c r="WTV52" s="7">
        <f t="shared" si="543"/>
        <v>16629.407999999999</v>
      </c>
      <c r="WTW52" s="7">
        <f t="shared" si="543"/>
        <v>16629.407999999999</v>
      </c>
      <c r="WTX52" s="7">
        <f t="shared" si="543"/>
        <v>16629.407999999999</v>
      </c>
      <c r="WTY52" s="7">
        <f t="shared" si="543"/>
        <v>16629.407999999999</v>
      </c>
      <c r="WTZ52" s="7">
        <f t="shared" si="543"/>
        <v>16629.407999999999</v>
      </c>
      <c r="WUA52" s="7">
        <f t="shared" si="543"/>
        <v>16629.407999999999</v>
      </c>
      <c r="WUB52" s="7">
        <f t="shared" si="543"/>
        <v>16629.407999999999</v>
      </c>
      <c r="WUC52" s="7">
        <f t="shared" si="543"/>
        <v>16629.407999999999</v>
      </c>
      <c r="WUD52" s="7">
        <f t="shared" si="543"/>
        <v>16629.407999999999</v>
      </c>
      <c r="WUE52" s="7">
        <f t="shared" si="543"/>
        <v>16629.407999999999</v>
      </c>
      <c r="WUF52" s="7">
        <f t="shared" si="543"/>
        <v>16629.407999999999</v>
      </c>
      <c r="WUG52" s="7">
        <f t="shared" si="543"/>
        <v>16629.407999999999</v>
      </c>
      <c r="WUH52" s="7">
        <f t="shared" si="543"/>
        <v>16629.407999999999</v>
      </c>
      <c r="WUI52" s="7">
        <f t="shared" si="543"/>
        <v>16629.407999999999</v>
      </c>
      <c r="WUJ52" s="7">
        <f t="shared" si="543"/>
        <v>16629.407999999999</v>
      </c>
      <c r="WUK52" s="7">
        <f t="shared" si="543"/>
        <v>16629.407999999999</v>
      </c>
      <c r="WUL52" s="7">
        <f t="shared" si="543"/>
        <v>16629.407999999999</v>
      </c>
      <c r="WUM52" s="7">
        <f t="shared" si="543"/>
        <v>16629.407999999999</v>
      </c>
      <c r="WUN52" s="7">
        <f t="shared" si="543"/>
        <v>16629.407999999999</v>
      </c>
      <c r="WUO52" s="7">
        <f t="shared" si="543"/>
        <v>16629.407999999999</v>
      </c>
      <c r="WUP52" s="7">
        <f t="shared" si="543"/>
        <v>16629.407999999999</v>
      </c>
      <c r="WUQ52" s="7">
        <f t="shared" si="543"/>
        <v>16629.407999999999</v>
      </c>
      <c r="WUR52" s="7">
        <f t="shared" si="543"/>
        <v>16629.407999999999</v>
      </c>
      <c r="WUS52" s="7">
        <f t="shared" si="543"/>
        <v>16629.407999999999</v>
      </c>
      <c r="WUT52" s="7">
        <f t="shared" si="543"/>
        <v>16629.407999999999</v>
      </c>
      <c r="WUU52" s="7">
        <f t="shared" si="543"/>
        <v>16629.407999999999</v>
      </c>
      <c r="WUV52" s="7">
        <f t="shared" si="543"/>
        <v>16629.407999999999</v>
      </c>
      <c r="WUW52" s="7">
        <f t="shared" si="543"/>
        <v>16629.407999999999</v>
      </c>
      <c r="WUX52" s="7">
        <f t="shared" si="543"/>
        <v>16629.407999999999</v>
      </c>
      <c r="WUY52" s="7">
        <f t="shared" si="543"/>
        <v>16629.407999999999</v>
      </c>
      <c r="WUZ52" s="7">
        <f t="shared" si="543"/>
        <v>16629.407999999999</v>
      </c>
      <c r="WVA52" s="7">
        <f t="shared" si="543"/>
        <v>16629.407999999999</v>
      </c>
      <c r="WVB52" s="7">
        <f t="shared" si="543"/>
        <v>16629.407999999999</v>
      </c>
      <c r="WVC52" s="7">
        <f t="shared" si="543"/>
        <v>16629.407999999999</v>
      </c>
      <c r="WVD52" s="7">
        <f t="shared" si="543"/>
        <v>16629.407999999999</v>
      </c>
      <c r="WVE52" s="7">
        <f t="shared" si="543"/>
        <v>16629.407999999999</v>
      </c>
      <c r="WVF52" s="7">
        <f t="shared" si="543"/>
        <v>16629.407999999999</v>
      </c>
      <c r="WVG52" s="7">
        <f t="shared" si="543"/>
        <v>16629.407999999999</v>
      </c>
      <c r="WVH52" s="7">
        <f t="shared" si="543"/>
        <v>16629.407999999999</v>
      </c>
      <c r="WVI52" s="7">
        <f t="shared" si="543"/>
        <v>16629.407999999999</v>
      </c>
      <c r="WVJ52" s="7">
        <f t="shared" si="543"/>
        <v>16629.407999999999</v>
      </c>
      <c r="WVK52" s="7">
        <f t="shared" si="543"/>
        <v>16629.407999999999</v>
      </c>
      <c r="WVL52" s="7">
        <f t="shared" si="543"/>
        <v>16629.407999999999</v>
      </c>
      <c r="WVM52" s="7">
        <f t="shared" si="543"/>
        <v>16629.407999999999</v>
      </c>
      <c r="WVN52" s="7">
        <f t="shared" si="543"/>
        <v>16629.407999999999</v>
      </c>
      <c r="WVO52" s="7">
        <f t="shared" si="543"/>
        <v>16629.407999999999</v>
      </c>
      <c r="WVP52" s="7">
        <f t="shared" si="543"/>
        <v>16629.407999999999</v>
      </c>
      <c r="WVQ52" s="7">
        <f t="shared" si="543"/>
        <v>16629.407999999999</v>
      </c>
      <c r="WVR52" s="7">
        <f t="shared" ref="WVR52:WYC52" si="544">WVR47+WVQ52</f>
        <v>16629.407999999999</v>
      </c>
      <c r="WVS52" s="7">
        <f t="shared" si="544"/>
        <v>16629.407999999999</v>
      </c>
      <c r="WVT52" s="7">
        <f t="shared" si="544"/>
        <v>16629.407999999999</v>
      </c>
      <c r="WVU52" s="7">
        <f t="shared" si="544"/>
        <v>16629.407999999999</v>
      </c>
      <c r="WVV52" s="7">
        <f t="shared" si="544"/>
        <v>16629.407999999999</v>
      </c>
      <c r="WVW52" s="7">
        <f t="shared" si="544"/>
        <v>16629.407999999999</v>
      </c>
      <c r="WVX52" s="7">
        <f t="shared" si="544"/>
        <v>16629.407999999999</v>
      </c>
      <c r="WVY52" s="7">
        <f t="shared" si="544"/>
        <v>16629.407999999999</v>
      </c>
      <c r="WVZ52" s="7">
        <f t="shared" si="544"/>
        <v>16629.407999999999</v>
      </c>
      <c r="WWA52" s="7">
        <f t="shared" si="544"/>
        <v>16629.407999999999</v>
      </c>
      <c r="WWB52" s="7">
        <f t="shared" si="544"/>
        <v>16629.407999999999</v>
      </c>
      <c r="WWC52" s="7">
        <f t="shared" si="544"/>
        <v>16629.407999999999</v>
      </c>
      <c r="WWD52" s="7">
        <f t="shared" si="544"/>
        <v>16629.407999999999</v>
      </c>
      <c r="WWE52" s="7">
        <f t="shared" si="544"/>
        <v>16629.407999999999</v>
      </c>
      <c r="WWF52" s="7">
        <f t="shared" si="544"/>
        <v>16629.407999999999</v>
      </c>
      <c r="WWG52" s="7">
        <f t="shared" si="544"/>
        <v>16629.407999999999</v>
      </c>
      <c r="WWH52" s="7">
        <f t="shared" si="544"/>
        <v>16629.407999999999</v>
      </c>
      <c r="WWI52" s="7">
        <f t="shared" si="544"/>
        <v>16629.407999999999</v>
      </c>
      <c r="WWJ52" s="7">
        <f t="shared" si="544"/>
        <v>16629.407999999999</v>
      </c>
      <c r="WWK52" s="7">
        <f t="shared" si="544"/>
        <v>16629.407999999999</v>
      </c>
      <c r="WWL52" s="7">
        <f t="shared" si="544"/>
        <v>16629.407999999999</v>
      </c>
      <c r="WWM52" s="7">
        <f t="shared" si="544"/>
        <v>16629.407999999999</v>
      </c>
      <c r="WWN52" s="7">
        <f t="shared" si="544"/>
        <v>16629.407999999999</v>
      </c>
      <c r="WWO52" s="7">
        <f t="shared" si="544"/>
        <v>16629.407999999999</v>
      </c>
      <c r="WWP52" s="7">
        <f t="shared" si="544"/>
        <v>16629.407999999999</v>
      </c>
      <c r="WWQ52" s="7">
        <f t="shared" si="544"/>
        <v>16629.407999999999</v>
      </c>
      <c r="WWR52" s="7">
        <f t="shared" si="544"/>
        <v>16629.407999999999</v>
      </c>
      <c r="WWS52" s="7">
        <f t="shared" si="544"/>
        <v>16629.407999999999</v>
      </c>
      <c r="WWT52" s="7">
        <f t="shared" si="544"/>
        <v>16629.407999999999</v>
      </c>
      <c r="WWU52" s="7">
        <f t="shared" si="544"/>
        <v>16629.407999999999</v>
      </c>
      <c r="WWV52" s="7">
        <f t="shared" si="544"/>
        <v>16629.407999999999</v>
      </c>
      <c r="WWW52" s="7">
        <f t="shared" si="544"/>
        <v>16629.407999999999</v>
      </c>
      <c r="WWX52" s="7">
        <f t="shared" si="544"/>
        <v>16629.407999999999</v>
      </c>
      <c r="WWY52" s="7">
        <f t="shared" si="544"/>
        <v>16629.407999999999</v>
      </c>
      <c r="WWZ52" s="7">
        <f t="shared" si="544"/>
        <v>16629.407999999999</v>
      </c>
      <c r="WXA52" s="7">
        <f t="shared" si="544"/>
        <v>16629.407999999999</v>
      </c>
      <c r="WXB52" s="7">
        <f t="shared" si="544"/>
        <v>16629.407999999999</v>
      </c>
      <c r="WXC52" s="7">
        <f t="shared" si="544"/>
        <v>16629.407999999999</v>
      </c>
      <c r="WXD52" s="7">
        <f t="shared" si="544"/>
        <v>16629.407999999999</v>
      </c>
      <c r="WXE52" s="7">
        <f t="shared" si="544"/>
        <v>16629.407999999999</v>
      </c>
      <c r="WXF52" s="7">
        <f t="shared" si="544"/>
        <v>16629.407999999999</v>
      </c>
      <c r="WXG52" s="7">
        <f t="shared" si="544"/>
        <v>16629.407999999999</v>
      </c>
      <c r="WXH52" s="7">
        <f t="shared" si="544"/>
        <v>16629.407999999999</v>
      </c>
      <c r="WXI52" s="7">
        <f t="shared" si="544"/>
        <v>16629.407999999999</v>
      </c>
      <c r="WXJ52" s="7">
        <f t="shared" si="544"/>
        <v>16629.407999999999</v>
      </c>
      <c r="WXK52" s="7">
        <f t="shared" si="544"/>
        <v>16629.407999999999</v>
      </c>
      <c r="WXL52" s="7">
        <f t="shared" si="544"/>
        <v>16629.407999999999</v>
      </c>
      <c r="WXM52" s="7">
        <f t="shared" si="544"/>
        <v>16629.407999999999</v>
      </c>
      <c r="WXN52" s="7">
        <f t="shared" si="544"/>
        <v>16629.407999999999</v>
      </c>
      <c r="WXO52" s="7">
        <f t="shared" si="544"/>
        <v>16629.407999999999</v>
      </c>
      <c r="WXP52" s="7">
        <f t="shared" si="544"/>
        <v>16629.407999999999</v>
      </c>
      <c r="WXQ52" s="7">
        <f t="shared" si="544"/>
        <v>16629.407999999999</v>
      </c>
      <c r="WXR52" s="7">
        <f t="shared" si="544"/>
        <v>16629.407999999999</v>
      </c>
      <c r="WXS52" s="7">
        <f t="shared" si="544"/>
        <v>16629.407999999999</v>
      </c>
      <c r="WXT52" s="7">
        <f t="shared" si="544"/>
        <v>16629.407999999999</v>
      </c>
      <c r="WXU52" s="7">
        <f t="shared" si="544"/>
        <v>16629.407999999999</v>
      </c>
      <c r="WXV52" s="7">
        <f t="shared" si="544"/>
        <v>16629.407999999999</v>
      </c>
      <c r="WXW52" s="7">
        <f t="shared" si="544"/>
        <v>16629.407999999999</v>
      </c>
      <c r="WXX52" s="7">
        <f t="shared" si="544"/>
        <v>16629.407999999999</v>
      </c>
      <c r="WXY52" s="7">
        <f t="shared" si="544"/>
        <v>16629.407999999999</v>
      </c>
      <c r="WXZ52" s="7">
        <f t="shared" si="544"/>
        <v>16629.407999999999</v>
      </c>
      <c r="WYA52" s="7">
        <f t="shared" si="544"/>
        <v>16629.407999999999</v>
      </c>
      <c r="WYB52" s="7">
        <f t="shared" si="544"/>
        <v>16629.407999999999</v>
      </c>
      <c r="WYC52" s="7">
        <f t="shared" si="544"/>
        <v>16629.407999999999</v>
      </c>
      <c r="WYD52" s="7">
        <f t="shared" ref="WYD52:XAO52" si="545">WYD47+WYC52</f>
        <v>16629.407999999999</v>
      </c>
      <c r="WYE52" s="7">
        <f t="shared" si="545"/>
        <v>16629.407999999999</v>
      </c>
      <c r="WYF52" s="7">
        <f t="shared" si="545"/>
        <v>16629.407999999999</v>
      </c>
      <c r="WYG52" s="7">
        <f t="shared" si="545"/>
        <v>16629.407999999999</v>
      </c>
      <c r="WYH52" s="7">
        <f t="shared" si="545"/>
        <v>16629.407999999999</v>
      </c>
      <c r="WYI52" s="7">
        <f t="shared" si="545"/>
        <v>16629.407999999999</v>
      </c>
      <c r="WYJ52" s="7">
        <f t="shared" si="545"/>
        <v>16629.407999999999</v>
      </c>
      <c r="WYK52" s="7">
        <f t="shared" si="545"/>
        <v>16629.407999999999</v>
      </c>
      <c r="WYL52" s="7">
        <f t="shared" si="545"/>
        <v>16629.407999999999</v>
      </c>
      <c r="WYM52" s="7">
        <f t="shared" si="545"/>
        <v>16629.407999999999</v>
      </c>
      <c r="WYN52" s="7">
        <f t="shared" si="545"/>
        <v>16629.407999999999</v>
      </c>
      <c r="WYO52" s="7">
        <f t="shared" si="545"/>
        <v>16629.407999999999</v>
      </c>
      <c r="WYP52" s="7">
        <f t="shared" si="545"/>
        <v>16629.407999999999</v>
      </c>
      <c r="WYQ52" s="7">
        <f t="shared" si="545"/>
        <v>16629.407999999999</v>
      </c>
      <c r="WYR52" s="7">
        <f t="shared" si="545"/>
        <v>16629.407999999999</v>
      </c>
      <c r="WYS52" s="7">
        <f t="shared" si="545"/>
        <v>16629.407999999999</v>
      </c>
      <c r="WYT52" s="7">
        <f t="shared" si="545"/>
        <v>16629.407999999999</v>
      </c>
      <c r="WYU52" s="7">
        <f t="shared" si="545"/>
        <v>16629.407999999999</v>
      </c>
      <c r="WYV52" s="7">
        <f t="shared" si="545"/>
        <v>16629.407999999999</v>
      </c>
      <c r="WYW52" s="7">
        <f t="shared" si="545"/>
        <v>16629.407999999999</v>
      </c>
      <c r="WYX52" s="7">
        <f t="shared" si="545"/>
        <v>16629.407999999999</v>
      </c>
      <c r="WYY52" s="7">
        <f t="shared" si="545"/>
        <v>16629.407999999999</v>
      </c>
      <c r="WYZ52" s="7">
        <f t="shared" si="545"/>
        <v>16629.407999999999</v>
      </c>
      <c r="WZA52" s="7">
        <f t="shared" si="545"/>
        <v>16629.407999999999</v>
      </c>
      <c r="WZB52" s="7">
        <f t="shared" si="545"/>
        <v>16629.407999999999</v>
      </c>
      <c r="WZC52" s="7">
        <f t="shared" si="545"/>
        <v>16629.407999999999</v>
      </c>
      <c r="WZD52" s="7">
        <f t="shared" si="545"/>
        <v>16629.407999999999</v>
      </c>
      <c r="WZE52" s="7">
        <f t="shared" si="545"/>
        <v>16629.407999999999</v>
      </c>
      <c r="WZF52" s="7">
        <f t="shared" si="545"/>
        <v>16629.407999999999</v>
      </c>
      <c r="WZG52" s="7">
        <f t="shared" si="545"/>
        <v>16629.407999999999</v>
      </c>
      <c r="WZH52" s="7">
        <f t="shared" si="545"/>
        <v>16629.407999999999</v>
      </c>
      <c r="WZI52" s="7">
        <f t="shared" si="545"/>
        <v>16629.407999999999</v>
      </c>
      <c r="WZJ52" s="7">
        <f t="shared" si="545"/>
        <v>16629.407999999999</v>
      </c>
      <c r="WZK52" s="7">
        <f t="shared" si="545"/>
        <v>16629.407999999999</v>
      </c>
      <c r="WZL52" s="7">
        <f t="shared" si="545"/>
        <v>16629.407999999999</v>
      </c>
      <c r="WZM52" s="7">
        <f t="shared" si="545"/>
        <v>16629.407999999999</v>
      </c>
      <c r="WZN52" s="7">
        <f t="shared" si="545"/>
        <v>16629.407999999999</v>
      </c>
      <c r="WZO52" s="7">
        <f t="shared" si="545"/>
        <v>16629.407999999999</v>
      </c>
      <c r="WZP52" s="7">
        <f t="shared" si="545"/>
        <v>16629.407999999999</v>
      </c>
      <c r="WZQ52" s="7">
        <f t="shared" si="545"/>
        <v>16629.407999999999</v>
      </c>
      <c r="WZR52" s="7">
        <f t="shared" si="545"/>
        <v>16629.407999999999</v>
      </c>
      <c r="WZS52" s="7">
        <f t="shared" si="545"/>
        <v>16629.407999999999</v>
      </c>
      <c r="WZT52" s="7">
        <f t="shared" si="545"/>
        <v>16629.407999999999</v>
      </c>
      <c r="WZU52" s="7">
        <f t="shared" si="545"/>
        <v>16629.407999999999</v>
      </c>
      <c r="WZV52" s="7">
        <f t="shared" si="545"/>
        <v>16629.407999999999</v>
      </c>
      <c r="WZW52" s="7">
        <f t="shared" si="545"/>
        <v>16629.407999999999</v>
      </c>
      <c r="WZX52" s="7">
        <f t="shared" si="545"/>
        <v>16629.407999999999</v>
      </c>
      <c r="WZY52" s="7">
        <f t="shared" si="545"/>
        <v>16629.407999999999</v>
      </c>
      <c r="WZZ52" s="7">
        <f t="shared" si="545"/>
        <v>16629.407999999999</v>
      </c>
      <c r="XAA52" s="7">
        <f t="shared" si="545"/>
        <v>16629.407999999999</v>
      </c>
      <c r="XAB52" s="7">
        <f t="shared" si="545"/>
        <v>16629.407999999999</v>
      </c>
      <c r="XAC52" s="7">
        <f t="shared" si="545"/>
        <v>16629.407999999999</v>
      </c>
      <c r="XAD52" s="7">
        <f t="shared" si="545"/>
        <v>16629.407999999999</v>
      </c>
      <c r="XAE52" s="7">
        <f t="shared" si="545"/>
        <v>16629.407999999999</v>
      </c>
      <c r="XAF52" s="7">
        <f t="shared" si="545"/>
        <v>16629.407999999999</v>
      </c>
      <c r="XAG52" s="7">
        <f t="shared" si="545"/>
        <v>16629.407999999999</v>
      </c>
      <c r="XAH52" s="7">
        <f t="shared" si="545"/>
        <v>16629.407999999999</v>
      </c>
      <c r="XAI52" s="7">
        <f t="shared" si="545"/>
        <v>16629.407999999999</v>
      </c>
      <c r="XAJ52" s="7">
        <f t="shared" si="545"/>
        <v>16629.407999999999</v>
      </c>
      <c r="XAK52" s="7">
        <f t="shared" si="545"/>
        <v>16629.407999999999</v>
      </c>
      <c r="XAL52" s="7">
        <f t="shared" si="545"/>
        <v>16629.407999999999</v>
      </c>
      <c r="XAM52" s="7">
        <f t="shared" si="545"/>
        <v>16629.407999999999</v>
      </c>
      <c r="XAN52" s="7">
        <f t="shared" si="545"/>
        <v>16629.407999999999</v>
      </c>
      <c r="XAO52" s="7">
        <f t="shared" si="545"/>
        <v>16629.407999999999</v>
      </c>
      <c r="XAP52" s="7">
        <f t="shared" ref="XAP52:XDA52" si="546">XAP47+XAO52</f>
        <v>16629.407999999999</v>
      </c>
      <c r="XAQ52" s="7">
        <f t="shared" si="546"/>
        <v>16629.407999999999</v>
      </c>
      <c r="XAR52" s="7">
        <f t="shared" si="546"/>
        <v>16629.407999999999</v>
      </c>
      <c r="XAS52" s="7">
        <f t="shared" si="546"/>
        <v>16629.407999999999</v>
      </c>
      <c r="XAT52" s="7">
        <f t="shared" si="546"/>
        <v>16629.407999999999</v>
      </c>
      <c r="XAU52" s="7">
        <f t="shared" si="546"/>
        <v>16629.407999999999</v>
      </c>
      <c r="XAV52" s="7">
        <f t="shared" si="546"/>
        <v>16629.407999999999</v>
      </c>
      <c r="XAW52" s="7">
        <f t="shared" si="546"/>
        <v>16629.407999999999</v>
      </c>
      <c r="XAX52" s="7">
        <f t="shared" si="546"/>
        <v>16629.407999999999</v>
      </c>
      <c r="XAY52" s="7">
        <f t="shared" si="546"/>
        <v>16629.407999999999</v>
      </c>
      <c r="XAZ52" s="7">
        <f t="shared" si="546"/>
        <v>16629.407999999999</v>
      </c>
      <c r="XBA52" s="7">
        <f t="shared" si="546"/>
        <v>16629.407999999999</v>
      </c>
      <c r="XBB52" s="7">
        <f t="shared" si="546"/>
        <v>16629.407999999999</v>
      </c>
      <c r="XBC52" s="7">
        <f t="shared" si="546"/>
        <v>16629.407999999999</v>
      </c>
      <c r="XBD52" s="7">
        <f t="shared" si="546"/>
        <v>16629.407999999999</v>
      </c>
      <c r="XBE52" s="7">
        <f t="shared" si="546"/>
        <v>16629.407999999999</v>
      </c>
      <c r="XBF52" s="7">
        <f t="shared" si="546"/>
        <v>16629.407999999999</v>
      </c>
      <c r="XBG52" s="7">
        <f t="shared" si="546"/>
        <v>16629.407999999999</v>
      </c>
      <c r="XBH52" s="7">
        <f t="shared" si="546"/>
        <v>16629.407999999999</v>
      </c>
      <c r="XBI52" s="7">
        <f t="shared" si="546"/>
        <v>16629.407999999999</v>
      </c>
      <c r="XBJ52" s="7">
        <f t="shared" si="546"/>
        <v>16629.407999999999</v>
      </c>
      <c r="XBK52" s="7">
        <f t="shared" si="546"/>
        <v>16629.407999999999</v>
      </c>
      <c r="XBL52" s="7">
        <f t="shared" si="546"/>
        <v>16629.407999999999</v>
      </c>
      <c r="XBM52" s="7">
        <f t="shared" si="546"/>
        <v>16629.407999999999</v>
      </c>
      <c r="XBN52" s="7">
        <f t="shared" si="546"/>
        <v>16629.407999999999</v>
      </c>
      <c r="XBO52" s="7">
        <f t="shared" si="546"/>
        <v>16629.407999999999</v>
      </c>
      <c r="XBP52" s="7">
        <f t="shared" si="546"/>
        <v>16629.407999999999</v>
      </c>
      <c r="XBQ52" s="7">
        <f t="shared" si="546"/>
        <v>16629.407999999999</v>
      </c>
      <c r="XBR52" s="7">
        <f t="shared" si="546"/>
        <v>16629.407999999999</v>
      </c>
      <c r="XBS52" s="7">
        <f t="shared" si="546"/>
        <v>16629.407999999999</v>
      </c>
      <c r="XBT52" s="7">
        <f t="shared" si="546"/>
        <v>16629.407999999999</v>
      </c>
      <c r="XBU52" s="7">
        <f t="shared" si="546"/>
        <v>16629.407999999999</v>
      </c>
      <c r="XBV52" s="7">
        <f t="shared" si="546"/>
        <v>16629.407999999999</v>
      </c>
      <c r="XBW52" s="7">
        <f t="shared" si="546"/>
        <v>16629.407999999999</v>
      </c>
      <c r="XBX52" s="7">
        <f t="shared" si="546"/>
        <v>16629.407999999999</v>
      </c>
      <c r="XBY52" s="7">
        <f t="shared" si="546"/>
        <v>16629.407999999999</v>
      </c>
      <c r="XBZ52" s="7">
        <f t="shared" si="546"/>
        <v>16629.407999999999</v>
      </c>
      <c r="XCA52" s="7">
        <f t="shared" si="546"/>
        <v>16629.407999999999</v>
      </c>
      <c r="XCB52" s="7">
        <f t="shared" si="546"/>
        <v>16629.407999999999</v>
      </c>
      <c r="XCC52" s="7">
        <f t="shared" si="546"/>
        <v>16629.407999999999</v>
      </c>
      <c r="XCD52" s="7">
        <f t="shared" si="546"/>
        <v>16629.407999999999</v>
      </c>
      <c r="XCE52" s="7">
        <f t="shared" si="546"/>
        <v>16629.407999999999</v>
      </c>
      <c r="XCF52" s="7">
        <f t="shared" si="546"/>
        <v>16629.407999999999</v>
      </c>
      <c r="XCG52" s="7">
        <f t="shared" si="546"/>
        <v>16629.407999999999</v>
      </c>
      <c r="XCH52" s="7">
        <f t="shared" si="546"/>
        <v>16629.407999999999</v>
      </c>
      <c r="XCI52" s="7">
        <f t="shared" si="546"/>
        <v>16629.407999999999</v>
      </c>
      <c r="XCJ52" s="7">
        <f t="shared" si="546"/>
        <v>16629.407999999999</v>
      </c>
      <c r="XCK52" s="7">
        <f t="shared" si="546"/>
        <v>16629.407999999999</v>
      </c>
      <c r="XCL52" s="7">
        <f t="shared" si="546"/>
        <v>16629.407999999999</v>
      </c>
      <c r="XCM52" s="7">
        <f t="shared" si="546"/>
        <v>16629.407999999999</v>
      </c>
      <c r="XCN52" s="7">
        <f t="shared" si="546"/>
        <v>16629.407999999999</v>
      </c>
      <c r="XCO52" s="7">
        <f t="shared" si="546"/>
        <v>16629.407999999999</v>
      </c>
      <c r="XCP52" s="7">
        <f t="shared" si="546"/>
        <v>16629.407999999999</v>
      </c>
      <c r="XCQ52" s="7">
        <f t="shared" si="546"/>
        <v>16629.407999999999</v>
      </c>
      <c r="XCR52" s="7">
        <f t="shared" si="546"/>
        <v>16629.407999999999</v>
      </c>
      <c r="XCS52" s="7">
        <f t="shared" si="546"/>
        <v>16629.407999999999</v>
      </c>
      <c r="XCT52" s="7">
        <f t="shared" si="546"/>
        <v>16629.407999999999</v>
      </c>
      <c r="XCU52" s="7">
        <f t="shared" si="546"/>
        <v>16629.407999999999</v>
      </c>
      <c r="XCV52" s="7">
        <f t="shared" si="546"/>
        <v>16629.407999999999</v>
      </c>
      <c r="XCW52" s="7">
        <f t="shared" si="546"/>
        <v>16629.407999999999</v>
      </c>
      <c r="XCX52" s="7">
        <f t="shared" si="546"/>
        <v>16629.407999999999</v>
      </c>
      <c r="XCY52" s="7">
        <f t="shared" si="546"/>
        <v>16629.407999999999</v>
      </c>
      <c r="XCZ52" s="7">
        <f t="shared" si="546"/>
        <v>16629.407999999999</v>
      </c>
      <c r="XDA52" s="7">
        <f t="shared" si="546"/>
        <v>16629.407999999999</v>
      </c>
      <c r="XDB52" s="7">
        <f t="shared" ref="XDB52:XFD52" si="547">XDB47+XDA52</f>
        <v>16629.407999999999</v>
      </c>
      <c r="XDC52" s="7">
        <f t="shared" si="547"/>
        <v>16629.407999999999</v>
      </c>
      <c r="XDD52" s="7">
        <f t="shared" si="547"/>
        <v>16629.407999999999</v>
      </c>
      <c r="XDE52" s="7">
        <f t="shared" si="547"/>
        <v>16629.407999999999</v>
      </c>
      <c r="XDF52" s="7">
        <f t="shared" si="547"/>
        <v>16629.407999999999</v>
      </c>
      <c r="XDG52" s="7">
        <f t="shared" si="547"/>
        <v>16629.407999999999</v>
      </c>
      <c r="XDH52" s="7">
        <f t="shared" si="547"/>
        <v>16629.407999999999</v>
      </c>
      <c r="XDI52" s="7">
        <f t="shared" si="547"/>
        <v>16629.407999999999</v>
      </c>
      <c r="XDJ52" s="7">
        <f t="shared" si="547"/>
        <v>16629.407999999999</v>
      </c>
      <c r="XDK52" s="7">
        <f t="shared" si="547"/>
        <v>16629.407999999999</v>
      </c>
      <c r="XDL52" s="7">
        <f t="shared" si="547"/>
        <v>16629.407999999999</v>
      </c>
      <c r="XDM52" s="7">
        <f t="shared" si="547"/>
        <v>16629.407999999999</v>
      </c>
      <c r="XDN52" s="7">
        <f t="shared" si="547"/>
        <v>16629.407999999999</v>
      </c>
      <c r="XDO52" s="7">
        <f t="shared" si="547"/>
        <v>16629.407999999999</v>
      </c>
      <c r="XDP52" s="7">
        <f t="shared" si="547"/>
        <v>16629.407999999999</v>
      </c>
      <c r="XDQ52" s="7">
        <f t="shared" si="547"/>
        <v>16629.407999999999</v>
      </c>
      <c r="XDR52" s="7">
        <f t="shared" si="547"/>
        <v>16629.407999999999</v>
      </c>
      <c r="XDS52" s="7">
        <f t="shared" si="547"/>
        <v>16629.407999999999</v>
      </c>
      <c r="XDT52" s="7">
        <f t="shared" si="547"/>
        <v>16629.407999999999</v>
      </c>
      <c r="XDU52" s="7">
        <f t="shared" si="547"/>
        <v>16629.407999999999</v>
      </c>
      <c r="XDV52" s="7">
        <f t="shared" si="547"/>
        <v>16629.407999999999</v>
      </c>
      <c r="XDW52" s="7">
        <f t="shared" si="547"/>
        <v>16629.407999999999</v>
      </c>
      <c r="XDX52" s="7">
        <f t="shared" si="547"/>
        <v>16629.407999999999</v>
      </c>
      <c r="XDY52" s="7">
        <f t="shared" si="547"/>
        <v>16629.407999999999</v>
      </c>
      <c r="XDZ52" s="7">
        <f t="shared" si="547"/>
        <v>16629.407999999999</v>
      </c>
      <c r="XEA52" s="7">
        <f t="shared" si="547"/>
        <v>16629.407999999999</v>
      </c>
      <c r="XEB52" s="7">
        <f t="shared" si="547"/>
        <v>16629.407999999999</v>
      </c>
      <c r="XEC52" s="7">
        <f t="shared" si="547"/>
        <v>16629.407999999999</v>
      </c>
      <c r="XED52" s="7">
        <f t="shared" si="547"/>
        <v>16629.407999999999</v>
      </c>
      <c r="XEE52" s="7">
        <f t="shared" si="547"/>
        <v>16629.407999999999</v>
      </c>
      <c r="XEF52" s="7">
        <f t="shared" si="547"/>
        <v>16629.407999999999</v>
      </c>
      <c r="XEG52" s="7">
        <f t="shared" si="547"/>
        <v>16629.407999999999</v>
      </c>
      <c r="XEH52" s="7">
        <f t="shared" si="547"/>
        <v>16629.407999999999</v>
      </c>
      <c r="XEI52" s="7">
        <f t="shared" si="547"/>
        <v>16629.407999999999</v>
      </c>
      <c r="XEJ52" s="7">
        <f t="shared" si="547"/>
        <v>16629.407999999999</v>
      </c>
      <c r="XEK52" s="7">
        <f t="shared" si="547"/>
        <v>16629.407999999999</v>
      </c>
      <c r="XEL52" s="7">
        <f t="shared" si="547"/>
        <v>16629.407999999999</v>
      </c>
      <c r="XEM52" s="7">
        <f t="shared" si="547"/>
        <v>16629.407999999999</v>
      </c>
      <c r="XEN52" s="7">
        <f t="shared" si="547"/>
        <v>16629.407999999999</v>
      </c>
      <c r="XEO52" s="7">
        <f t="shared" si="547"/>
        <v>16629.407999999999</v>
      </c>
      <c r="XEP52" s="7">
        <f t="shared" si="547"/>
        <v>16629.407999999999</v>
      </c>
      <c r="XEQ52" s="7">
        <f t="shared" si="547"/>
        <v>16629.407999999999</v>
      </c>
      <c r="XER52" s="7">
        <f t="shared" si="547"/>
        <v>16629.407999999999</v>
      </c>
      <c r="XES52" s="7">
        <f t="shared" si="547"/>
        <v>16629.407999999999</v>
      </c>
      <c r="XET52" s="7">
        <f t="shared" si="547"/>
        <v>16629.407999999999</v>
      </c>
      <c r="XEU52" s="7">
        <f t="shared" si="547"/>
        <v>16629.407999999999</v>
      </c>
      <c r="XEV52" s="7">
        <f t="shared" si="547"/>
        <v>16629.407999999999</v>
      </c>
      <c r="XEW52" s="7">
        <f t="shared" si="547"/>
        <v>16629.407999999999</v>
      </c>
      <c r="XEX52" s="7">
        <f t="shared" si="547"/>
        <v>16629.407999999999</v>
      </c>
      <c r="XEY52" s="7">
        <f t="shared" si="547"/>
        <v>16629.407999999999</v>
      </c>
      <c r="XEZ52" s="7">
        <f t="shared" si="547"/>
        <v>16629.407999999999</v>
      </c>
      <c r="XFA52" s="7">
        <f t="shared" si="547"/>
        <v>16629.407999999999</v>
      </c>
      <c r="XFB52" s="7">
        <f t="shared" si="547"/>
        <v>16629.407999999999</v>
      </c>
      <c r="XFC52" s="7">
        <f t="shared" si="547"/>
        <v>16629.407999999999</v>
      </c>
      <c r="XFD52" s="7">
        <f t="shared" si="547"/>
        <v>16629.407999999999</v>
      </c>
    </row>
    <row r="53" spans="5:16384">
      <c r="E53" s="4" t="s">
        <v>32</v>
      </c>
      <c r="F53" s="4" t="s">
        <v>26</v>
      </c>
      <c r="H53" s="7">
        <f t="shared" si="289"/>
        <v>291429.26250000001</v>
      </c>
      <c r="J53" s="7">
        <f t="shared" ref="J53:BU53" si="548">J48+I53</f>
        <v>465.40500000000003</v>
      </c>
      <c r="K53" s="7">
        <f t="shared" si="548"/>
        <v>1375.8025</v>
      </c>
      <c r="L53" s="7">
        <f t="shared" si="548"/>
        <v>2257.6224999999999</v>
      </c>
      <c r="M53" s="7">
        <f t="shared" si="548"/>
        <v>3110.8650000000002</v>
      </c>
      <c r="N53" s="7">
        <f t="shared" si="548"/>
        <v>3931.4475000000002</v>
      </c>
      <c r="O53" s="7">
        <f t="shared" si="548"/>
        <v>4719.37</v>
      </c>
      <c r="P53" s="7">
        <f t="shared" si="548"/>
        <v>5103.125</v>
      </c>
      <c r="Q53" s="7">
        <f t="shared" si="548"/>
        <v>5103.125</v>
      </c>
      <c r="R53" s="7">
        <f t="shared" si="548"/>
        <v>5103.125</v>
      </c>
      <c r="S53" s="7">
        <f t="shared" si="548"/>
        <v>5103.125</v>
      </c>
      <c r="T53" s="7">
        <f t="shared" si="548"/>
        <v>5103.125</v>
      </c>
      <c r="U53" s="7">
        <f t="shared" si="548"/>
        <v>5103.125</v>
      </c>
      <c r="V53" s="7">
        <f t="shared" si="548"/>
        <v>5103.125</v>
      </c>
      <c r="W53" s="7">
        <f t="shared" si="548"/>
        <v>5103.125</v>
      </c>
      <c r="X53" s="7">
        <f t="shared" si="548"/>
        <v>5103.125</v>
      </c>
      <c r="Y53" s="7">
        <f t="shared" si="548"/>
        <v>5103.125</v>
      </c>
      <c r="Z53" s="7">
        <f t="shared" si="548"/>
        <v>5103.125</v>
      </c>
      <c r="AA53" s="7">
        <f t="shared" si="548"/>
        <v>5103.125</v>
      </c>
      <c r="AB53" s="7">
        <f t="shared" si="548"/>
        <v>5103.125</v>
      </c>
      <c r="AC53" s="7">
        <f t="shared" si="548"/>
        <v>5103.125</v>
      </c>
      <c r="AD53" s="7">
        <f t="shared" si="548"/>
        <v>5103.125</v>
      </c>
      <c r="AE53" s="7">
        <f t="shared" si="548"/>
        <v>5103.125</v>
      </c>
      <c r="AF53" s="7">
        <f t="shared" si="548"/>
        <v>5103.125</v>
      </c>
      <c r="AG53" s="7">
        <f t="shared" si="548"/>
        <v>5103.125</v>
      </c>
      <c r="AH53" s="7">
        <f t="shared" si="548"/>
        <v>5103.125</v>
      </c>
      <c r="AI53" s="7">
        <f t="shared" si="548"/>
        <v>5103.125</v>
      </c>
      <c r="AJ53" s="7">
        <f t="shared" si="548"/>
        <v>5103.125</v>
      </c>
      <c r="AK53" s="7">
        <f t="shared" si="548"/>
        <v>5103.125</v>
      </c>
      <c r="AL53" s="7">
        <f t="shared" si="548"/>
        <v>5103.125</v>
      </c>
      <c r="AM53" s="7">
        <f t="shared" si="548"/>
        <v>5103.125</v>
      </c>
      <c r="AN53" s="7">
        <f t="shared" si="548"/>
        <v>5103.125</v>
      </c>
      <c r="AO53" s="7">
        <f t="shared" si="548"/>
        <v>5103.125</v>
      </c>
      <c r="AP53" s="7">
        <f t="shared" si="548"/>
        <v>5103.125</v>
      </c>
      <c r="AQ53" s="7">
        <f t="shared" si="548"/>
        <v>5103.125</v>
      </c>
      <c r="AR53" s="7">
        <f t="shared" si="548"/>
        <v>5103.125</v>
      </c>
      <c r="AS53" s="7">
        <f t="shared" si="548"/>
        <v>5103.125</v>
      </c>
      <c r="AT53" s="7">
        <f t="shared" si="548"/>
        <v>5103.125</v>
      </c>
      <c r="AU53" s="7">
        <f t="shared" si="548"/>
        <v>5103.125</v>
      </c>
      <c r="AV53" s="7">
        <f t="shared" si="548"/>
        <v>5103.125</v>
      </c>
      <c r="AW53" s="7">
        <f t="shared" si="548"/>
        <v>5103.125</v>
      </c>
      <c r="AX53" s="7">
        <f t="shared" si="548"/>
        <v>5103.125</v>
      </c>
      <c r="AY53" s="7">
        <f t="shared" si="548"/>
        <v>5103.125</v>
      </c>
      <c r="AZ53" s="7">
        <f t="shared" si="548"/>
        <v>5103.125</v>
      </c>
      <c r="BA53" s="7">
        <f t="shared" si="548"/>
        <v>5103.125</v>
      </c>
      <c r="BB53" s="7">
        <f t="shared" si="548"/>
        <v>5103.125</v>
      </c>
      <c r="BC53" s="7">
        <f t="shared" si="548"/>
        <v>5103.125</v>
      </c>
      <c r="BD53" s="7">
        <f t="shared" si="548"/>
        <v>5103.125</v>
      </c>
      <c r="BE53" s="7">
        <f t="shared" si="548"/>
        <v>5103.125</v>
      </c>
      <c r="BF53" s="7">
        <f t="shared" si="548"/>
        <v>5103.125</v>
      </c>
      <c r="BG53" s="7">
        <f t="shared" si="548"/>
        <v>5103.125</v>
      </c>
      <c r="BH53" s="7">
        <f t="shared" si="548"/>
        <v>5103.125</v>
      </c>
      <c r="BI53" s="7">
        <f t="shared" si="548"/>
        <v>5103.125</v>
      </c>
      <c r="BJ53" s="7">
        <f t="shared" si="548"/>
        <v>5103.125</v>
      </c>
      <c r="BK53" s="7">
        <f t="shared" si="548"/>
        <v>5103.125</v>
      </c>
      <c r="BL53" s="7">
        <f t="shared" si="548"/>
        <v>5103.125</v>
      </c>
      <c r="BM53" s="7">
        <f t="shared" si="548"/>
        <v>5103.125</v>
      </c>
      <c r="BN53" s="7">
        <f t="shared" si="548"/>
        <v>5103.125</v>
      </c>
      <c r="BO53" s="7">
        <f t="shared" si="548"/>
        <v>5103.125</v>
      </c>
      <c r="BP53" s="7">
        <f t="shared" si="548"/>
        <v>5103.125</v>
      </c>
      <c r="BQ53" s="7">
        <f t="shared" si="548"/>
        <v>5103.125</v>
      </c>
      <c r="BR53" s="7">
        <f t="shared" si="548"/>
        <v>5103.125</v>
      </c>
      <c r="BS53" s="7">
        <f t="shared" si="548"/>
        <v>5103.125</v>
      </c>
      <c r="BT53" s="7">
        <f t="shared" si="548"/>
        <v>5103.125</v>
      </c>
      <c r="BU53" s="7">
        <f t="shared" si="548"/>
        <v>5103.125</v>
      </c>
      <c r="BV53" s="7">
        <f t="shared" ref="BV53:EG53" si="549">BV48+BU53</f>
        <v>5103.125</v>
      </c>
      <c r="BW53" s="7">
        <f t="shared" si="549"/>
        <v>5103.125</v>
      </c>
      <c r="BX53" s="7">
        <f t="shared" si="549"/>
        <v>5103.125</v>
      </c>
      <c r="BY53" s="7">
        <f t="shared" si="549"/>
        <v>5103.125</v>
      </c>
      <c r="BZ53" s="7">
        <f t="shared" si="549"/>
        <v>5103.125</v>
      </c>
      <c r="CA53" s="7">
        <f t="shared" si="549"/>
        <v>5103.125</v>
      </c>
      <c r="CB53" s="7">
        <f t="shared" si="549"/>
        <v>5103.125</v>
      </c>
      <c r="CC53" s="7">
        <f t="shared" si="549"/>
        <v>5103.125</v>
      </c>
      <c r="CD53" s="7">
        <f t="shared" si="549"/>
        <v>5103.125</v>
      </c>
      <c r="CE53" s="7">
        <f t="shared" si="549"/>
        <v>5103.125</v>
      </c>
      <c r="CF53" s="7">
        <f t="shared" si="549"/>
        <v>5103.125</v>
      </c>
      <c r="CG53" s="7">
        <f t="shared" si="549"/>
        <v>5103.125</v>
      </c>
      <c r="CH53" s="7">
        <f t="shared" si="549"/>
        <v>5103.125</v>
      </c>
      <c r="CI53" s="7">
        <f t="shared" si="549"/>
        <v>5103.125</v>
      </c>
      <c r="CJ53" s="7">
        <f t="shared" si="549"/>
        <v>5103.125</v>
      </c>
      <c r="CK53" s="7">
        <f t="shared" si="549"/>
        <v>5103.125</v>
      </c>
      <c r="CL53" s="7">
        <f t="shared" si="549"/>
        <v>5103.125</v>
      </c>
      <c r="CM53" s="7">
        <f t="shared" si="549"/>
        <v>5103.125</v>
      </c>
      <c r="CN53" s="7">
        <f t="shared" si="549"/>
        <v>5103.125</v>
      </c>
      <c r="CO53" s="7">
        <f t="shared" si="549"/>
        <v>5103.125</v>
      </c>
      <c r="CP53" s="7">
        <f t="shared" si="549"/>
        <v>5103.125</v>
      </c>
      <c r="CQ53" s="7">
        <f t="shared" si="549"/>
        <v>5103.125</v>
      </c>
      <c r="CR53" s="7">
        <f t="shared" si="549"/>
        <v>5103.125</v>
      </c>
      <c r="CS53" s="7">
        <f t="shared" si="549"/>
        <v>5103.125</v>
      </c>
      <c r="CT53" s="7">
        <f t="shared" si="549"/>
        <v>5103.125</v>
      </c>
      <c r="CU53" s="7">
        <f t="shared" si="549"/>
        <v>5103.125</v>
      </c>
      <c r="CV53" s="7">
        <f t="shared" si="549"/>
        <v>5103.125</v>
      </c>
      <c r="CW53" s="7">
        <f t="shared" si="549"/>
        <v>5103.125</v>
      </c>
      <c r="CX53" s="7">
        <f t="shared" si="549"/>
        <v>5103.125</v>
      </c>
      <c r="CY53" s="7">
        <f t="shared" si="549"/>
        <v>5103.125</v>
      </c>
      <c r="CZ53" s="7">
        <f t="shared" si="549"/>
        <v>5103.125</v>
      </c>
      <c r="DA53" s="7">
        <f t="shared" si="549"/>
        <v>5103.125</v>
      </c>
      <c r="DB53" s="7">
        <f t="shared" si="549"/>
        <v>5103.125</v>
      </c>
      <c r="DC53" s="7">
        <f t="shared" si="549"/>
        <v>5103.125</v>
      </c>
      <c r="DD53" s="7">
        <f t="shared" si="549"/>
        <v>5103.125</v>
      </c>
      <c r="DE53" s="7">
        <f t="shared" si="549"/>
        <v>5103.125</v>
      </c>
      <c r="DF53" s="7">
        <f t="shared" si="549"/>
        <v>5103.125</v>
      </c>
      <c r="DG53" s="7">
        <f t="shared" si="549"/>
        <v>5103.125</v>
      </c>
      <c r="DH53" s="7">
        <f t="shared" si="549"/>
        <v>5103.125</v>
      </c>
      <c r="DI53" s="7">
        <f t="shared" si="549"/>
        <v>5103.125</v>
      </c>
      <c r="DJ53" s="7">
        <f t="shared" si="549"/>
        <v>5103.125</v>
      </c>
      <c r="DK53" s="7">
        <f t="shared" si="549"/>
        <v>5103.125</v>
      </c>
      <c r="DL53" s="7">
        <f t="shared" si="549"/>
        <v>5103.125</v>
      </c>
      <c r="DM53" s="7">
        <f t="shared" si="549"/>
        <v>5103.125</v>
      </c>
      <c r="DN53" s="7">
        <f t="shared" si="549"/>
        <v>5103.125</v>
      </c>
      <c r="DO53" s="7">
        <f t="shared" si="549"/>
        <v>5103.125</v>
      </c>
      <c r="DP53" s="7">
        <f t="shared" si="549"/>
        <v>5103.125</v>
      </c>
      <c r="DQ53" s="7">
        <f t="shared" si="549"/>
        <v>5103.125</v>
      </c>
      <c r="DR53" s="7">
        <f t="shared" si="549"/>
        <v>5103.125</v>
      </c>
      <c r="DS53" s="7">
        <f t="shared" si="549"/>
        <v>5103.125</v>
      </c>
      <c r="DT53" s="7">
        <f t="shared" si="549"/>
        <v>5103.125</v>
      </c>
      <c r="DU53" s="7">
        <f t="shared" si="549"/>
        <v>5103.125</v>
      </c>
      <c r="DV53" s="7">
        <f t="shared" si="549"/>
        <v>5103.125</v>
      </c>
      <c r="DW53" s="7">
        <f t="shared" si="549"/>
        <v>5103.125</v>
      </c>
      <c r="DX53" s="7">
        <f t="shared" si="549"/>
        <v>5103.125</v>
      </c>
      <c r="DY53" s="7">
        <f t="shared" si="549"/>
        <v>5103.125</v>
      </c>
      <c r="DZ53" s="7">
        <f t="shared" si="549"/>
        <v>5103.125</v>
      </c>
      <c r="EA53" s="7">
        <f t="shared" si="549"/>
        <v>5103.125</v>
      </c>
      <c r="EB53" s="7">
        <f t="shared" si="549"/>
        <v>5103.125</v>
      </c>
      <c r="EC53" s="7">
        <f t="shared" si="549"/>
        <v>5103.125</v>
      </c>
      <c r="ED53" s="7">
        <f t="shared" si="549"/>
        <v>5103.125</v>
      </c>
      <c r="EE53" s="7">
        <f t="shared" si="549"/>
        <v>5103.125</v>
      </c>
      <c r="EF53" s="7">
        <f t="shared" si="549"/>
        <v>5103.125</v>
      </c>
      <c r="EG53" s="7">
        <f t="shared" si="549"/>
        <v>5103.125</v>
      </c>
      <c r="EH53" s="7">
        <f t="shared" ref="EH53:GS53" si="550">EH48+EG53</f>
        <v>5103.125</v>
      </c>
      <c r="EI53" s="7">
        <f t="shared" si="550"/>
        <v>5103.125</v>
      </c>
      <c r="EJ53" s="7">
        <f t="shared" si="550"/>
        <v>5103.125</v>
      </c>
      <c r="EK53" s="7">
        <f t="shared" si="550"/>
        <v>5103.125</v>
      </c>
      <c r="EL53" s="7">
        <f t="shared" si="550"/>
        <v>5103.125</v>
      </c>
      <c r="EM53" s="7">
        <f t="shared" si="550"/>
        <v>5103.125</v>
      </c>
      <c r="EN53" s="7">
        <f t="shared" si="550"/>
        <v>5103.125</v>
      </c>
      <c r="EO53" s="7">
        <f t="shared" si="550"/>
        <v>5103.125</v>
      </c>
      <c r="EP53" s="7">
        <f t="shared" si="550"/>
        <v>5103.125</v>
      </c>
      <c r="EQ53" s="7">
        <f t="shared" si="550"/>
        <v>5103.125</v>
      </c>
      <c r="ER53" s="7">
        <f t="shared" si="550"/>
        <v>5103.125</v>
      </c>
      <c r="ES53" s="7">
        <f t="shared" si="550"/>
        <v>5103.125</v>
      </c>
      <c r="ET53" s="7">
        <f t="shared" si="550"/>
        <v>5103.125</v>
      </c>
      <c r="EU53" s="7">
        <f t="shared" si="550"/>
        <v>5103.125</v>
      </c>
      <c r="EV53" s="7">
        <f t="shared" si="550"/>
        <v>5103.125</v>
      </c>
      <c r="EW53" s="7">
        <f t="shared" si="550"/>
        <v>5103.125</v>
      </c>
      <c r="EX53" s="7">
        <f t="shared" si="550"/>
        <v>5103.125</v>
      </c>
      <c r="EY53" s="7">
        <f t="shared" si="550"/>
        <v>5103.125</v>
      </c>
      <c r="EZ53" s="7">
        <f t="shared" si="550"/>
        <v>5103.125</v>
      </c>
      <c r="FA53" s="7">
        <f t="shared" si="550"/>
        <v>5103.125</v>
      </c>
      <c r="FB53" s="7">
        <f t="shared" si="550"/>
        <v>5103.125</v>
      </c>
      <c r="FC53" s="7">
        <f t="shared" si="550"/>
        <v>5103.125</v>
      </c>
      <c r="FD53" s="7">
        <f t="shared" si="550"/>
        <v>5103.125</v>
      </c>
      <c r="FE53" s="7">
        <f t="shared" si="550"/>
        <v>5103.125</v>
      </c>
      <c r="FF53" s="7">
        <f t="shared" si="550"/>
        <v>5103.125</v>
      </c>
      <c r="FG53" s="7">
        <f t="shared" si="550"/>
        <v>5103.125</v>
      </c>
      <c r="FH53" s="7">
        <f t="shared" si="550"/>
        <v>5103.125</v>
      </c>
      <c r="FI53" s="7">
        <f t="shared" si="550"/>
        <v>5103.125</v>
      </c>
      <c r="FJ53" s="7">
        <f t="shared" si="550"/>
        <v>5103.125</v>
      </c>
      <c r="FK53" s="7">
        <f t="shared" si="550"/>
        <v>5103.125</v>
      </c>
      <c r="FL53" s="7">
        <f t="shared" si="550"/>
        <v>5103.125</v>
      </c>
      <c r="FM53" s="7">
        <f t="shared" si="550"/>
        <v>5103.125</v>
      </c>
      <c r="FN53" s="7">
        <f t="shared" si="550"/>
        <v>5103.125</v>
      </c>
      <c r="FO53" s="7">
        <f t="shared" si="550"/>
        <v>5103.125</v>
      </c>
      <c r="FP53" s="7">
        <f t="shared" si="550"/>
        <v>5103.125</v>
      </c>
      <c r="FQ53" s="7">
        <f t="shared" si="550"/>
        <v>5103.125</v>
      </c>
      <c r="FR53" s="7">
        <f t="shared" si="550"/>
        <v>5103.125</v>
      </c>
      <c r="FS53" s="7">
        <f t="shared" si="550"/>
        <v>5103.125</v>
      </c>
      <c r="FT53" s="7">
        <f t="shared" si="550"/>
        <v>5103.125</v>
      </c>
      <c r="FU53" s="7">
        <f t="shared" si="550"/>
        <v>5103.125</v>
      </c>
      <c r="FV53" s="7">
        <f t="shared" si="550"/>
        <v>5103.125</v>
      </c>
      <c r="FW53" s="7">
        <f t="shared" si="550"/>
        <v>5103.125</v>
      </c>
      <c r="FX53" s="7">
        <f t="shared" si="550"/>
        <v>5103.125</v>
      </c>
      <c r="FY53" s="7">
        <f t="shared" si="550"/>
        <v>5103.125</v>
      </c>
      <c r="FZ53" s="7">
        <f t="shared" si="550"/>
        <v>5103.125</v>
      </c>
      <c r="GA53" s="7">
        <f t="shared" si="550"/>
        <v>5103.125</v>
      </c>
      <c r="GB53" s="7">
        <f t="shared" si="550"/>
        <v>5103.125</v>
      </c>
      <c r="GC53" s="7">
        <f t="shared" si="550"/>
        <v>5103.125</v>
      </c>
      <c r="GD53" s="7">
        <f t="shared" si="550"/>
        <v>5103.125</v>
      </c>
      <c r="GE53" s="7">
        <f t="shared" si="550"/>
        <v>5103.125</v>
      </c>
      <c r="GF53" s="7">
        <f t="shared" si="550"/>
        <v>5103.125</v>
      </c>
      <c r="GG53" s="7">
        <f t="shared" si="550"/>
        <v>5103.125</v>
      </c>
      <c r="GH53" s="7">
        <f t="shared" si="550"/>
        <v>5103.125</v>
      </c>
      <c r="GI53" s="7">
        <f t="shared" si="550"/>
        <v>5103.125</v>
      </c>
      <c r="GJ53" s="7">
        <f t="shared" si="550"/>
        <v>5103.125</v>
      </c>
      <c r="GK53" s="7">
        <f t="shared" si="550"/>
        <v>5103.125</v>
      </c>
      <c r="GL53" s="7">
        <f t="shared" si="550"/>
        <v>5103.125</v>
      </c>
      <c r="GM53" s="7">
        <f t="shared" si="550"/>
        <v>5103.125</v>
      </c>
      <c r="GN53" s="7">
        <f t="shared" si="550"/>
        <v>5103.125</v>
      </c>
      <c r="GO53" s="7">
        <f t="shared" si="550"/>
        <v>5103.125</v>
      </c>
      <c r="GP53" s="7">
        <f t="shared" si="550"/>
        <v>5103.125</v>
      </c>
      <c r="GQ53" s="7">
        <f t="shared" si="550"/>
        <v>5103.125</v>
      </c>
      <c r="GR53" s="7">
        <f t="shared" si="550"/>
        <v>5103.125</v>
      </c>
      <c r="GS53" s="7">
        <f t="shared" si="550"/>
        <v>5103.125</v>
      </c>
      <c r="GT53" s="7">
        <f t="shared" ref="GT53:JE53" si="551">GT48+GS53</f>
        <v>5103.125</v>
      </c>
      <c r="GU53" s="7">
        <f t="shared" si="551"/>
        <v>5103.125</v>
      </c>
      <c r="GV53" s="7">
        <f t="shared" si="551"/>
        <v>5103.125</v>
      </c>
      <c r="GW53" s="7">
        <f t="shared" si="551"/>
        <v>5103.125</v>
      </c>
      <c r="GX53" s="7">
        <f t="shared" si="551"/>
        <v>5103.125</v>
      </c>
      <c r="GY53" s="7">
        <f t="shared" si="551"/>
        <v>5103.125</v>
      </c>
      <c r="GZ53" s="7">
        <f t="shared" si="551"/>
        <v>5103.125</v>
      </c>
      <c r="HA53" s="7">
        <f t="shared" si="551"/>
        <v>5103.125</v>
      </c>
      <c r="HB53" s="7">
        <f t="shared" si="551"/>
        <v>5103.125</v>
      </c>
      <c r="HC53" s="7">
        <f t="shared" si="551"/>
        <v>5103.125</v>
      </c>
      <c r="HD53" s="7">
        <f t="shared" si="551"/>
        <v>5103.125</v>
      </c>
      <c r="HE53" s="7">
        <f t="shared" si="551"/>
        <v>5103.125</v>
      </c>
      <c r="HF53" s="7">
        <f t="shared" si="551"/>
        <v>5103.125</v>
      </c>
      <c r="HG53" s="7">
        <f t="shared" si="551"/>
        <v>5103.125</v>
      </c>
      <c r="HH53" s="7">
        <f t="shared" si="551"/>
        <v>5103.125</v>
      </c>
      <c r="HI53" s="7">
        <f t="shared" si="551"/>
        <v>5103.125</v>
      </c>
      <c r="HJ53" s="7">
        <f t="shared" si="551"/>
        <v>5103.125</v>
      </c>
      <c r="HK53" s="7">
        <f t="shared" si="551"/>
        <v>5103.125</v>
      </c>
      <c r="HL53" s="7">
        <f t="shared" si="551"/>
        <v>5103.125</v>
      </c>
      <c r="HM53" s="7">
        <f t="shared" si="551"/>
        <v>5103.125</v>
      </c>
      <c r="HN53" s="7">
        <f t="shared" si="551"/>
        <v>5103.125</v>
      </c>
      <c r="HO53" s="7">
        <f t="shared" si="551"/>
        <v>5103.125</v>
      </c>
      <c r="HP53" s="7">
        <f t="shared" si="551"/>
        <v>5103.125</v>
      </c>
      <c r="HQ53" s="7">
        <f t="shared" si="551"/>
        <v>5103.125</v>
      </c>
      <c r="HR53" s="7">
        <f t="shared" si="551"/>
        <v>5103.125</v>
      </c>
      <c r="HS53" s="7">
        <f t="shared" si="551"/>
        <v>5103.125</v>
      </c>
      <c r="HT53" s="7">
        <f t="shared" si="551"/>
        <v>5103.125</v>
      </c>
      <c r="HU53" s="7">
        <f t="shared" si="551"/>
        <v>5103.125</v>
      </c>
      <c r="HV53" s="7">
        <f t="shared" si="551"/>
        <v>5103.125</v>
      </c>
      <c r="HW53" s="7">
        <f t="shared" si="551"/>
        <v>5103.125</v>
      </c>
      <c r="HX53" s="7">
        <f t="shared" si="551"/>
        <v>5103.125</v>
      </c>
      <c r="HY53" s="7">
        <f t="shared" si="551"/>
        <v>5103.125</v>
      </c>
      <c r="HZ53" s="7">
        <f t="shared" si="551"/>
        <v>5103.125</v>
      </c>
      <c r="IA53" s="7">
        <f t="shared" si="551"/>
        <v>5103.125</v>
      </c>
      <c r="IB53" s="7">
        <f t="shared" si="551"/>
        <v>5103.125</v>
      </c>
      <c r="IC53" s="7">
        <f t="shared" si="551"/>
        <v>5103.125</v>
      </c>
      <c r="ID53" s="7">
        <f t="shared" si="551"/>
        <v>5103.125</v>
      </c>
      <c r="IE53" s="7">
        <f t="shared" si="551"/>
        <v>5103.125</v>
      </c>
      <c r="IF53" s="7">
        <f t="shared" si="551"/>
        <v>5103.125</v>
      </c>
      <c r="IG53" s="7">
        <f t="shared" si="551"/>
        <v>5103.125</v>
      </c>
      <c r="IH53" s="7">
        <f t="shared" si="551"/>
        <v>5103.125</v>
      </c>
      <c r="II53" s="7">
        <f t="shared" si="551"/>
        <v>5103.125</v>
      </c>
      <c r="IJ53" s="7">
        <f t="shared" si="551"/>
        <v>5103.125</v>
      </c>
      <c r="IK53" s="7">
        <f t="shared" si="551"/>
        <v>5103.125</v>
      </c>
      <c r="IL53" s="7">
        <f t="shared" si="551"/>
        <v>5103.125</v>
      </c>
      <c r="IM53" s="7">
        <f t="shared" si="551"/>
        <v>5103.125</v>
      </c>
      <c r="IN53" s="7">
        <f t="shared" si="551"/>
        <v>5103.125</v>
      </c>
      <c r="IO53" s="7">
        <f t="shared" si="551"/>
        <v>5103.125</v>
      </c>
      <c r="IP53" s="7">
        <f t="shared" si="551"/>
        <v>5103.125</v>
      </c>
      <c r="IQ53" s="7">
        <f t="shared" si="551"/>
        <v>5103.125</v>
      </c>
      <c r="IR53" s="7">
        <f t="shared" si="551"/>
        <v>5103.125</v>
      </c>
      <c r="IS53" s="7">
        <f t="shared" si="551"/>
        <v>5103.125</v>
      </c>
      <c r="IT53" s="7">
        <f t="shared" si="551"/>
        <v>5103.125</v>
      </c>
      <c r="IU53" s="7">
        <f t="shared" si="551"/>
        <v>5103.125</v>
      </c>
      <c r="IV53" s="7">
        <f t="shared" si="551"/>
        <v>5103.125</v>
      </c>
      <c r="IW53" s="7">
        <f t="shared" si="551"/>
        <v>5103.125</v>
      </c>
      <c r="IX53" s="7">
        <f t="shared" si="551"/>
        <v>5103.125</v>
      </c>
      <c r="IY53" s="7">
        <f t="shared" si="551"/>
        <v>5103.125</v>
      </c>
      <c r="IZ53" s="7">
        <f t="shared" si="551"/>
        <v>5103.125</v>
      </c>
      <c r="JA53" s="7">
        <f t="shared" si="551"/>
        <v>5103.125</v>
      </c>
      <c r="JB53" s="7">
        <f t="shared" si="551"/>
        <v>5103.125</v>
      </c>
      <c r="JC53" s="7">
        <f t="shared" si="551"/>
        <v>5103.125</v>
      </c>
      <c r="JD53" s="7">
        <f t="shared" si="551"/>
        <v>5103.125</v>
      </c>
      <c r="JE53" s="7">
        <f t="shared" si="551"/>
        <v>5103.125</v>
      </c>
      <c r="JF53" s="7">
        <f t="shared" ref="JF53:LQ53" si="552">JF48+JE53</f>
        <v>5103.125</v>
      </c>
      <c r="JG53" s="7">
        <f t="shared" si="552"/>
        <v>5103.125</v>
      </c>
      <c r="JH53" s="7">
        <f t="shared" si="552"/>
        <v>5103.125</v>
      </c>
      <c r="JI53" s="7">
        <f t="shared" si="552"/>
        <v>5103.125</v>
      </c>
      <c r="JJ53" s="7">
        <f t="shared" si="552"/>
        <v>5103.125</v>
      </c>
      <c r="JK53" s="7">
        <f t="shared" si="552"/>
        <v>5103.125</v>
      </c>
      <c r="JL53" s="7">
        <f t="shared" si="552"/>
        <v>5103.125</v>
      </c>
      <c r="JM53" s="7">
        <f t="shared" si="552"/>
        <v>5103.125</v>
      </c>
      <c r="JN53" s="7">
        <f t="shared" si="552"/>
        <v>5103.125</v>
      </c>
      <c r="JO53" s="7">
        <f t="shared" si="552"/>
        <v>5103.125</v>
      </c>
      <c r="JP53" s="7">
        <f t="shared" si="552"/>
        <v>5103.125</v>
      </c>
      <c r="JQ53" s="7">
        <f t="shared" si="552"/>
        <v>5103.125</v>
      </c>
      <c r="JR53" s="7">
        <f t="shared" si="552"/>
        <v>5103.125</v>
      </c>
      <c r="JS53" s="7">
        <f t="shared" si="552"/>
        <v>5103.125</v>
      </c>
      <c r="JT53" s="7">
        <f t="shared" si="552"/>
        <v>5103.125</v>
      </c>
      <c r="JU53" s="7">
        <f t="shared" si="552"/>
        <v>5103.125</v>
      </c>
      <c r="JV53" s="7">
        <f t="shared" si="552"/>
        <v>5103.125</v>
      </c>
      <c r="JW53" s="7">
        <f t="shared" si="552"/>
        <v>5103.125</v>
      </c>
      <c r="JX53" s="7">
        <f t="shared" si="552"/>
        <v>5103.125</v>
      </c>
      <c r="JY53" s="7">
        <f t="shared" si="552"/>
        <v>5103.125</v>
      </c>
      <c r="JZ53" s="7">
        <f t="shared" si="552"/>
        <v>5103.125</v>
      </c>
      <c r="KA53" s="7">
        <f t="shared" si="552"/>
        <v>5103.125</v>
      </c>
      <c r="KB53" s="7">
        <f t="shared" si="552"/>
        <v>5103.125</v>
      </c>
      <c r="KC53" s="7">
        <f t="shared" si="552"/>
        <v>5103.125</v>
      </c>
      <c r="KD53" s="7">
        <f t="shared" si="552"/>
        <v>5103.125</v>
      </c>
      <c r="KE53" s="7">
        <f t="shared" si="552"/>
        <v>5103.125</v>
      </c>
      <c r="KF53" s="7">
        <f t="shared" si="552"/>
        <v>5103.125</v>
      </c>
      <c r="KG53" s="7">
        <f t="shared" si="552"/>
        <v>5103.125</v>
      </c>
      <c r="KH53" s="7">
        <f t="shared" si="552"/>
        <v>5103.125</v>
      </c>
      <c r="KI53" s="7">
        <f t="shared" si="552"/>
        <v>5103.125</v>
      </c>
      <c r="KJ53" s="7">
        <f t="shared" si="552"/>
        <v>5103.125</v>
      </c>
      <c r="KK53" s="7">
        <f t="shared" si="552"/>
        <v>5103.125</v>
      </c>
      <c r="KL53" s="7">
        <f t="shared" si="552"/>
        <v>5103.125</v>
      </c>
      <c r="KM53" s="7">
        <f t="shared" si="552"/>
        <v>5103.125</v>
      </c>
      <c r="KN53" s="7">
        <f t="shared" si="552"/>
        <v>5103.125</v>
      </c>
      <c r="KO53" s="7">
        <f t="shared" si="552"/>
        <v>5103.125</v>
      </c>
      <c r="KP53" s="7">
        <f t="shared" si="552"/>
        <v>5103.125</v>
      </c>
      <c r="KQ53" s="7">
        <f t="shared" si="552"/>
        <v>5103.125</v>
      </c>
      <c r="KR53" s="7">
        <f t="shared" si="552"/>
        <v>5103.125</v>
      </c>
      <c r="KS53" s="7">
        <f t="shared" si="552"/>
        <v>5103.125</v>
      </c>
      <c r="KT53" s="7">
        <f t="shared" si="552"/>
        <v>5103.125</v>
      </c>
      <c r="KU53" s="7">
        <f t="shared" si="552"/>
        <v>5103.125</v>
      </c>
      <c r="KV53" s="7">
        <f t="shared" si="552"/>
        <v>5103.125</v>
      </c>
      <c r="KW53" s="7">
        <f t="shared" si="552"/>
        <v>5103.125</v>
      </c>
      <c r="KX53" s="7">
        <f t="shared" si="552"/>
        <v>5103.125</v>
      </c>
      <c r="KY53" s="7">
        <f t="shared" si="552"/>
        <v>5103.125</v>
      </c>
      <c r="KZ53" s="7">
        <f t="shared" si="552"/>
        <v>5103.125</v>
      </c>
      <c r="LA53" s="7">
        <f t="shared" si="552"/>
        <v>5103.125</v>
      </c>
      <c r="LB53" s="7">
        <f t="shared" si="552"/>
        <v>5103.125</v>
      </c>
      <c r="LC53" s="7">
        <f t="shared" si="552"/>
        <v>5103.125</v>
      </c>
      <c r="LD53" s="7">
        <f t="shared" si="552"/>
        <v>5103.125</v>
      </c>
      <c r="LE53" s="7">
        <f t="shared" si="552"/>
        <v>5103.125</v>
      </c>
      <c r="LF53" s="7">
        <f t="shared" si="552"/>
        <v>5103.125</v>
      </c>
      <c r="LG53" s="7">
        <f t="shared" si="552"/>
        <v>5103.125</v>
      </c>
      <c r="LH53" s="7">
        <f t="shared" si="552"/>
        <v>5103.125</v>
      </c>
      <c r="LI53" s="7">
        <f t="shared" si="552"/>
        <v>5103.125</v>
      </c>
      <c r="LJ53" s="7">
        <f t="shared" si="552"/>
        <v>5103.125</v>
      </c>
      <c r="LK53" s="7">
        <f t="shared" si="552"/>
        <v>5103.125</v>
      </c>
      <c r="LL53" s="7">
        <f t="shared" si="552"/>
        <v>5103.125</v>
      </c>
      <c r="LM53" s="7">
        <f t="shared" si="552"/>
        <v>5103.125</v>
      </c>
      <c r="LN53" s="7">
        <f t="shared" si="552"/>
        <v>5103.125</v>
      </c>
      <c r="LO53" s="7">
        <f t="shared" si="552"/>
        <v>5103.125</v>
      </c>
      <c r="LP53" s="7">
        <f t="shared" si="552"/>
        <v>5103.125</v>
      </c>
      <c r="LQ53" s="7">
        <f t="shared" si="552"/>
        <v>5103.125</v>
      </c>
      <c r="LR53" s="7">
        <f t="shared" ref="LR53:OC53" si="553">LR48+LQ53</f>
        <v>5103.125</v>
      </c>
      <c r="LS53" s="7">
        <f t="shared" si="553"/>
        <v>5103.125</v>
      </c>
      <c r="LT53" s="7">
        <f t="shared" si="553"/>
        <v>5103.125</v>
      </c>
      <c r="LU53" s="7">
        <f t="shared" si="553"/>
        <v>5103.125</v>
      </c>
      <c r="LV53" s="7">
        <f t="shared" si="553"/>
        <v>5103.125</v>
      </c>
      <c r="LW53" s="7">
        <f t="shared" si="553"/>
        <v>5103.125</v>
      </c>
      <c r="LX53" s="7">
        <f t="shared" si="553"/>
        <v>5103.125</v>
      </c>
      <c r="LY53" s="7">
        <f t="shared" si="553"/>
        <v>5103.125</v>
      </c>
      <c r="LZ53" s="7">
        <f t="shared" si="553"/>
        <v>5103.125</v>
      </c>
      <c r="MA53" s="7">
        <f t="shared" si="553"/>
        <v>5103.125</v>
      </c>
      <c r="MB53" s="7">
        <f t="shared" si="553"/>
        <v>5103.125</v>
      </c>
      <c r="MC53" s="7">
        <f t="shared" si="553"/>
        <v>5103.125</v>
      </c>
      <c r="MD53" s="7">
        <f t="shared" si="553"/>
        <v>5103.125</v>
      </c>
      <c r="ME53" s="7">
        <f t="shared" si="553"/>
        <v>5103.125</v>
      </c>
      <c r="MF53" s="7">
        <f t="shared" si="553"/>
        <v>5103.125</v>
      </c>
      <c r="MG53" s="7">
        <f t="shared" si="553"/>
        <v>5103.125</v>
      </c>
      <c r="MH53" s="7">
        <f t="shared" si="553"/>
        <v>5103.125</v>
      </c>
      <c r="MI53" s="7">
        <f t="shared" si="553"/>
        <v>5103.125</v>
      </c>
      <c r="MJ53" s="7">
        <f t="shared" si="553"/>
        <v>5103.125</v>
      </c>
      <c r="MK53" s="7">
        <f t="shared" si="553"/>
        <v>5103.125</v>
      </c>
      <c r="ML53" s="7">
        <f t="shared" si="553"/>
        <v>5103.125</v>
      </c>
      <c r="MM53" s="7">
        <f t="shared" si="553"/>
        <v>5103.125</v>
      </c>
      <c r="MN53" s="7">
        <f t="shared" si="553"/>
        <v>5103.125</v>
      </c>
      <c r="MO53" s="7">
        <f t="shared" si="553"/>
        <v>5103.125</v>
      </c>
      <c r="MP53" s="7">
        <f t="shared" si="553"/>
        <v>5103.125</v>
      </c>
      <c r="MQ53" s="7">
        <f t="shared" si="553"/>
        <v>5103.125</v>
      </c>
      <c r="MR53" s="7">
        <f t="shared" si="553"/>
        <v>5103.125</v>
      </c>
      <c r="MS53" s="7">
        <f t="shared" si="553"/>
        <v>5103.125</v>
      </c>
      <c r="MT53" s="7">
        <f t="shared" si="553"/>
        <v>5103.125</v>
      </c>
      <c r="MU53" s="7">
        <f t="shared" si="553"/>
        <v>5103.125</v>
      </c>
      <c r="MV53" s="7">
        <f t="shared" si="553"/>
        <v>5103.125</v>
      </c>
      <c r="MW53" s="7">
        <f t="shared" si="553"/>
        <v>5103.125</v>
      </c>
      <c r="MX53" s="7">
        <f t="shared" si="553"/>
        <v>5103.125</v>
      </c>
      <c r="MY53" s="7">
        <f t="shared" si="553"/>
        <v>5103.125</v>
      </c>
      <c r="MZ53" s="7">
        <f t="shared" si="553"/>
        <v>5103.125</v>
      </c>
      <c r="NA53" s="7">
        <f t="shared" si="553"/>
        <v>5103.125</v>
      </c>
      <c r="NB53" s="7">
        <f t="shared" si="553"/>
        <v>5103.125</v>
      </c>
      <c r="NC53" s="7">
        <f t="shared" si="553"/>
        <v>5103.125</v>
      </c>
      <c r="ND53" s="7">
        <f t="shared" si="553"/>
        <v>5103.125</v>
      </c>
      <c r="NE53" s="7">
        <f t="shared" si="553"/>
        <v>5103.125</v>
      </c>
      <c r="NF53" s="7">
        <f t="shared" si="553"/>
        <v>5103.125</v>
      </c>
      <c r="NG53" s="7">
        <f t="shared" si="553"/>
        <v>5103.125</v>
      </c>
      <c r="NH53" s="7">
        <f t="shared" si="553"/>
        <v>5103.125</v>
      </c>
      <c r="NI53" s="7">
        <f t="shared" si="553"/>
        <v>5103.125</v>
      </c>
      <c r="NJ53" s="7">
        <f t="shared" si="553"/>
        <v>5103.125</v>
      </c>
      <c r="NK53" s="7">
        <f t="shared" si="553"/>
        <v>5103.125</v>
      </c>
      <c r="NL53" s="7">
        <f t="shared" si="553"/>
        <v>5103.125</v>
      </c>
      <c r="NM53" s="7">
        <f t="shared" si="553"/>
        <v>5103.125</v>
      </c>
      <c r="NN53" s="7">
        <f t="shared" si="553"/>
        <v>5103.125</v>
      </c>
      <c r="NO53" s="7">
        <f t="shared" si="553"/>
        <v>5103.125</v>
      </c>
      <c r="NP53" s="7">
        <f t="shared" si="553"/>
        <v>5103.125</v>
      </c>
      <c r="NQ53" s="7">
        <f t="shared" si="553"/>
        <v>5103.125</v>
      </c>
      <c r="NR53" s="7">
        <f t="shared" si="553"/>
        <v>5103.125</v>
      </c>
      <c r="NS53" s="7">
        <f t="shared" si="553"/>
        <v>5103.125</v>
      </c>
      <c r="NT53" s="7">
        <f t="shared" si="553"/>
        <v>5103.125</v>
      </c>
      <c r="NU53" s="7">
        <f t="shared" si="553"/>
        <v>5103.125</v>
      </c>
      <c r="NV53" s="7">
        <f t="shared" si="553"/>
        <v>5103.125</v>
      </c>
      <c r="NW53" s="7">
        <f t="shared" si="553"/>
        <v>5103.125</v>
      </c>
      <c r="NX53" s="7">
        <f t="shared" si="553"/>
        <v>5103.125</v>
      </c>
      <c r="NY53" s="7">
        <f t="shared" si="553"/>
        <v>5103.125</v>
      </c>
      <c r="NZ53" s="7">
        <f t="shared" si="553"/>
        <v>5103.125</v>
      </c>
      <c r="OA53" s="7">
        <f t="shared" si="553"/>
        <v>5103.125</v>
      </c>
      <c r="OB53" s="7">
        <f t="shared" si="553"/>
        <v>5103.125</v>
      </c>
      <c r="OC53" s="7">
        <f t="shared" si="553"/>
        <v>5103.125</v>
      </c>
      <c r="OD53" s="7">
        <f t="shared" ref="OD53:QO53" si="554">OD48+OC53</f>
        <v>5103.125</v>
      </c>
      <c r="OE53" s="7">
        <f t="shared" si="554"/>
        <v>5103.125</v>
      </c>
      <c r="OF53" s="7">
        <f t="shared" si="554"/>
        <v>5103.125</v>
      </c>
      <c r="OG53" s="7">
        <f t="shared" si="554"/>
        <v>5103.125</v>
      </c>
      <c r="OH53" s="7">
        <f t="shared" si="554"/>
        <v>5103.125</v>
      </c>
      <c r="OI53" s="7">
        <f t="shared" si="554"/>
        <v>5103.125</v>
      </c>
      <c r="OJ53" s="7">
        <f t="shared" si="554"/>
        <v>5103.125</v>
      </c>
      <c r="OK53" s="7">
        <f t="shared" si="554"/>
        <v>5103.125</v>
      </c>
      <c r="OL53" s="7">
        <f t="shared" si="554"/>
        <v>5103.125</v>
      </c>
      <c r="OM53" s="7">
        <f t="shared" si="554"/>
        <v>5103.125</v>
      </c>
      <c r="ON53" s="7">
        <f t="shared" si="554"/>
        <v>5103.125</v>
      </c>
      <c r="OO53" s="7">
        <f t="shared" si="554"/>
        <v>5103.125</v>
      </c>
      <c r="OP53" s="7">
        <f t="shared" si="554"/>
        <v>5103.125</v>
      </c>
      <c r="OQ53" s="7">
        <f t="shared" si="554"/>
        <v>5103.125</v>
      </c>
      <c r="OR53" s="7">
        <f t="shared" si="554"/>
        <v>5103.125</v>
      </c>
      <c r="OS53" s="7">
        <f t="shared" si="554"/>
        <v>5103.125</v>
      </c>
      <c r="OT53" s="7">
        <f t="shared" si="554"/>
        <v>5103.125</v>
      </c>
      <c r="OU53" s="7">
        <f t="shared" si="554"/>
        <v>5103.125</v>
      </c>
      <c r="OV53" s="7">
        <f t="shared" si="554"/>
        <v>5103.125</v>
      </c>
      <c r="OW53" s="7">
        <f t="shared" si="554"/>
        <v>5103.125</v>
      </c>
      <c r="OX53" s="7">
        <f t="shared" si="554"/>
        <v>5103.125</v>
      </c>
      <c r="OY53" s="7">
        <f t="shared" si="554"/>
        <v>5103.125</v>
      </c>
      <c r="OZ53" s="7">
        <f t="shared" si="554"/>
        <v>5103.125</v>
      </c>
      <c r="PA53" s="7">
        <f t="shared" si="554"/>
        <v>5103.125</v>
      </c>
      <c r="PB53" s="7">
        <f t="shared" si="554"/>
        <v>5103.125</v>
      </c>
      <c r="PC53" s="7">
        <f t="shared" si="554"/>
        <v>5103.125</v>
      </c>
      <c r="PD53" s="7">
        <f t="shared" si="554"/>
        <v>5103.125</v>
      </c>
      <c r="PE53" s="7">
        <f t="shared" si="554"/>
        <v>5103.125</v>
      </c>
      <c r="PF53" s="7">
        <f t="shared" si="554"/>
        <v>5103.125</v>
      </c>
      <c r="PG53" s="7">
        <f t="shared" si="554"/>
        <v>5103.125</v>
      </c>
      <c r="PH53" s="7">
        <f t="shared" si="554"/>
        <v>5103.125</v>
      </c>
      <c r="PI53" s="7">
        <f t="shared" si="554"/>
        <v>5103.125</v>
      </c>
      <c r="PJ53" s="7">
        <f t="shared" si="554"/>
        <v>5103.125</v>
      </c>
      <c r="PK53" s="7">
        <f t="shared" si="554"/>
        <v>5103.125</v>
      </c>
      <c r="PL53" s="7">
        <f t="shared" si="554"/>
        <v>5103.125</v>
      </c>
      <c r="PM53" s="7">
        <f t="shared" si="554"/>
        <v>5103.125</v>
      </c>
      <c r="PN53" s="7">
        <f t="shared" si="554"/>
        <v>5103.125</v>
      </c>
      <c r="PO53" s="7">
        <f t="shared" si="554"/>
        <v>5103.125</v>
      </c>
      <c r="PP53" s="7">
        <f t="shared" si="554"/>
        <v>5103.125</v>
      </c>
      <c r="PQ53" s="7">
        <f t="shared" si="554"/>
        <v>5103.125</v>
      </c>
      <c r="PR53" s="7">
        <f t="shared" si="554"/>
        <v>5103.125</v>
      </c>
      <c r="PS53" s="7">
        <f t="shared" si="554"/>
        <v>5103.125</v>
      </c>
      <c r="PT53" s="7">
        <f t="shared" si="554"/>
        <v>5103.125</v>
      </c>
      <c r="PU53" s="7">
        <f t="shared" si="554"/>
        <v>5103.125</v>
      </c>
      <c r="PV53" s="7">
        <f t="shared" si="554"/>
        <v>5103.125</v>
      </c>
      <c r="PW53" s="7">
        <f t="shared" si="554"/>
        <v>5103.125</v>
      </c>
      <c r="PX53" s="7">
        <f t="shared" si="554"/>
        <v>5103.125</v>
      </c>
      <c r="PY53" s="7">
        <f t="shared" si="554"/>
        <v>5103.125</v>
      </c>
      <c r="PZ53" s="7">
        <f t="shared" si="554"/>
        <v>5103.125</v>
      </c>
      <c r="QA53" s="7">
        <f t="shared" si="554"/>
        <v>5103.125</v>
      </c>
      <c r="QB53" s="7">
        <f t="shared" si="554"/>
        <v>5103.125</v>
      </c>
      <c r="QC53" s="7">
        <f t="shared" si="554"/>
        <v>5103.125</v>
      </c>
      <c r="QD53" s="7">
        <f t="shared" si="554"/>
        <v>5103.125</v>
      </c>
      <c r="QE53" s="7">
        <f t="shared" si="554"/>
        <v>5103.125</v>
      </c>
      <c r="QF53" s="7">
        <f t="shared" si="554"/>
        <v>5103.125</v>
      </c>
      <c r="QG53" s="7">
        <f t="shared" si="554"/>
        <v>5103.125</v>
      </c>
      <c r="QH53" s="7">
        <f t="shared" si="554"/>
        <v>5103.125</v>
      </c>
      <c r="QI53" s="7">
        <f t="shared" si="554"/>
        <v>5103.125</v>
      </c>
      <c r="QJ53" s="7">
        <f t="shared" si="554"/>
        <v>5103.125</v>
      </c>
      <c r="QK53" s="7">
        <f t="shared" si="554"/>
        <v>5103.125</v>
      </c>
      <c r="QL53" s="7">
        <f t="shared" si="554"/>
        <v>5103.125</v>
      </c>
      <c r="QM53" s="7">
        <f t="shared" si="554"/>
        <v>5103.125</v>
      </c>
      <c r="QN53" s="7">
        <f t="shared" si="554"/>
        <v>5103.125</v>
      </c>
      <c r="QO53" s="7">
        <f t="shared" si="554"/>
        <v>5103.125</v>
      </c>
      <c r="QP53" s="7">
        <f t="shared" ref="QP53:TA53" si="555">QP48+QO53</f>
        <v>5103.125</v>
      </c>
      <c r="QQ53" s="7">
        <f t="shared" si="555"/>
        <v>5103.125</v>
      </c>
      <c r="QR53" s="7">
        <f t="shared" si="555"/>
        <v>5103.125</v>
      </c>
      <c r="QS53" s="7">
        <f t="shared" si="555"/>
        <v>5103.125</v>
      </c>
      <c r="QT53" s="7">
        <f t="shared" si="555"/>
        <v>5103.125</v>
      </c>
      <c r="QU53" s="7">
        <f t="shared" si="555"/>
        <v>5103.125</v>
      </c>
      <c r="QV53" s="7">
        <f t="shared" si="555"/>
        <v>5103.125</v>
      </c>
      <c r="QW53" s="7">
        <f t="shared" si="555"/>
        <v>5103.125</v>
      </c>
      <c r="QX53" s="7">
        <f t="shared" si="555"/>
        <v>5103.125</v>
      </c>
      <c r="QY53" s="7">
        <f t="shared" si="555"/>
        <v>5103.125</v>
      </c>
      <c r="QZ53" s="7">
        <f t="shared" si="555"/>
        <v>5103.125</v>
      </c>
      <c r="RA53" s="7">
        <f t="shared" si="555"/>
        <v>5103.125</v>
      </c>
      <c r="RB53" s="7">
        <f t="shared" si="555"/>
        <v>5103.125</v>
      </c>
      <c r="RC53" s="7">
        <f t="shared" si="555"/>
        <v>5103.125</v>
      </c>
      <c r="RD53" s="7">
        <f t="shared" si="555"/>
        <v>5103.125</v>
      </c>
      <c r="RE53" s="7">
        <f t="shared" si="555"/>
        <v>5103.125</v>
      </c>
      <c r="RF53" s="7">
        <f t="shared" si="555"/>
        <v>5103.125</v>
      </c>
      <c r="RG53" s="7">
        <f t="shared" si="555"/>
        <v>5103.125</v>
      </c>
      <c r="RH53" s="7">
        <f t="shared" si="555"/>
        <v>5103.125</v>
      </c>
      <c r="RI53" s="7">
        <f t="shared" si="555"/>
        <v>5103.125</v>
      </c>
      <c r="RJ53" s="7">
        <f t="shared" si="555"/>
        <v>5103.125</v>
      </c>
      <c r="RK53" s="7">
        <f t="shared" si="555"/>
        <v>5103.125</v>
      </c>
      <c r="RL53" s="7">
        <f t="shared" si="555"/>
        <v>5103.125</v>
      </c>
      <c r="RM53" s="7">
        <f t="shared" si="555"/>
        <v>5103.125</v>
      </c>
      <c r="RN53" s="7">
        <f t="shared" si="555"/>
        <v>5103.125</v>
      </c>
      <c r="RO53" s="7">
        <f t="shared" si="555"/>
        <v>5103.125</v>
      </c>
      <c r="RP53" s="7">
        <f t="shared" si="555"/>
        <v>5103.125</v>
      </c>
      <c r="RQ53" s="7">
        <f t="shared" si="555"/>
        <v>5103.125</v>
      </c>
      <c r="RR53" s="7">
        <f t="shared" si="555"/>
        <v>5103.125</v>
      </c>
      <c r="RS53" s="7">
        <f t="shared" si="555"/>
        <v>5103.125</v>
      </c>
      <c r="RT53" s="7">
        <f t="shared" si="555"/>
        <v>5103.125</v>
      </c>
      <c r="RU53" s="7">
        <f t="shared" si="555"/>
        <v>5103.125</v>
      </c>
      <c r="RV53" s="7">
        <f t="shared" si="555"/>
        <v>5103.125</v>
      </c>
      <c r="RW53" s="7">
        <f t="shared" si="555"/>
        <v>5103.125</v>
      </c>
      <c r="RX53" s="7">
        <f t="shared" si="555"/>
        <v>5103.125</v>
      </c>
      <c r="RY53" s="7">
        <f t="shared" si="555"/>
        <v>5103.125</v>
      </c>
      <c r="RZ53" s="7">
        <f t="shared" si="555"/>
        <v>5103.125</v>
      </c>
      <c r="SA53" s="7">
        <f t="shared" si="555"/>
        <v>5103.125</v>
      </c>
      <c r="SB53" s="7">
        <f t="shared" si="555"/>
        <v>5103.125</v>
      </c>
      <c r="SC53" s="7">
        <f t="shared" si="555"/>
        <v>5103.125</v>
      </c>
      <c r="SD53" s="7">
        <f t="shared" si="555"/>
        <v>5103.125</v>
      </c>
      <c r="SE53" s="7">
        <f t="shared" si="555"/>
        <v>5103.125</v>
      </c>
      <c r="SF53" s="7">
        <f t="shared" si="555"/>
        <v>5103.125</v>
      </c>
      <c r="SG53" s="7">
        <f t="shared" si="555"/>
        <v>5103.125</v>
      </c>
      <c r="SH53" s="7">
        <f t="shared" si="555"/>
        <v>5103.125</v>
      </c>
      <c r="SI53" s="7">
        <f t="shared" si="555"/>
        <v>5103.125</v>
      </c>
      <c r="SJ53" s="7">
        <f t="shared" si="555"/>
        <v>5103.125</v>
      </c>
      <c r="SK53" s="7">
        <f t="shared" si="555"/>
        <v>5103.125</v>
      </c>
      <c r="SL53" s="7">
        <f t="shared" si="555"/>
        <v>5103.125</v>
      </c>
      <c r="SM53" s="7">
        <f t="shared" si="555"/>
        <v>5103.125</v>
      </c>
      <c r="SN53" s="7">
        <f t="shared" si="555"/>
        <v>5103.125</v>
      </c>
      <c r="SO53" s="7">
        <f t="shared" si="555"/>
        <v>5103.125</v>
      </c>
      <c r="SP53" s="7">
        <f t="shared" si="555"/>
        <v>5103.125</v>
      </c>
      <c r="SQ53" s="7">
        <f t="shared" si="555"/>
        <v>5103.125</v>
      </c>
      <c r="SR53" s="7">
        <f t="shared" si="555"/>
        <v>5103.125</v>
      </c>
      <c r="SS53" s="7">
        <f t="shared" si="555"/>
        <v>5103.125</v>
      </c>
      <c r="ST53" s="7">
        <f t="shared" si="555"/>
        <v>5103.125</v>
      </c>
      <c r="SU53" s="7">
        <f t="shared" si="555"/>
        <v>5103.125</v>
      </c>
      <c r="SV53" s="7">
        <f t="shared" si="555"/>
        <v>5103.125</v>
      </c>
      <c r="SW53" s="7">
        <f t="shared" si="555"/>
        <v>5103.125</v>
      </c>
      <c r="SX53" s="7">
        <f t="shared" si="555"/>
        <v>5103.125</v>
      </c>
      <c r="SY53" s="7">
        <f t="shared" si="555"/>
        <v>5103.125</v>
      </c>
      <c r="SZ53" s="7">
        <f t="shared" si="555"/>
        <v>5103.125</v>
      </c>
      <c r="TA53" s="7">
        <f t="shared" si="555"/>
        <v>5103.125</v>
      </c>
      <c r="TB53" s="7">
        <f t="shared" ref="TB53:VM53" si="556">TB48+TA53</f>
        <v>5103.125</v>
      </c>
      <c r="TC53" s="7">
        <f t="shared" si="556"/>
        <v>5103.125</v>
      </c>
      <c r="TD53" s="7">
        <f t="shared" si="556"/>
        <v>5103.125</v>
      </c>
      <c r="TE53" s="7">
        <f t="shared" si="556"/>
        <v>5103.125</v>
      </c>
      <c r="TF53" s="7">
        <f t="shared" si="556"/>
        <v>5103.125</v>
      </c>
      <c r="TG53" s="7">
        <f t="shared" si="556"/>
        <v>5103.125</v>
      </c>
      <c r="TH53" s="7">
        <f t="shared" si="556"/>
        <v>5103.125</v>
      </c>
      <c r="TI53" s="7">
        <f t="shared" si="556"/>
        <v>5103.125</v>
      </c>
      <c r="TJ53" s="7">
        <f t="shared" si="556"/>
        <v>5103.125</v>
      </c>
      <c r="TK53" s="7">
        <f t="shared" si="556"/>
        <v>5103.125</v>
      </c>
      <c r="TL53" s="7">
        <f t="shared" si="556"/>
        <v>5103.125</v>
      </c>
      <c r="TM53" s="7">
        <f t="shared" si="556"/>
        <v>5103.125</v>
      </c>
      <c r="TN53" s="7">
        <f t="shared" si="556"/>
        <v>5103.125</v>
      </c>
      <c r="TO53" s="7">
        <f t="shared" si="556"/>
        <v>5103.125</v>
      </c>
      <c r="TP53" s="7">
        <f t="shared" si="556"/>
        <v>5103.125</v>
      </c>
      <c r="TQ53" s="7">
        <f t="shared" si="556"/>
        <v>5103.125</v>
      </c>
      <c r="TR53" s="7">
        <f t="shared" si="556"/>
        <v>5103.125</v>
      </c>
      <c r="TS53" s="7">
        <f t="shared" si="556"/>
        <v>5103.125</v>
      </c>
      <c r="TT53" s="7">
        <f t="shared" si="556"/>
        <v>5103.125</v>
      </c>
      <c r="TU53" s="7">
        <f t="shared" si="556"/>
        <v>5103.125</v>
      </c>
      <c r="TV53" s="7">
        <f t="shared" si="556"/>
        <v>5103.125</v>
      </c>
      <c r="TW53" s="7">
        <f t="shared" si="556"/>
        <v>5103.125</v>
      </c>
      <c r="TX53" s="7">
        <f t="shared" si="556"/>
        <v>5103.125</v>
      </c>
      <c r="TY53" s="7">
        <f t="shared" si="556"/>
        <v>5103.125</v>
      </c>
      <c r="TZ53" s="7">
        <f t="shared" si="556"/>
        <v>5103.125</v>
      </c>
      <c r="UA53" s="7">
        <f t="shared" si="556"/>
        <v>5103.125</v>
      </c>
      <c r="UB53" s="7">
        <f t="shared" si="556"/>
        <v>5103.125</v>
      </c>
      <c r="UC53" s="7">
        <f t="shared" si="556"/>
        <v>5103.125</v>
      </c>
      <c r="UD53" s="7">
        <f t="shared" si="556"/>
        <v>5103.125</v>
      </c>
      <c r="UE53" s="7">
        <f t="shared" si="556"/>
        <v>5103.125</v>
      </c>
      <c r="UF53" s="7">
        <f t="shared" si="556"/>
        <v>5103.125</v>
      </c>
      <c r="UG53" s="7">
        <f t="shared" si="556"/>
        <v>5103.125</v>
      </c>
      <c r="UH53" s="7">
        <f t="shared" si="556"/>
        <v>5103.125</v>
      </c>
      <c r="UI53" s="7">
        <f t="shared" si="556"/>
        <v>5103.125</v>
      </c>
      <c r="UJ53" s="7">
        <f t="shared" si="556"/>
        <v>5103.125</v>
      </c>
      <c r="UK53" s="7">
        <f t="shared" si="556"/>
        <v>5103.125</v>
      </c>
      <c r="UL53" s="7">
        <f t="shared" si="556"/>
        <v>5103.125</v>
      </c>
      <c r="UM53" s="7">
        <f t="shared" si="556"/>
        <v>5103.125</v>
      </c>
      <c r="UN53" s="7">
        <f t="shared" si="556"/>
        <v>5103.125</v>
      </c>
      <c r="UO53" s="7">
        <f t="shared" si="556"/>
        <v>5103.125</v>
      </c>
      <c r="UP53" s="7">
        <f t="shared" si="556"/>
        <v>5103.125</v>
      </c>
      <c r="UQ53" s="7">
        <f t="shared" si="556"/>
        <v>5103.125</v>
      </c>
      <c r="UR53" s="7">
        <f t="shared" si="556"/>
        <v>5103.125</v>
      </c>
      <c r="US53" s="7">
        <f t="shared" si="556"/>
        <v>5103.125</v>
      </c>
      <c r="UT53" s="7">
        <f t="shared" si="556"/>
        <v>5103.125</v>
      </c>
      <c r="UU53" s="7">
        <f t="shared" si="556"/>
        <v>5103.125</v>
      </c>
      <c r="UV53" s="7">
        <f t="shared" si="556"/>
        <v>5103.125</v>
      </c>
      <c r="UW53" s="7">
        <f t="shared" si="556"/>
        <v>5103.125</v>
      </c>
      <c r="UX53" s="7">
        <f t="shared" si="556"/>
        <v>5103.125</v>
      </c>
      <c r="UY53" s="7">
        <f t="shared" si="556"/>
        <v>5103.125</v>
      </c>
      <c r="UZ53" s="7">
        <f t="shared" si="556"/>
        <v>5103.125</v>
      </c>
      <c r="VA53" s="7">
        <f t="shared" si="556"/>
        <v>5103.125</v>
      </c>
      <c r="VB53" s="7">
        <f t="shared" si="556"/>
        <v>5103.125</v>
      </c>
      <c r="VC53" s="7">
        <f t="shared" si="556"/>
        <v>5103.125</v>
      </c>
      <c r="VD53" s="7">
        <f t="shared" si="556"/>
        <v>5103.125</v>
      </c>
      <c r="VE53" s="7">
        <f t="shared" si="556"/>
        <v>5103.125</v>
      </c>
      <c r="VF53" s="7">
        <f t="shared" si="556"/>
        <v>5103.125</v>
      </c>
      <c r="VG53" s="7">
        <f t="shared" si="556"/>
        <v>5103.125</v>
      </c>
      <c r="VH53" s="7">
        <f t="shared" si="556"/>
        <v>5103.125</v>
      </c>
      <c r="VI53" s="7">
        <f t="shared" si="556"/>
        <v>5103.125</v>
      </c>
      <c r="VJ53" s="7">
        <f t="shared" si="556"/>
        <v>5103.125</v>
      </c>
      <c r="VK53" s="7">
        <f t="shared" si="556"/>
        <v>5103.125</v>
      </c>
      <c r="VL53" s="7">
        <f t="shared" si="556"/>
        <v>5103.125</v>
      </c>
      <c r="VM53" s="7">
        <f t="shared" si="556"/>
        <v>5103.125</v>
      </c>
      <c r="VN53" s="7">
        <f t="shared" ref="VN53:XY53" si="557">VN48+VM53</f>
        <v>5103.125</v>
      </c>
      <c r="VO53" s="7">
        <f t="shared" si="557"/>
        <v>5103.125</v>
      </c>
      <c r="VP53" s="7">
        <f t="shared" si="557"/>
        <v>5103.125</v>
      </c>
      <c r="VQ53" s="7">
        <f t="shared" si="557"/>
        <v>5103.125</v>
      </c>
      <c r="VR53" s="7">
        <f t="shared" si="557"/>
        <v>5103.125</v>
      </c>
      <c r="VS53" s="7">
        <f t="shared" si="557"/>
        <v>5103.125</v>
      </c>
      <c r="VT53" s="7">
        <f t="shared" si="557"/>
        <v>5103.125</v>
      </c>
      <c r="VU53" s="7">
        <f t="shared" si="557"/>
        <v>5103.125</v>
      </c>
      <c r="VV53" s="7">
        <f t="shared" si="557"/>
        <v>5103.125</v>
      </c>
      <c r="VW53" s="7">
        <f t="shared" si="557"/>
        <v>5103.125</v>
      </c>
      <c r="VX53" s="7">
        <f t="shared" si="557"/>
        <v>5103.125</v>
      </c>
      <c r="VY53" s="7">
        <f t="shared" si="557"/>
        <v>5103.125</v>
      </c>
      <c r="VZ53" s="7">
        <f t="shared" si="557"/>
        <v>5103.125</v>
      </c>
      <c r="WA53" s="7">
        <f t="shared" si="557"/>
        <v>5103.125</v>
      </c>
      <c r="WB53" s="7">
        <f t="shared" si="557"/>
        <v>5103.125</v>
      </c>
      <c r="WC53" s="7">
        <f t="shared" si="557"/>
        <v>5103.125</v>
      </c>
      <c r="WD53" s="7">
        <f t="shared" si="557"/>
        <v>5103.125</v>
      </c>
      <c r="WE53" s="7">
        <f t="shared" si="557"/>
        <v>5103.125</v>
      </c>
      <c r="WF53" s="7">
        <f t="shared" si="557"/>
        <v>5103.125</v>
      </c>
      <c r="WG53" s="7">
        <f t="shared" si="557"/>
        <v>5103.125</v>
      </c>
      <c r="WH53" s="7">
        <f t="shared" si="557"/>
        <v>5103.125</v>
      </c>
      <c r="WI53" s="7">
        <f t="shared" si="557"/>
        <v>5103.125</v>
      </c>
      <c r="WJ53" s="7">
        <f t="shared" si="557"/>
        <v>5103.125</v>
      </c>
      <c r="WK53" s="7">
        <f t="shared" si="557"/>
        <v>5103.125</v>
      </c>
      <c r="WL53" s="7">
        <f t="shared" si="557"/>
        <v>5103.125</v>
      </c>
      <c r="WM53" s="7">
        <f t="shared" si="557"/>
        <v>5103.125</v>
      </c>
      <c r="WN53" s="7">
        <f t="shared" si="557"/>
        <v>5103.125</v>
      </c>
      <c r="WO53" s="7">
        <f t="shared" si="557"/>
        <v>5103.125</v>
      </c>
      <c r="WP53" s="7">
        <f t="shared" si="557"/>
        <v>5103.125</v>
      </c>
      <c r="WQ53" s="7">
        <f t="shared" si="557"/>
        <v>5103.125</v>
      </c>
      <c r="WR53" s="7">
        <f t="shared" si="557"/>
        <v>5103.125</v>
      </c>
      <c r="WS53" s="7">
        <f t="shared" si="557"/>
        <v>5103.125</v>
      </c>
      <c r="WT53" s="7">
        <f t="shared" si="557"/>
        <v>5103.125</v>
      </c>
      <c r="WU53" s="7">
        <f t="shared" si="557"/>
        <v>5103.125</v>
      </c>
      <c r="WV53" s="7">
        <f t="shared" si="557"/>
        <v>5103.125</v>
      </c>
      <c r="WW53" s="7">
        <f t="shared" si="557"/>
        <v>5103.125</v>
      </c>
      <c r="WX53" s="7">
        <f t="shared" si="557"/>
        <v>5103.125</v>
      </c>
      <c r="WY53" s="7">
        <f t="shared" si="557"/>
        <v>5103.125</v>
      </c>
      <c r="WZ53" s="7">
        <f t="shared" si="557"/>
        <v>5103.125</v>
      </c>
      <c r="XA53" s="7">
        <f t="shared" si="557"/>
        <v>5103.125</v>
      </c>
      <c r="XB53" s="7">
        <f t="shared" si="557"/>
        <v>5103.125</v>
      </c>
      <c r="XC53" s="7">
        <f t="shared" si="557"/>
        <v>5103.125</v>
      </c>
      <c r="XD53" s="7">
        <f t="shared" si="557"/>
        <v>5103.125</v>
      </c>
      <c r="XE53" s="7">
        <f t="shared" si="557"/>
        <v>5103.125</v>
      </c>
      <c r="XF53" s="7">
        <f t="shared" si="557"/>
        <v>5103.125</v>
      </c>
      <c r="XG53" s="7">
        <f t="shared" si="557"/>
        <v>5103.125</v>
      </c>
      <c r="XH53" s="7">
        <f t="shared" si="557"/>
        <v>5103.125</v>
      </c>
      <c r="XI53" s="7">
        <f t="shared" si="557"/>
        <v>5103.125</v>
      </c>
      <c r="XJ53" s="7">
        <f t="shared" si="557"/>
        <v>5103.125</v>
      </c>
      <c r="XK53" s="7">
        <f t="shared" si="557"/>
        <v>5103.125</v>
      </c>
      <c r="XL53" s="7">
        <f t="shared" si="557"/>
        <v>5103.125</v>
      </c>
      <c r="XM53" s="7">
        <f t="shared" si="557"/>
        <v>5103.125</v>
      </c>
      <c r="XN53" s="7">
        <f t="shared" si="557"/>
        <v>5103.125</v>
      </c>
      <c r="XO53" s="7">
        <f t="shared" si="557"/>
        <v>5103.125</v>
      </c>
      <c r="XP53" s="7">
        <f t="shared" si="557"/>
        <v>5103.125</v>
      </c>
      <c r="XQ53" s="7">
        <f t="shared" si="557"/>
        <v>5103.125</v>
      </c>
      <c r="XR53" s="7">
        <f t="shared" si="557"/>
        <v>5103.125</v>
      </c>
      <c r="XS53" s="7">
        <f t="shared" si="557"/>
        <v>5103.125</v>
      </c>
      <c r="XT53" s="7">
        <f t="shared" si="557"/>
        <v>5103.125</v>
      </c>
      <c r="XU53" s="7">
        <f t="shared" si="557"/>
        <v>5103.125</v>
      </c>
      <c r="XV53" s="7">
        <f t="shared" si="557"/>
        <v>5103.125</v>
      </c>
      <c r="XW53" s="7">
        <f t="shared" si="557"/>
        <v>5103.125</v>
      </c>
      <c r="XX53" s="7">
        <f t="shared" si="557"/>
        <v>5103.125</v>
      </c>
      <c r="XY53" s="7">
        <f t="shared" si="557"/>
        <v>5103.125</v>
      </c>
      <c r="XZ53" s="7">
        <f t="shared" ref="XZ53:AAK53" si="558">XZ48+XY53</f>
        <v>5103.125</v>
      </c>
      <c r="YA53" s="7">
        <f t="shared" si="558"/>
        <v>5103.125</v>
      </c>
      <c r="YB53" s="7">
        <f t="shared" si="558"/>
        <v>5103.125</v>
      </c>
      <c r="YC53" s="7">
        <f t="shared" si="558"/>
        <v>5103.125</v>
      </c>
      <c r="YD53" s="7">
        <f t="shared" si="558"/>
        <v>5103.125</v>
      </c>
      <c r="YE53" s="7">
        <f t="shared" si="558"/>
        <v>5103.125</v>
      </c>
      <c r="YF53" s="7">
        <f t="shared" si="558"/>
        <v>5103.125</v>
      </c>
      <c r="YG53" s="7">
        <f t="shared" si="558"/>
        <v>5103.125</v>
      </c>
      <c r="YH53" s="7">
        <f t="shared" si="558"/>
        <v>5103.125</v>
      </c>
      <c r="YI53" s="7">
        <f t="shared" si="558"/>
        <v>5103.125</v>
      </c>
      <c r="YJ53" s="7">
        <f t="shared" si="558"/>
        <v>5103.125</v>
      </c>
      <c r="YK53" s="7">
        <f t="shared" si="558"/>
        <v>5103.125</v>
      </c>
      <c r="YL53" s="7">
        <f t="shared" si="558"/>
        <v>5103.125</v>
      </c>
      <c r="YM53" s="7">
        <f t="shared" si="558"/>
        <v>5103.125</v>
      </c>
      <c r="YN53" s="7">
        <f t="shared" si="558"/>
        <v>5103.125</v>
      </c>
      <c r="YO53" s="7">
        <f t="shared" si="558"/>
        <v>5103.125</v>
      </c>
      <c r="YP53" s="7">
        <f t="shared" si="558"/>
        <v>5103.125</v>
      </c>
      <c r="YQ53" s="7">
        <f t="shared" si="558"/>
        <v>5103.125</v>
      </c>
      <c r="YR53" s="7">
        <f t="shared" si="558"/>
        <v>5103.125</v>
      </c>
      <c r="YS53" s="7">
        <f t="shared" si="558"/>
        <v>5103.125</v>
      </c>
      <c r="YT53" s="7">
        <f t="shared" si="558"/>
        <v>5103.125</v>
      </c>
      <c r="YU53" s="7">
        <f t="shared" si="558"/>
        <v>5103.125</v>
      </c>
      <c r="YV53" s="7">
        <f t="shared" si="558"/>
        <v>5103.125</v>
      </c>
      <c r="YW53" s="7">
        <f t="shared" si="558"/>
        <v>5103.125</v>
      </c>
      <c r="YX53" s="7">
        <f t="shared" si="558"/>
        <v>5103.125</v>
      </c>
      <c r="YY53" s="7">
        <f t="shared" si="558"/>
        <v>5103.125</v>
      </c>
      <c r="YZ53" s="7">
        <f t="shared" si="558"/>
        <v>5103.125</v>
      </c>
      <c r="ZA53" s="7">
        <f t="shared" si="558"/>
        <v>5103.125</v>
      </c>
      <c r="ZB53" s="7">
        <f t="shared" si="558"/>
        <v>5103.125</v>
      </c>
      <c r="ZC53" s="7">
        <f t="shared" si="558"/>
        <v>5103.125</v>
      </c>
      <c r="ZD53" s="7">
        <f t="shared" si="558"/>
        <v>5103.125</v>
      </c>
      <c r="ZE53" s="7">
        <f t="shared" si="558"/>
        <v>5103.125</v>
      </c>
      <c r="ZF53" s="7">
        <f t="shared" si="558"/>
        <v>5103.125</v>
      </c>
      <c r="ZG53" s="7">
        <f t="shared" si="558"/>
        <v>5103.125</v>
      </c>
      <c r="ZH53" s="7">
        <f t="shared" si="558"/>
        <v>5103.125</v>
      </c>
      <c r="ZI53" s="7">
        <f t="shared" si="558"/>
        <v>5103.125</v>
      </c>
      <c r="ZJ53" s="7">
        <f t="shared" si="558"/>
        <v>5103.125</v>
      </c>
      <c r="ZK53" s="7">
        <f t="shared" si="558"/>
        <v>5103.125</v>
      </c>
      <c r="ZL53" s="7">
        <f t="shared" si="558"/>
        <v>5103.125</v>
      </c>
      <c r="ZM53" s="7">
        <f t="shared" si="558"/>
        <v>5103.125</v>
      </c>
      <c r="ZN53" s="7">
        <f t="shared" si="558"/>
        <v>5103.125</v>
      </c>
      <c r="ZO53" s="7">
        <f t="shared" si="558"/>
        <v>5103.125</v>
      </c>
      <c r="ZP53" s="7">
        <f t="shared" si="558"/>
        <v>5103.125</v>
      </c>
      <c r="ZQ53" s="7">
        <f t="shared" si="558"/>
        <v>5103.125</v>
      </c>
      <c r="ZR53" s="7">
        <f t="shared" si="558"/>
        <v>5103.125</v>
      </c>
      <c r="ZS53" s="7">
        <f t="shared" si="558"/>
        <v>5103.125</v>
      </c>
      <c r="ZT53" s="7">
        <f t="shared" si="558"/>
        <v>5103.125</v>
      </c>
      <c r="ZU53" s="7">
        <f t="shared" si="558"/>
        <v>5103.125</v>
      </c>
      <c r="ZV53" s="7">
        <f t="shared" si="558"/>
        <v>5103.125</v>
      </c>
      <c r="ZW53" s="7">
        <f t="shared" si="558"/>
        <v>5103.125</v>
      </c>
      <c r="ZX53" s="7">
        <f t="shared" si="558"/>
        <v>5103.125</v>
      </c>
      <c r="ZY53" s="7">
        <f t="shared" si="558"/>
        <v>5103.125</v>
      </c>
      <c r="ZZ53" s="7">
        <f t="shared" si="558"/>
        <v>5103.125</v>
      </c>
      <c r="AAA53" s="7">
        <f t="shared" si="558"/>
        <v>5103.125</v>
      </c>
      <c r="AAB53" s="7">
        <f t="shared" si="558"/>
        <v>5103.125</v>
      </c>
      <c r="AAC53" s="7">
        <f t="shared" si="558"/>
        <v>5103.125</v>
      </c>
      <c r="AAD53" s="7">
        <f t="shared" si="558"/>
        <v>5103.125</v>
      </c>
      <c r="AAE53" s="7">
        <f t="shared" si="558"/>
        <v>5103.125</v>
      </c>
      <c r="AAF53" s="7">
        <f t="shared" si="558"/>
        <v>5103.125</v>
      </c>
      <c r="AAG53" s="7">
        <f t="shared" si="558"/>
        <v>5103.125</v>
      </c>
      <c r="AAH53" s="7">
        <f t="shared" si="558"/>
        <v>5103.125</v>
      </c>
      <c r="AAI53" s="7">
        <f t="shared" si="558"/>
        <v>5103.125</v>
      </c>
      <c r="AAJ53" s="7">
        <f t="shared" si="558"/>
        <v>5103.125</v>
      </c>
      <c r="AAK53" s="7">
        <f t="shared" si="558"/>
        <v>5103.125</v>
      </c>
      <c r="AAL53" s="7">
        <f t="shared" ref="AAL53:ACW53" si="559">AAL48+AAK53</f>
        <v>5103.125</v>
      </c>
      <c r="AAM53" s="7">
        <f t="shared" si="559"/>
        <v>5103.125</v>
      </c>
      <c r="AAN53" s="7">
        <f t="shared" si="559"/>
        <v>5103.125</v>
      </c>
      <c r="AAO53" s="7">
        <f t="shared" si="559"/>
        <v>5103.125</v>
      </c>
      <c r="AAP53" s="7">
        <f t="shared" si="559"/>
        <v>5103.125</v>
      </c>
      <c r="AAQ53" s="7">
        <f t="shared" si="559"/>
        <v>5103.125</v>
      </c>
      <c r="AAR53" s="7">
        <f t="shared" si="559"/>
        <v>5103.125</v>
      </c>
      <c r="AAS53" s="7">
        <f t="shared" si="559"/>
        <v>5103.125</v>
      </c>
      <c r="AAT53" s="7">
        <f t="shared" si="559"/>
        <v>5103.125</v>
      </c>
      <c r="AAU53" s="7">
        <f t="shared" si="559"/>
        <v>5103.125</v>
      </c>
      <c r="AAV53" s="7">
        <f t="shared" si="559"/>
        <v>5103.125</v>
      </c>
      <c r="AAW53" s="7">
        <f t="shared" si="559"/>
        <v>5103.125</v>
      </c>
      <c r="AAX53" s="7">
        <f t="shared" si="559"/>
        <v>5103.125</v>
      </c>
      <c r="AAY53" s="7">
        <f t="shared" si="559"/>
        <v>5103.125</v>
      </c>
      <c r="AAZ53" s="7">
        <f t="shared" si="559"/>
        <v>5103.125</v>
      </c>
      <c r="ABA53" s="7">
        <f t="shared" si="559"/>
        <v>5103.125</v>
      </c>
      <c r="ABB53" s="7">
        <f t="shared" si="559"/>
        <v>5103.125</v>
      </c>
      <c r="ABC53" s="7">
        <f t="shared" si="559"/>
        <v>5103.125</v>
      </c>
      <c r="ABD53" s="7">
        <f t="shared" si="559"/>
        <v>5103.125</v>
      </c>
      <c r="ABE53" s="7">
        <f t="shared" si="559"/>
        <v>5103.125</v>
      </c>
      <c r="ABF53" s="7">
        <f t="shared" si="559"/>
        <v>5103.125</v>
      </c>
      <c r="ABG53" s="7">
        <f t="shared" si="559"/>
        <v>5103.125</v>
      </c>
      <c r="ABH53" s="7">
        <f t="shared" si="559"/>
        <v>5103.125</v>
      </c>
      <c r="ABI53" s="7">
        <f t="shared" si="559"/>
        <v>5103.125</v>
      </c>
      <c r="ABJ53" s="7">
        <f t="shared" si="559"/>
        <v>5103.125</v>
      </c>
      <c r="ABK53" s="7">
        <f t="shared" si="559"/>
        <v>5103.125</v>
      </c>
      <c r="ABL53" s="7">
        <f t="shared" si="559"/>
        <v>5103.125</v>
      </c>
      <c r="ABM53" s="7">
        <f t="shared" si="559"/>
        <v>5103.125</v>
      </c>
      <c r="ABN53" s="7">
        <f t="shared" si="559"/>
        <v>5103.125</v>
      </c>
      <c r="ABO53" s="7">
        <f t="shared" si="559"/>
        <v>5103.125</v>
      </c>
      <c r="ABP53" s="7">
        <f t="shared" si="559"/>
        <v>5103.125</v>
      </c>
      <c r="ABQ53" s="7">
        <f t="shared" si="559"/>
        <v>5103.125</v>
      </c>
      <c r="ABR53" s="7">
        <f t="shared" si="559"/>
        <v>5103.125</v>
      </c>
      <c r="ABS53" s="7">
        <f t="shared" si="559"/>
        <v>5103.125</v>
      </c>
      <c r="ABT53" s="7">
        <f t="shared" si="559"/>
        <v>5103.125</v>
      </c>
      <c r="ABU53" s="7">
        <f t="shared" si="559"/>
        <v>5103.125</v>
      </c>
      <c r="ABV53" s="7">
        <f t="shared" si="559"/>
        <v>5103.125</v>
      </c>
      <c r="ABW53" s="7">
        <f t="shared" si="559"/>
        <v>5103.125</v>
      </c>
      <c r="ABX53" s="7">
        <f t="shared" si="559"/>
        <v>5103.125</v>
      </c>
      <c r="ABY53" s="7">
        <f t="shared" si="559"/>
        <v>5103.125</v>
      </c>
      <c r="ABZ53" s="7">
        <f t="shared" si="559"/>
        <v>5103.125</v>
      </c>
      <c r="ACA53" s="7">
        <f t="shared" si="559"/>
        <v>5103.125</v>
      </c>
      <c r="ACB53" s="7">
        <f t="shared" si="559"/>
        <v>5103.125</v>
      </c>
      <c r="ACC53" s="7">
        <f t="shared" si="559"/>
        <v>5103.125</v>
      </c>
      <c r="ACD53" s="7">
        <f t="shared" si="559"/>
        <v>5103.125</v>
      </c>
      <c r="ACE53" s="7">
        <f t="shared" si="559"/>
        <v>5103.125</v>
      </c>
      <c r="ACF53" s="7">
        <f t="shared" si="559"/>
        <v>5103.125</v>
      </c>
      <c r="ACG53" s="7">
        <f t="shared" si="559"/>
        <v>5103.125</v>
      </c>
      <c r="ACH53" s="7">
        <f t="shared" si="559"/>
        <v>5103.125</v>
      </c>
      <c r="ACI53" s="7">
        <f t="shared" si="559"/>
        <v>5103.125</v>
      </c>
      <c r="ACJ53" s="7">
        <f t="shared" si="559"/>
        <v>5103.125</v>
      </c>
      <c r="ACK53" s="7">
        <f t="shared" si="559"/>
        <v>5103.125</v>
      </c>
      <c r="ACL53" s="7">
        <f t="shared" si="559"/>
        <v>5103.125</v>
      </c>
      <c r="ACM53" s="7">
        <f t="shared" si="559"/>
        <v>5103.125</v>
      </c>
      <c r="ACN53" s="7">
        <f t="shared" si="559"/>
        <v>5103.125</v>
      </c>
      <c r="ACO53" s="7">
        <f t="shared" si="559"/>
        <v>5103.125</v>
      </c>
      <c r="ACP53" s="7">
        <f t="shared" si="559"/>
        <v>5103.125</v>
      </c>
      <c r="ACQ53" s="7">
        <f t="shared" si="559"/>
        <v>5103.125</v>
      </c>
      <c r="ACR53" s="7">
        <f t="shared" si="559"/>
        <v>5103.125</v>
      </c>
      <c r="ACS53" s="7">
        <f t="shared" si="559"/>
        <v>5103.125</v>
      </c>
      <c r="ACT53" s="7">
        <f t="shared" si="559"/>
        <v>5103.125</v>
      </c>
      <c r="ACU53" s="7">
        <f t="shared" si="559"/>
        <v>5103.125</v>
      </c>
      <c r="ACV53" s="7">
        <f t="shared" si="559"/>
        <v>5103.125</v>
      </c>
      <c r="ACW53" s="7">
        <f t="shared" si="559"/>
        <v>5103.125</v>
      </c>
      <c r="ACX53" s="7">
        <f t="shared" ref="ACX53:AFI53" si="560">ACX48+ACW53</f>
        <v>5103.125</v>
      </c>
      <c r="ACY53" s="7">
        <f t="shared" si="560"/>
        <v>5103.125</v>
      </c>
      <c r="ACZ53" s="7">
        <f t="shared" si="560"/>
        <v>5103.125</v>
      </c>
      <c r="ADA53" s="7">
        <f t="shared" si="560"/>
        <v>5103.125</v>
      </c>
      <c r="ADB53" s="7">
        <f t="shared" si="560"/>
        <v>5103.125</v>
      </c>
      <c r="ADC53" s="7">
        <f t="shared" si="560"/>
        <v>5103.125</v>
      </c>
      <c r="ADD53" s="7">
        <f t="shared" si="560"/>
        <v>5103.125</v>
      </c>
      <c r="ADE53" s="7">
        <f t="shared" si="560"/>
        <v>5103.125</v>
      </c>
      <c r="ADF53" s="7">
        <f t="shared" si="560"/>
        <v>5103.125</v>
      </c>
      <c r="ADG53" s="7">
        <f t="shared" si="560"/>
        <v>5103.125</v>
      </c>
      <c r="ADH53" s="7">
        <f t="shared" si="560"/>
        <v>5103.125</v>
      </c>
      <c r="ADI53" s="7">
        <f t="shared" si="560"/>
        <v>5103.125</v>
      </c>
      <c r="ADJ53" s="7">
        <f t="shared" si="560"/>
        <v>5103.125</v>
      </c>
      <c r="ADK53" s="7">
        <f t="shared" si="560"/>
        <v>5103.125</v>
      </c>
      <c r="ADL53" s="7">
        <f t="shared" si="560"/>
        <v>5103.125</v>
      </c>
      <c r="ADM53" s="7">
        <f t="shared" si="560"/>
        <v>5103.125</v>
      </c>
      <c r="ADN53" s="7">
        <f t="shared" si="560"/>
        <v>5103.125</v>
      </c>
      <c r="ADO53" s="7">
        <f t="shared" si="560"/>
        <v>5103.125</v>
      </c>
      <c r="ADP53" s="7">
        <f t="shared" si="560"/>
        <v>5103.125</v>
      </c>
      <c r="ADQ53" s="7">
        <f t="shared" si="560"/>
        <v>5103.125</v>
      </c>
      <c r="ADR53" s="7">
        <f t="shared" si="560"/>
        <v>5103.125</v>
      </c>
      <c r="ADS53" s="7">
        <f t="shared" si="560"/>
        <v>5103.125</v>
      </c>
      <c r="ADT53" s="7">
        <f t="shared" si="560"/>
        <v>5103.125</v>
      </c>
      <c r="ADU53" s="7">
        <f t="shared" si="560"/>
        <v>5103.125</v>
      </c>
      <c r="ADV53" s="7">
        <f t="shared" si="560"/>
        <v>5103.125</v>
      </c>
      <c r="ADW53" s="7">
        <f t="shared" si="560"/>
        <v>5103.125</v>
      </c>
      <c r="ADX53" s="7">
        <f t="shared" si="560"/>
        <v>5103.125</v>
      </c>
      <c r="ADY53" s="7">
        <f t="shared" si="560"/>
        <v>5103.125</v>
      </c>
      <c r="ADZ53" s="7">
        <f t="shared" si="560"/>
        <v>5103.125</v>
      </c>
      <c r="AEA53" s="7">
        <f t="shared" si="560"/>
        <v>5103.125</v>
      </c>
      <c r="AEB53" s="7">
        <f t="shared" si="560"/>
        <v>5103.125</v>
      </c>
      <c r="AEC53" s="7">
        <f t="shared" si="560"/>
        <v>5103.125</v>
      </c>
      <c r="AED53" s="7">
        <f t="shared" si="560"/>
        <v>5103.125</v>
      </c>
      <c r="AEE53" s="7">
        <f t="shared" si="560"/>
        <v>5103.125</v>
      </c>
      <c r="AEF53" s="7">
        <f t="shared" si="560"/>
        <v>5103.125</v>
      </c>
      <c r="AEG53" s="7">
        <f t="shared" si="560"/>
        <v>5103.125</v>
      </c>
      <c r="AEH53" s="7">
        <f t="shared" si="560"/>
        <v>5103.125</v>
      </c>
      <c r="AEI53" s="7">
        <f t="shared" si="560"/>
        <v>5103.125</v>
      </c>
      <c r="AEJ53" s="7">
        <f t="shared" si="560"/>
        <v>5103.125</v>
      </c>
      <c r="AEK53" s="7">
        <f t="shared" si="560"/>
        <v>5103.125</v>
      </c>
      <c r="AEL53" s="7">
        <f t="shared" si="560"/>
        <v>5103.125</v>
      </c>
      <c r="AEM53" s="7">
        <f t="shared" si="560"/>
        <v>5103.125</v>
      </c>
      <c r="AEN53" s="7">
        <f t="shared" si="560"/>
        <v>5103.125</v>
      </c>
      <c r="AEO53" s="7">
        <f t="shared" si="560"/>
        <v>5103.125</v>
      </c>
      <c r="AEP53" s="7">
        <f t="shared" si="560"/>
        <v>5103.125</v>
      </c>
      <c r="AEQ53" s="7">
        <f t="shared" si="560"/>
        <v>5103.125</v>
      </c>
      <c r="AER53" s="7">
        <f t="shared" si="560"/>
        <v>5103.125</v>
      </c>
      <c r="AES53" s="7">
        <f t="shared" si="560"/>
        <v>5103.125</v>
      </c>
      <c r="AET53" s="7">
        <f t="shared" si="560"/>
        <v>5103.125</v>
      </c>
      <c r="AEU53" s="7">
        <f t="shared" si="560"/>
        <v>5103.125</v>
      </c>
      <c r="AEV53" s="7">
        <f t="shared" si="560"/>
        <v>5103.125</v>
      </c>
      <c r="AEW53" s="7">
        <f t="shared" si="560"/>
        <v>5103.125</v>
      </c>
      <c r="AEX53" s="7">
        <f t="shared" si="560"/>
        <v>5103.125</v>
      </c>
      <c r="AEY53" s="7">
        <f t="shared" si="560"/>
        <v>5103.125</v>
      </c>
      <c r="AEZ53" s="7">
        <f t="shared" si="560"/>
        <v>5103.125</v>
      </c>
      <c r="AFA53" s="7">
        <f t="shared" si="560"/>
        <v>5103.125</v>
      </c>
      <c r="AFB53" s="7">
        <f t="shared" si="560"/>
        <v>5103.125</v>
      </c>
      <c r="AFC53" s="7">
        <f t="shared" si="560"/>
        <v>5103.125</v>
      </c>
      <c r="AFD53" s="7">
        <f t="shared" si="560"/>
        <v>5103.125</v>
      </c>
      <c r="AFE53" s="7">
        <f t="shared" si="560"/>
        <v>5103.125</v>
      </c>
      <c r="AFF53" s="7">
        <f t="shared" si="560"/>
        <v>5103.125</v>
      </c>
      <c r="AFG53" s="7">
        <f t="shared" si="560"/>
        <v>5103.125</v>
      </c>
      <c r="AFH53" s="7">
        <f t="shared" si="560"/>
        <v>5103.125</v>
      </c>
      <c r="AFI53" s="7">
        <f t="shared" si="560"/>
        <v>5103.125</v>
      </c>
      <c r="AFJ53" s="7">
        <f t="shared" ref="AFJ53:AHU53" si="561">AFJ48+AFI53</f>
        <v>5103.125</v>
      </c>
      <c r="AFK53" s="7">
        <f t="shared" si="561"/>
        <v>5103.125</v>
      </c>
      <c r="AFL53" s="7">
        <f t="shared" si="561"/>
        <v>5103.125</v>
      </c>
      <c r="AFM53" s="7">
        <f t="shared" si="561"/>
        <v>5103.125</v>
      </c>
      <c r="AFN53" s="7">
        <f t="shared" si="561"/>
        <v>5103.125</v>
      </c>
      <c r="AFO53" s="7">
        <f t="shared" si="561"/>
        <v>5103.125</v>
      </c>
      <c r="AFP53" s="7">
        <f t="shared" si="561"/>
        <v>5103.125</v>
      </c>
      <c r="AFQ53" s="7">
        <f t="shared" si="561"/>
        <v>5103.125</v>
      </c>
      <c r="AFR53" s="7">
        <f t="shared" si="561"/>
        <v>5103.125</v>
      </c>
      <c r="AFS53" s="7">
        <f t="shared" si="561"/>
        <v>5103.125</v>
      </c>
      <c r="AFT53" s="7">
        <f t="shared" si="561"/>
        <v>5103.125</v>
      </c>
      <c r="AFU53" s="7">
        <f t="shared" si="561"/>
        <v>5103.125</v>
      </c>
      <c r="AFV53" s="7">
        <f t="shared" si="561"/>
        <v>5103.125</v>
      </c>
      <c r="AFW53" s="7">
        <f t="shared" si="561"/>
        <v>5103.125</v>
      </c>
      <c r="AFX53" s="7">
        <f t="shared" si="561"/>
        <v>5103.125</v>
      </c>
      <c r="AFY53" s="7">
        <f t="shared" si="561"/>
        <v>5103.125</v>
      </c>
      <c r="AFZ53" s="7">
        <f t="shared" si="561"/>
        <v>5103.125</v>
      </c>
      <c r="AGA53" s="7">
        <f t="shared" si="561"/>
        <v>5103.125</v>
      </c>
      <c r="AGB53" s="7">
        <f t="shared" si="561"/>
        <v>5103.125</v>
      </c>
      <c r="AGC53" s="7">
        <f t="shared" si="561"/>
        <v>5103.125</v>
      </c>
      <c r="AGD53" s="7">
        <f t="shared" si="561"/>
        <v>5103.125</v>
      </c>
      <c r="AGE53" s="7">
        <f t="shared" si="561"/>
        <v>5103.125</v>
      </c>
      <c r="AGF53" s="7">
        <f t="shared" si="561"/>
        <v>5103.125</v>
      </c>
      <c r="AGG53" s="7">
        <f t="shared" si="561"/>
        <v>5103.125</v>
      </c>
      <c r="AGH53" s="7">
        <f t="shared" si="561"/>
        <v>5103.125</v>
      </c>
      <c r="AGI53" s="7">
        <f t="shared" si="561"/>
        <v>5103.125</v>
      </c>
      <c r="AGJ53" s="7">
        <f t="shared" si="561"/>
        <v>5103.125</v>
      </c>
      <c r="AGK53" s="7">
        <f t="shared" si="561"/>
        <v>5103.125</v>
      </c>
      <c r="AGL53" s="7">
        <f t="shared" si="561"/>
        <v>5103.125</v>
      </c>
      <c r="AGM53" s="7">
        <f t="shared" si="561"/>
        <v>5103.125</v>
      </c>
      <c r="AGN53" s="7">
        <f t="shared" si="561"/>
        <v>5103.125</v>
      </c>
      <c r="AGO53" s="7">
        <f t="shared" si="561"/>
        <v>5103.125</v>
      </c>
      <c r="AGP53" s="7">
        <f t="shared" si="561"/>
        <v>5103.125</v>
      </c>
      <c r="AGQ53" s="7">
        <f t="shared" si="561"/>
        <v>5103.125</v>
      </c>
      <c r="AGR53" s="7">
        <f t="shared" si="561"/>
        <v>5103.125</v>
      </c>
      <c r="AGS53" s="7">
        <f t="shared" si="561"/>
        <v>5103.125</v>
      </c>
      <c r="AGT53" s="7">
        <f t="shared" si="561"/>
        <v>5103.125</v>
      </c>
      <c r="AGU53" s="7">
        <f t="shared" si="561"/>
        <v>5103.125</v>
      </c>
      <c r="AGV53" s="7">
        <f t="shared" si="561"/>
        <v>5103.125</v>
      </c>
      <c r="AGW53" s="7">
        <f t="shared" si="561"/>
        <v>5103.125</v>
      </c>
      <c r="AGX53" s="7">
        <f t="shared" si="561"/>
        <v>5103.125</v>
      </c>
      <c r="AGY53" s="7">
        <f t="shared" si="561"/>
        <v>5103.125</v>
      </c>
      <c r="AGZ53" s="7">
        <f t="shared" si="561"/>
        <v>5103.125</v>
      </c>
      <c r="AHA53" s="7">
        <f t="shared" si="561"/>
        <v>5103.125</v>
      </c>
      <c r="AHB53" s="7">
        <f t="shared" si="561"/>
        <v>5103.125</v>
      </c>
      <c r="AHC53" s="7">
        <f t="shared" si="561"/>
        <v>5103.125</v>
      </c>
      <c r="AHD53" s="7">
        <f t="shared" si="561"/>
        <v>5103.125</v>
      </c>
      <c r="AHE53" s="7">
        <f t="shared" si="561"/>
        <v>5103.125</v>
      </c>
      <c r="AHF53" s="7">
        <f t="shared" si="561"/>
        <v>5103.125</v>
      </c>
      <c r="AHG53" s="7">
        <f t="shared" si="561"/>
        <v>5103.125</v>
      </c>
      <c r="AHH53" s="7">
        <f t="shared" si="561"/>
        <v>5103.125</v>
      </c>
      <c r="AHI53" s="7">
        <f t="shared" si="561"/>
        <v>5103.125</v>
      </c>
      <c r="AHJ53" s="7">
        <f t="shared" si="561"/>
        <v>5103.125</v>
      </c>
      <c r="AHK53" s="7">
        <f t="shared" si="561"/>
        <v>5103.125</v>
      </c>
      <c r="AHL53" s="7">
        <f t="shared" si="561"/>
        <v>5103.125</v>
      </c>
      <c r="AHM53" s="7">
        <f t="shared" si="561"/>
        <v>5103.125</v>
      </c>
      <c r="AHN53" s="7">
        <f t="shared" si="561"/>
        <v>5103.125</v>
      </c>
      <c r="AHO53" s="7">
        <f t="shared" si="561"/>
        <v>5103.125</v>
      </c>
      <c r="AHP53" s="7">
        <f t="shared" si="561"/>
        <v>5103.125</v>
      </c>
      <c r="AHQ53" s="7">
        <f t="shared" si="561"/>
        <v>5103.125</v>
      </c>
      <c r="AHR53" s="7">
        <f t="shared" si="561"/>
        <v>5103.125</v>
      </c>
      <c r="AHS53" s="7">
        <f t="shared" si="561"/>
        <v>5103.125</v>
      </c>
      <c r="AHT53" s="7">
        <f t="shared" si="561"/>
        <v>5103.125</v>
      </c>
      <c r="AHU53" s="7">
        <f t="shared" si="561"/>
        <v>5103.125</v>
      </c>
      <c r="AHV53" s="7">
        <f t="shared" ref="AHV53:AKG53" si="562">AHV48+AHU53</f>
        <v>5103.125</v>
      </c>
      <c r="AHW53" s="7">
        <f t="shared" si="562"/>
        <v>5103.125</v>
      </c>
      <c r="AHX53" s="7">
        <f t="shared" si="562"/>
        <v>5103.125</v>
      </c>
      <c r="AHY53" s="7">
        <f t="shared" si="562"/>
        <v>5103.125</v>
      </c>
      <c r="AHZ53" s="7">
        <f t="shared" si="562"/>
        <v>5103.125</v>
      </c>
      <c r="AIA53" s="7">
        <f t="shared" si="562"/>
        <v>5103.125</v>
      </c>
      <c r="AIB53" s="7">
        <f t="shared" si="562"/>
        <v>5103.125</v>
      </c>
      <c r="AIC53" s="7">
        <f t="shared" si="562"/>
        <v>5103.125</v>
      </c>
      <c r="AID53" s="7">
        <f t="shared" si="562"/>
        <v>5103.125</v>
      </c>
      <c r="AIE53" s="7">
        <f t="shared" si="562"/>
        <v>5103.125</v>
      </c>
      <c r="AIF53" s="7">
        <f t="shared" si="562"/>
        <v>5103.125</v>
      </c>
      <c r="AIG53" s="7">
        <f t="shared" si="562"/>
        <v>5103.125</v>
      </c>
      <c r="AIH53" s="7">
        <f t="shared" si="562"/>
        <v>5103.125</v>
      </c>
      <c r="AII53" s="7">
        <f t="shared" si="562"/>
        <v>5103.125</v>
      </c>
      <c r="AIJ53" s="7">
        <f t="shared" si="562"/>
        <v>5103.125</v>
      </c>
      <c r="AIK53" s="7">
        <f t="shared" si="562"/>
        <v>5103.125</v>
      </c>
      <c r="AIL53" s="7">
        <f t="shared" si="562"/>
        <v>5103.125</v>
      </c>
      <c r="AIM53" s="7">
        <f t="shared" si="562"/>
        <v>5103.125</v>
      </c>
      <c r="AIN53" s="7">
        <f t="shared" si="562"/>
        <v>5103.125</v>
      </c>
      <c r="AIO53" s="7">
        <f t="shared" si="562"/>
        <v>5103.125</v>
      </c>
      <c r="AIP53" s="7">
        <f t="shared" si="562"/>
        <v>5103.125</v>
      </c>
      <c r="AIQ53" s="7">
        <f t="shared" si="562"/>
        <v>5103.125</v>
      </c>
      <c r="AIR53" s="7">
        <f t="shared" si="562"/>
        <v>5103.125</v>
      </c>
      <c r="AIS53" s="7">
        <f t="shared" si="562"/>
        <v>5103.125</v>
      </c>
      <c r="AIT53" s="7">
        <f t="shared" si="562"/>
        <v>5103.125</v>
      </c>
      <c r="AIU53" s="7">
        <f t="shared" si="562"/>
        <v>5103.125</v>
      </c>
      <c r="AIV53" s="7">
        <f t="shared" si="562"/>
        <v>5103.125</v>
      </c>
      <c r="AIW53" s="7">
        <f t="shared" si="562"/>
        <v>5103.125</v>
      </c>
      <c r="AIX53" s="7">
        <f t="shared" si="562"/>
        <v>5103.125</v>
      </c>
      <c r="AIY53" s="7">
        <f t="shared" si="562"/>
        <v>5103.125</v>
      </c>
      <c r="AIZ53" s="7">
        <f t="shared" si="562"/>
        <v>5103.125</v>
      </c>
      <c r="AJA53" s="7">
        <f t="shared" si="562"/>
        <v>5103.125</v>
      </c>
      <c r="AJB53" s="7">
        <f t="shared" si="562"/>
        <v>5103.125</v>
      </c>
      <c r="AJC53" s="7">
        <f t="shared" si="562"/>
        <v>5103.125</v>
      </c>
      <c r="AJD53" s="7">
        <f t="shared" si="562"/>
        <v>5103.125</v>
      </c>
      <c r="AJE53" s="7">
        <f t="shared" si="562"/>
        <v>5103.125</v>
      </c>
      <c r="AJF53" s="7">
        <f t="shared" si="562"/>
        <v>5103.125</v>
      </c>
      <c r="AJG53" s="7">
        <f t="shared" si="562"/>
        <v>5103.125</v>
      </c>
      <c r="AJH53" s="7">
        <f t="shared" si="562"/>
        <v>5103.125</v>
      </c>
      <c r="AJI53" s="7">
        <f t="shared" si="562"/>
        <v>5103.125</v>
      </c>
      <c r="AJJ53" s="7">
        <f t="shared" si="562"/>
        <v>5103.125</v>
      </c>
      <c r="AJK53" s="7">
        <f t="shared" si="562"/>
        <v>5103.125</v>
      </c>
      <c r="AJL53" s="7">
        <f t="shared" si="562"/>
        <v>5103.125</v>
      </c>
      <c r="AJM53" s="7">
        <f t="shared" si="562"/>
        <v>5103.125</v>
      </c>
      <c r="AJN53" s="7">
        <f t="shared" si="562"/>
        <v>5103.125</v>
      </c>
      <c r="AJO53" s="7">
        <f t="shared" si="562"/>
        <v>5103.125</v>
      </c>
      <c r="AJP53" s="7">
        <f t="shared" si="562"/>
        <v>5103.125</v>
      </c>
      <c r="AJQ53" s="7">
        <f t="shared" si="562"/>
        <v>5103.125</v>
      </c>
      <c r="AJR53" s="7">
        <f t="shared" si="562"/>
        <v>5103.125</v>
      </c>
      <c r="AJS53" s="7">
        <f t="shared" si="562"/>
        <v>5103.125</v>
      </c>
      <c r="AJT53" s="7">
        <f t="shared" si="562"/>
        <v>5103.125</v>
      </c>
      <c r="AJU53" s="7">
        <f t="shared" si="562"/>
        <v>5103.125</v>
      </c>
      <c r="AJV53" s="7">
        <f t="shared" si="562"/>
        <v>5103.125</v>
      </c>
      <c r="AJW53" s="7">
        <f t="shared" si="562"/>
        <v>5103.125</v>
      </c>
      <c r="AJX53" s="7">
        <f t="shared" si="562"/>
        <v>5103.125</v>
      </c>
      <c r="AJY53" s="7">
        <f t="shared" si="562"/>
        <v>5103.125</v>
      </c>
      <c r="AJZ53" s="7">
        <f t="shared" si="562"/>
        <v>5103.125</v>
      </c>
      <c r="AKA53" s="7">
        <f t="shared" si="562"/>
        <v>5103.125</v>
      </c>
      <c r="AKB53" s="7">
        <f t="shared" si="562"/>
        <v>5103.125</v>
      </c>
      <c r="AKC53" s="7">
        <f t="shared" si="562"/>
        <v>5103.125</v>
      </c>
      <c r="AKD53" s="7">
        <f t="shared" si="562"/>
        <v>5103.125</v>
      </c>
      <c r="AKE53" s="7">
        <f t="shared" si="562"/>
        <v>5103.125</v>
      </c>
      <c r="AKF53" s="7">
        <f t="shared" si="562"/>
        <v>5103.125</v>
      </c>
      <c r="AKG53" s="7">
        <f t="shared" si="562"/>
        <v>5103.125</v>
      </c>
      <c r="AKH53" s="7">
        <f t="shared" ref="AKH53:AMS53" si="563">AKH48+AKG53</f>
        <v>5103.125</v>
      </c>
      <c r="AKI53" s="7">
        <f t="shared" si="563"/>
        <v>5103.125</v>
      </c>
      <c r="AKJ53" s="7">
        <f t="shared" si="563"/>
        <v>5103.125</v>
      </c>
      <c r="AKK53" s="7">
        <f t="shared" si="563"/>
        <v>5103.125</v>
      </c>
      <c r="AKL53" s="7">
        <f t="shared" si="563"/>
        <v>5103.125</v>
      </c>
      <c r="AKM53" s="7">
        <f t="shared" si="563"/>
        <v>5103.125</v>
      </c>
      <c r="AKN53" s="7">
        <f t="shared" si="563"/>
        <v>5103.125</v>
      </c>
      <c r="AKO53" s="7">
        <f t="shared" si="563"/>
        <v>5103.125</v>
      </c>
      <c r="AKP53" s="7">
        <f t="shared" si="563"/>
        <v>5103.125</v>
      </c>
      <c r="AKQ53" s="7">
        <f t="shared" si="563"/>
        <v>5103.125</v>
      </c>
      <c r="AKR53" s="7">
        <f t="shared" si="563"/>
        <v>5103.125</v>
      </c>
      <c r="AKS53" s="7">
        <f t="shared" si="563"/>
        <v>5103.125</v>
      </c>
      <c r="AKT53" s="7">
        <f t="shared" si="563"/>
        <v>5103.125</v>
      </c>
      <c r="AKU53" s="7">
        <f t="shared" si="563"/>
        <v>5103.125</v>
      </c>
      <c r="AKV53" s="7">
        <f t="shared" si="563"/>
        <v>5103.125</v>
      </c>
      <c r="AKW53" s="7">
        <f t="shared" si="563"/>
        <v>5103.125</v>
      </c>
      <c r="AKX53" s="7">
        <f t="shared" si="563"/>
        <v>5103.125</v>
      </c>
      <c r="AKY53" s="7">
        <f t="shared" si="563"/>
        <v>5103.125</v>
      </c>
      <c r="AKZ53" s="7">
        <f t="shared" si="563"/>
        <v>5103.125</v>
      </c>
      <c r="ALA53" s="7">
        <f t="shared" si="563"/>
        <v>5103.125</v>
      </c>
      <c r="ALB53" s="7">
        <f t="shared" si="563"/>
        <v>5103.125</v>
      </c>
      <c r="ALC53" s="7">
        <f t="shared" si="563"/>
        <v>5103.125</v>
      </c>
      <c r="ALD53" s="7">
        <f t="shared" si="563"/>
        <v>5103.125</v>
      </c>
      <c r="ALE53" s="7">
        <f t="shared" si="563"/>
        <v>5103.125</v>
      </c>
      <c r="ALF53" s="7">
        <f t="shared" si="563"/>
        <v>5103.125</v>
      </c>
      <c r="ALG53" s="7">
        <f t="shared" si="563"/>
        <v>5103.125</v>
      </c>
      <c r="ALH53" s="7">
        <f t="shared" si="563"/>
        <v>5103.125</v>
      </c>
      <c r="ALI53" s="7">
        <f t="shared" si="563"/>
        <v>5103.125</v>
      </c>
      <c r="ALJ53" s="7">
        <f t="shared" si="563"/>
        <v>5103.125</v>
      </c>
      <c r="ALK53" s="7">
        <f t="shared" si="563"/>
        <v>5103.125</v>
      </c>
      <c r="ALL53" s="7">
        <f t="shared" si="563"/>
        <v>5103.125</v>
      </c>
      <c r="ALM53" s="7">
        <f t="shared" si="563"/>
        <v>5103.125</v>
      </c>
      <c r="ALN53" s="7">
        <f t="shared" si="563"/>
        <v>5103.125</v>
      </c>
      <c r="ALO53" s="7">
        <f t="shared" si="563"/>
        <v>5103.125</v>
      </c>
      <c r="ALP53" s="7">
        <f t="shared" si="563"/>
        <v>5103.125</v>
      </c>
      <c r="ALQ53" s="7">
        <f t="shared" si="563"/>
        <v>5103.125</v>
      </c>
      <c r="ALR53" s="7">
        <f t="shared" si="563"/>
        <v>5103.125</v>
      </c>
      <c r="ALS53" s="7">
        <f t="shared" si="563"/>
        <v>5103.125</v>
      </c>
      <c r="ALT53" s="7">
        <f t="shared" si="563"/>
        <v>5103.125</v>
      </c>
      <c r="ALU53" s="7">
        <f t="shared" si="563"/>
        <v>5103.125</v>
      </c>
      <c r="ALV53" s="7">
        <f t="shared" si="563"/>
        <v>5103.125</v>
      </c>
      <c r="ALW53" s="7">
        <f t="shared" si="563"/>
        <v>5103.125</v>
      </c>
      <c r="ALX53" s="7">
        <f t="shared" si="563"/>
        <v>5103.125</v>
      </c>
      <c r="ALY53" s="7">
        <f t="shared" si="563"/>
        <v>5103.125</v>
      </c>
      <c r="ALZ53" s="7">
        <f t="shared" si="563"/>
        <v>5103.125</v>
      </c>
      <c r="AMA53" s="7">
        <f t="shared" si="563"/>
        <v>5103.125</v>
      </c>
      <c r="AMB53" s="7">
        <f t="shared" si="563"/>
        <v>5103.125</v>
      </c>
      <c r="AMC53" s="7">
        <f t="shared" si="563"/>
        <v>5103.125</v>
      </c>
      <c r="AMD53" s="7">
        <f t="shared" si="563"/>
        <v>5103.125</v>
      </c>
      <c r="AME53" s="7">
        <f t="shared" si="563"/>
        <v>5103.125</v>
      </c>
      <c r="AMF53" s="7">
        <f t="shared" si="563"/>
        <v>5103.125</v>
      </c>
      <c r="AMG53" s="7">
        <f t="shared" si="563"/>
        <v>5103.125</v>
      </c>
      <c r="AMH53" s="7">
        <f t="shared" si="563"/>
        <v>5103.125</v>
      </c>
      <c r="AMI53" s="7">
        <f t="shared" si="563"/>
        <v>5103.125</v>
      </c>
      <c r="AMJ53" s="7">
        <f t="shared" si="563"/>
        <v>5103.125</v>
      </c>
      <c r="AMK53" s="7">
        <f t="shared" si="563"/>
        <v>5103.125</v>
      </c>
      <c r="AML53" s="7">
        <f t="shared" si="563"/>
        <v>5103.125</v>
      </c>
      <c r="AMM53" s="7">
        <f t="shared" si="563"/>
        <v>5103.125</v>
      </c>
      <c r="AMN53" s="7">
        <f t="shared" si="563"/>
        <v>5103.125</v>
      </c>
      <c r="AMO53" s="7">
        <f t="shared" si="563"/>
        <v>5103.125</v>
      </c>
      <c r="AMP53" s="7">
        <f t="shared" si="563"/>
        <v>5103.125</v>
      </c>
      <c r="AMQ53" s="7">
        <f t="shared" si="563"/>
        <v>5103.125</v>
      </c>
      <c r="AMR53" s="7">
        <f t="shared" si="563"/>
        <v>5103.125</v>
      </c>
      <c r="AMS53" s="7">
        <f t="shared" si="563"/>
        <v>5103.125</v>
      </c>
      <c r="AMT53" s="7">
        <f t="shared" ref="AMT53:APE53" si="564">AMT48+AMS53</f>
        <v>5103.125</v>
      </c>
      <c r="AMU53" s="7">
        <f t="shared" si="564"/>
        <v>5103.125</v>
      </c>
      <c r="AMV53" s="7">
        <f t="shared" si="564"/>
        <v>5103.125</v>
      </c>
      <c r="AMW53" s="7">
        <f t="shared" si="564"/>
        <v>5103.125</v>
      </c>
      <c r="AMX53" s="7">
        <f t="shared" si="564"/>
        <v>5103.125</v>
      </c>
      <c r="AMY53" s="7">
        <f t="shared" si="564"/>
        <v>5103.125</v>
      </c>
      <c r="AMZ53" s="7">
        <f t="shared" si="564"/>
        <v>5103.125</v>
      </c>
      <c r="ANA53" s="7">
        <f t="shared" si="564"/>
        <v>5103.125</v>
      </c>
      <c r="ANB53" s="7">
        <f t="shared" si="564"/>
        <v>5103.125</v>
      </c>
      <c r="ANC53" s="7">
        <f t="shared" si="564"/>
        <v>5103.125</v>
      </c>
      <c r="AND53" s="7">
        <f t="shared" si="564"/>
        <v>5103.125</v>
      </c>
      <c r="ANE53" s="7">
        <f t="shared" si="564"/>
        <v>5103.125</v>
      </c>
      <c r="ANF53" s="7">
        <f t="shared" si="564"/>
        <v>5103.125</v>
      </c>
      <c r="ANG53" s="7">
        <f t="shared" si="564"/>
        <v>5103.125</v>
      </c>
      <c r="ANH53" s="7">
        <f t="shared" si="564"/>
        <v>5103.125</v>
      </c>
      <c r="ANI53" s="7">
        <f t="shared" si="564"/>
        <v>5103.125</v>
      </c>
      <c r="ANJ53" s="7">
        <f t="shared" si="564"/>
        <v>5103.125</v>
      </c>
      <c r="ANK53" s="7">
        <f t="shared" si="564"/>
        <v>5103.125</v>
      </c>
      <c r="ANL53" s="7">
        <f t="shared" si="564"/>
        <v>5103.125</v>
      </c>
      <c r="ANM53" s="7">
        <f t="shared" si="564"/>
        <v>5103.125</v>
      </c>
      <c r="ANN53" s="7">
        <f t="shared" si="564"/>
        <v>5103.125</v>
      </c>
      <c r="ANO53" s="7">
        <f t="shared" si="564"/>
        <v>5103.125</v>
      </c>
      <c r="ANP53" s="7">
        <f t="shared" si="564"/>
        <v>5103.125</v>
      </c>
      <c r="ANQ53" s="7">
        <f t="shared" si="564"/>
        <v>5103.125</v>
      </c>
      <c r="ANR53" s="7">
        <f t="shared" si="564"/>
        <v>5103.125</v>
      </c>
      <c r="ANS53" s="7">
        <f t="shared" si="564"/>
        <v>5103.125</v>
      </c>
      <c r="ANT53" s="7">
        <f t="shared" si="564"/>
        <v>5103.125</v>
      </c>
      <c r="ANU53" s="7">
        <f t="shared" si="564"/>
        <v>5103.125</v>
      </c>
      <c r="ANV53" s="7">
        <f t="shared" si="564"/>
        <v>5103.125</v>
      </c>
      <c r="ANW53" s="7">
        <f t="shared" si="564"/>
        <v>5103.125</v>
      </c>
      <c r="ANX53" s="7">
        <f t="shared" si="564"/>
        <v>5103.125</v>
      </c>
      <c r="ANY53" s="7">
        <f t="shared" si="564"/>
        <v>5103.125</v>
      </c>
      <c r="ANZ53" s="7">
        <f t="shared" si="564"/>
        <v>5103.125</v>
      </c>
      <c r="AOA53" s="7">
        <f t="shared" si="564"/>
        <v>5103.125</v>
      </c>
      <c r="AOB53" s="7">
        <f t="shared" si="564"/>
        <v>5103.125</v>
      </c>
      <c r="AOC53" s="7">
        <f t="shared" si="564"/>
        <v>5103.125</v>
      </c>
      <c r="AOD53" s="7">
        <f t="shared" si="564"/>
        <v>5103.125</v>
      </c>
      <c r="AOE53" s="7">
        <f t="shared" si="564"/>
        <v>5103.125</v>
      </c>
      <c r="AOF53" s="7">
        <f t="shared" si="564"/>
        <v>5103.125</v>
      </c>
      <c r="AOG53" s="7">
        <f t="shared" si="564"/>
        <v>5103.125</v>
      </c>
      <c r="AOH53" s="7">
        <f t="shared" si="564"/>
        <v>5103.125</v>
      </c>
      <c r="AOI53" s="7">
        <f t="shared" si="564"/>
        <v>5103.125</v>
      </c>
      <c r="AOJ53" s="7">
        <f t="shared" si="564"/>
        <v>5103.125</v>
      </c>
      <c r="AOK53" s="7">
        <f t="shared" si="564"/>
        <v>5103.125</v>
      </c>
      <c r="AOL53" s="7">
        <f t="shared" si="564"/>
        <v>5103.125</v>
      </c>
      <c r="AOM53" s="7">
        <f t="shared" si="564"/>
        <v>5103.125</v>
      </c>
      <c r="AON53" s="7">
        <f t="shared" si="564"/>
        <v>5103.125</v>
      </c>
      <c r="AOO53" s="7">
        <f t="shared" si="564"/>
        <v>5103.125</v>
      </c>
      <c r="AOP53" s="7">
        <f t="shared" si="564"/>
        <v>5103.125</v>
      </c>
      <c r="AOQ53" s="7">
        <f t="shared" si="564"/>
        <v>5103.125</v>
      </c>
      <c r="AOR53" s="7">
        <f t="shared" si="564"/>
        <v>5103.125</v>
      </c>
      <c r="AOS53" s="7">
        <f t="shared" si="564"/>
        <v>5103.125</v>
      </c>
      <c r="AOT53" s="7">
        <f t="shared" si="564"/>
        <v>5103.125</v>
      </c>
      <c r="AOU53" s="7">
        <f t="shared" si="564"/>
        <v>5103.125</v>
      </c>
      <c r="AOV53" s="7">
        <f t="shared" si="564"/>
        <v>5103.125</v>
      </c>
      <c r="AOW53" s="7">
        <f t="shared" si="564"/>
        <v>5103.125</v>
      </c>
      <c r="AOX53" s="7">
        <f t="shared" si="564"/>
        <v>5103.125</v>
      </c>
      <c r="AOY53" s="7">
        <f t="shared" si="564"/>
        <v>5103.125</v>
      </c>
      <c r="AOZ53" s="7">
        <f t="shared" si="564"/>
        <v>5103.125</v>
      </c>
      <c r="APA53" s="7">
        <f t="shared" si="564"/>
        <v>5103.125</v>
      </c>
      <c r="APB53" s="7">
        <f t="shared" si="564"/>
        <v>5103.125</v>
      </c>
      <c r="APC53" s="7">
        <f t="shared" si="564"/>
        <v>5103.125</v>
      </c>
      <c r="APD53" s="7">
        <f t="shared" si="564"/>
        <v>5103.125</v>
      </c>
      <c r="APE53" s="7">
        <f t="shared" si="564"/>
        <v>5103.125</v>
      </c>
      <c r="APF53" s="7">
        <f t="shared" ref="APF53:ARQ53" si="565">APF48+APE53</f>
        <v>5103.125</v>
      </c>
      <c r="APG53" s="7">
        <f t="shared" si="565"/>
        <v>5103.125</v>
      </c>
      <c r="APH53" s="7">
        <f t="shared" si="565"/>
        <v>5103.125</v>
      </c>
      <c r="API53" s="7">
        <f t="shared" si="565"/>
        <v>5103.125</v>
      </c>
      <c r="APJ53" s="7">
        <f t="shared" si="565"/>
        <v>5103.125</v>
      </c>
      <c r="APK53" s="7">
        <f t="shared" si="565"/>
        <v>5103.125</v>
      </c>
      <c r="APL53" s="7">
        <f t="shared" si="565"/>
        <v>5103.125</v>
      </c>
      <c r="APM53" s="7">
        <f t="shared" si="565"/>
        <v>5103.125</v>
      </c>
      <c r="APN53" s="7">
        <f t="shared" si="565"/>
        <v>5103.125</v>
      </c>
      <c r="APO53" s="7">
        <f t="shared" si="565"/>
        <v>5103.125</v>
      </c>
      <c r="APP53" s="7">
        <f t="shared" si="565"/>
        <v>5103.125</v>
      </c>
      <c r="APQ53" s="7">
        <f t="shared" si="565"/>
        <v>5103.125</v>
      </c>
      <c r="APR53" s="7">
        <f t="shared" si="565"/>
        <v>5103.125</v>
      </c>
      <c r="APS53" s="7">
        <f t="shared" si="565"/>
        <v>5103.125</v>
      </c>
      <c r="APT53" s="7">
        <f t="shared" si="565"/>
        <v>5103.125</v>
      </c>
      <c r="APU53" s="7">
        <f t="shared" si="565"/>
        <v>5103.125</v>
      </c>
      <c r="APV53" s="7">
        <f t="shared" si="565"/>
        <v>5103.125</v>
      </c>
      <c r="APW53" s="7">
        <f t="shared" si="565"/>
        <v>5103.125</v>
      </c>
      <c r="APX53" s="7">
        <f t="shared" si="565"/>
        <v>5103.125</v>
      </c>
      <c r="APY53" s="7">
        <f t="shared" si="565"/>
        <v>5103.125</v>
      </c>
      <c r="APZ53" s="7">
        <f t="shared" si="565"/>
        <v>5103.125</v>
      </c>
      <c r="AQA53" s="7">
        <f t="shared" si="565"/>
        <v>5103.125</v>
      </c>
      <c r="AQB53" s="7">
        <f t="shared" si="565"/>
        <v>5103.125</v>
      </c>
      <c r="AQC53" s="7">
        <f t="shared" si="565"/>
        <v>5103.125</v>
      </c>
      <c r="AQD53" s="7">
        <f t="shared" si="565"/>
        <v>5103.125</v>
      </c>
      <c r="AQE53" s="7">
        <f t="shared" si="565"/>
        <v>5103.125</v>
      </c>
      <c r="AQF53" s="7">
        <f t="shared" si="565"/>
        <v>5103.125</v>
      </c>
      <c r="AQG53" s="7">
        <f t="shared" si="565"/>
        <v>5103.125</v>
      </c>
      <c r="AQH53" s="7">
        <f t="shared" si="565"/>
        <v>5103.125</v>
      </c>
      <c r="AQI53" s="7">
        <f t="shared" si="565"/>
        <v>5103.125</v>
      </c>
      <c r="AQJ53" s="7">
        <f t="shared" si="565"/>
        <v>5103.125</v>
      </c>
      <c r="AQK53" s="7">
        <f t="shared" si="565"/>
        <v>5103.125</v>
      </c>
      <c r="AQL53" s="7">
        <f t="shared" si="565"/>
        <v>5103.125</v>
      </c>
      <c r="AQM53" s="7">
        <f t="shared" si="565"/>
        <v>5103.125</v>
      </c>
      <c r="AQN53" s="7">
        <f t="shared" si="565"/>
        <v>5103.125</v>
      </c>
      <c r="AQO53" s="7">
        <f t="shared" si="565"/>
        <v>5103.125</v>
      </c>
      <c r="AQP53" s="7">
        <f t="shared" si="565"/>
        <v>5103.125</v>
      </c>
      <c r="AQQ53" s="7">
        <f t="shared" si="565"/>
        <v>5103.125</v>
      </c>
      <c r="AQR53" s="7">
        <f t="shared" si="565"/>
        <v>5103.125</v>
      </c>
      <c r="AQS53" s="7">
        <f t="shared" si="565"/>
        <v>5103.125</v>
      </c>
      <c r="AQT53" s="7">
        <f t="shared" si="565"/>
        <v>5103.125</v>
      </c>
      <c r="AQU53" s="7">
        <f t="shared" si="565"/>
        <v>5103.125</v>
      </c>
      <c r="AQV53" s="7">
        <f t="shared" si="565"/>
        <v>5103.125</v>
      </c>
      <c r="AQW53" s="7">
        <f t="shared" si="565"/>
        <v>5103.125</v>
      </c>
      <c r="AQX53" s="7">
        <f t="shared" si="565"/>
        <v>5103.125</v>
      </c>
      <c r="AQY53" s="7">
        <f t="shared" si="565"/>
        <v>5103.125</v>
      </c>
      <c r="AQZ53" s="7">
        <f t="shared" si="565"/>
        <v>5103.125</v>
      </c>
      <c r="ARA53" s="7">
        <f t="shared" si="565"/>
        <v>5103.125</v>
      </c>
      <c r="ARB53" s="7">
        <f t="shared" si="565"/>
        <v>5103.125</v>
      </c>
      <c r="ARC53" s="7">
        <f t="shared" si="565"/>
        <v>5103.125</v>
      </c>
      <c r="ARD53" s="7">
        <f t="shared" si="565"/>
        <v>5103.125</v>
      </c>
      <c r="ARE53" s="7">
        <f t="shared" si="565"/>
        <v>5103.125</v>
      </c>
      <c r="ARF53" s="7">
        <f t="shared" si="565"/>
        <v>5103.125</v>
      </c>
      <c r="ARG53" s="7">
        <f t="shared" si="565"/>
        <v>5103.125</v>
      </c>
      <c r="ARH53" s="7">
        <f t="shared" si="565"/>
        <v>5103.125</v>
      </c>
      <c r="ARI53" s="7">
        <f t="shared" si="565"/>
        <v>5103.125</v>
      </c>
      <c r="ARJ53" s="7">
        <f t="shared" si="565"/>
        <v>5103.125</v>
      </c>
      <c r="ARK53" s="7">
        <f t="shared" si="565"/>
        <v>5103.125</v>
      </c>
      <c r="ARL53" s="7">
        <f t="shared" si="565"/>
        <v>5103.125</v>
      </c>
      <c r="ARM53" s="7">
        <f t="shared" si="565"/>
        <v>5103.125</v>
      </c>
      <c r="ARN53" s="7">
        <f t="shared" si="565"/>
        <v>5103.125</v>
      </c>
      <c r="ARO53" s="7">
        <f t="shared" si="565"/>
        <v>5103.125</v>
      </c>
      <c r="ARP53" s="7">
        <f t="shared" si="565"/>
        <v>5103.125</v>
      </c>
      <c r="ARQ53" s="7">
        <f t="shared" si="565"/>
        <v>5103.125</v>
      </c>
      <c r="ARR53" s="7">
        <f t="shared" ref="ARR53:AUC53" si="566">ARR48+ARQ53</f>
        <v>5103.125</v>
      </c>
      <c r="ARS53" s="7">
        <f t="shared" si="566"/>
        <v>5103.125</v>
      </c>
      <c r="ART53" s="7">
        <f t="shared" si="566"/>
        <v>5103.125</v>
      </c>
      <c r="ARU53" s="7">
        <f t="shared" si="566"/>
        <v>5103.125</v>
      </c>
      <c r="ARV53" s="7">
        <f t="shared" si="566"/>
        <v>5103.125</v>
      </c>
      <c r="ARW53" s="7">
        <f t="shared" si="566"/>
        <v>5103.125</v>
      </c>
      <c r="ARX53" s="7">
        <f t="shared" si="566"/>
        <v>5103.125</v>
      </c>
      <c r="ARY53" s="7">
        <f t="shared" si="566"/>
        <v>5103.125</v>
      </c>
      <c r="ARZ53" s="7">
        <f t="shared" si="566"/>
        <v>5103.125</v>
      </c>
      <c r="ASA53" s="7">
        <f t="shared" si="566"/>
        <v>5103.125</v>
      </c>
      <c r="ASB53" s="7">
        <f t="shared" si="566"/>
        <v>5103.125</v>
      </c>
      <c r="ASC53" s="7">
        <f t="shared" si="566"/>
        <v>5103.125</v>
      </c>
      <c r="ASD53" s="7">
        <f t="shared" si="566"/>
        <v>5103.125</v>
      </c>
      <c r="ASE53" s="7">
        <f t="shared" si="566"/>
        <v>5103.125</v>
      </c>
      <c r="ASF53" s="7">
        <f t="shared" si="566"/>
        <v>5103.125</v>
      </c>
      <c r="ASG53" s="7">
        <f t="shared" si="566"/>
        <v>5103.125</v>
      </c>
      <c r="ASH53" s="7">
        <f t="shared" si="566"/>
        <v>5103.125</v>
      </c>
      <c r="ASI53" s="7">
        <f t="shared" si="566"/>
        <v>5103.125</v>
      </c>
      <c r="ASJ53" s="7">
        <f t="shared" si="566"/>
        <v>5103.125</v>
      </c>
      <c r="ASK53" s="7">
        <f t="shared" si="566"/>
        <v>5103.125</v>
      </c>
      <c r="ASL53" s="7">
        <f t="shared" si="566"/>
        <v>5103.125</v>
      </c>
      <c r="ASM53" s="7">
        <f t="shared" si="566"/>
        <v>5103.125</v>
      </c>
      <c r="ASN53" s="7">
        <f t="shared" si="566"/>
        <v>5103.125</v>
      </c>
      <c r="ASO53" s="7">
        <f t="shared" si="566"/>
        <v>5103.125</v>
      </c>
      <c r="ASP53" s="7">
        <f t="shared" si="566"/>
        <v>5103.125</v>
      </c>
      <c r="ASQ53" s="7">
        <f t="shared" si="566"/>
        <v>5103.125</v>
      </c>
      <c r="ASR53" s="7">
        <f t="shared" si="566"/>
        <v>5103.125</v>
      </c>
      <c r="ASS53" s="7">
        <f t="shared" si="566"/>
        <v>5103.125</v>
      </c>
      <c r="AST53" s="7">
        <f t="shared" si="566"/>
        <v>5103.125</v>
      </c>
      <c r="ASU53" s="7">
        <f t="shared" si="566"/>
        <v>5103.125</v>
      </c>
      <c r="ASV53" s="7">
        <f t="shared" si="566"/>
        <v>5103.125</v>
      </c>
      <c r="ASW53" s="7">
        <f t="shared" si="566"/>
        <v>5103.125</v>
      </c>
      <c r="ASX53" s="7">
        <f t="shared" si="566"/>
        <v>5103.125</v>
      </c>
      <c r="ASY53" s="7">
        <f t="shared" si="566"/>
        <v>5103.125</v>
      </c>
      <c r="ASZ53" s="7">
        <f t="shared" si="566"/>
        <v>5103.125</v>
      </c>
      <c r="ATA53" s="7">
        <f t="shared" si="566"/>
        <v>5103.125</v>
      </c>
      <c r="ATB53" s="7">
        <f t="shared" si="566"/>
        <v>5103.125</v>
      </c>
      <c r="ATC53" s="7">
        <f t="shared" si="566"/>
        <v>5103.125</v>
      </c>
      <c r="ATD53" s="7">
        <f t="shared" si="566"/>
        <v>5103.125</v>
      </c>
      <c r="ATE53" s="7">
        <f t="shared" si="566"/>
        <v>5103.125</v>
      </c>
      <c r="ATF53" s="7">
        <f t="shared" si="566"/>
        <v>5103.125</v>
      </c>
      <c r="ATG53" s="7">
        <f t="shared" si="566"/>
        <v>5103.125</v>
      </c>
      <c r="ATH53" s="7">
        <f t="shared" si="566"/>
        <v>5103.125</v>
      </c>
      <c r="ATI53" s="7">
        <f t="shared" si="566"/>
        <v>5103.125</v>
      </c>
      <c r="ATJ53" s="7">
        <f t="shared" si="566"/>
        <v>5103.125</v>
      </c>
      <c r="ATK53" s="7">
        <f t="shared" si="566"/>
        <v>5103.125</v>
      </c>
      <c r="ATL53" s="7">
        <f t="shared" si="566"/>
        <v>5103.125</v>
      </c>
      <c r="ATM53" s="7">
        <f t="shared" si="566"/>
        <v>5103.125</v>
      </c>
      <c r="ATN53" s="7">
        <f t="shared" si="566"/>
        <v>5103.125</v>
      </c>
      <c r="ATO53" s="7">
        <f t="shared" si="566"/>
        <v>5103.125</v>
      </c>
      <c r="ATP53" s="7">
        <f t="shared" si="566"/>
        <v>5103.125</v>
      </c>
      <c r="ATQ53" s="7">
        <f t="shared" si="566"/>
        <v>5103.125</v>
      </c>
      <c r="ATR53" s="7">
        <f t="shared" si="566"/>
        <v>5103.125</v>
      </c>
      <c r="ATS53" s="7">
        <f t="shared" si="566"/>
        <v>5103.125</v>
      </c>
      <c r="ATT53" s="7">
        <f t="shared" si="566"/>
        <v>5103.125</v>
      </c>
      <c r="ATU53" s="7">
        <f t="shared" si="566"/>
        <v>5103.125</v>
      </c>
      <c r="ATV53" s="7">
        <f t="shared" si="566"/>
        <v>5103.125</v>
      </c>
      <c r="ATW53" s="7">
        <f t="shared" si="566"/>
        <v>5103.125</v>
      </c>
      <c r="ATX53" s="7">
        <f t="shared" si="566"/>
        <v>5103.125</v>
      </c>
      <c r="ATY53" s="7">
        <f t="shared" si="566"/>
        <v>5103.125</v>
      </c>
      <c r="ATZ53" s="7">
        <f t="shared" si="566"/>
        <v>5103.125</v>
      </c>
      <c r="AUA53" s="7">
        <f t="shared" si="566"/>
        <v>5103.125</v>
      </c>
      <c r="AUB53" s="7">
        <f t="shared" si="566"/>
        <v>5103.125</v>
      </c>
      <c r="AUC53" s="7">
        <f t="shared" si="566"/>
        <v>5103.125</v>
      </c>
      <c r="AUD53" s="7">
        <f t="shared" ref="AUD53:AWO53" si="567">AUD48+AUC53</f>
        <v>5103.125</v>
      </c>
      <c r="AUE53" s="7">
        <f t="shared" si="567"/>
        <v>5103.125</v>
      </c>
      <c r="AUF53" s="7">
        <f t="shared" si="567"/>
        <v>5103.125</v>
      </c>
      <c r="AUG53" s="7">
        <f t="shared" si="567"/>
        <v>5103.125</v>
      </c>
      <c r="AUH53" s="7">
        <f t="shared" si="567"/>
        <v>5103.125</v>
      </c>
      <c r="AUI53" s="7">
        <f t="shared" si="567"/>
        <v>5103.125</v>
      </c>
      <c r="AUJ53" s="7">
        <f t="shared" si="567"/>
        <v>5103.125</v>
      </c>
      <c r="AUK53" s="7">
        <f t="shared" si="567"/>
        <v>5103.125</v>
      </c>
      <c r="AUL53" s="7">
        <f t="shared" si="567"/>
        <v>5103.125</v>
      </c>
      <c r="AUM53" s="7">
        <f t="shared" si="567"/>
        <v>5103.125</v>
      </c>
      <c r="AUN53" s="7">
        <f t="shared" si="567"/>
        <v>5103.125</v>
      </c>
      <c r="AUO53" s="7">
        <f t="shared" si="567"/>
        <v>5103.125</v>
      </c>
      <c r="AUP53" s="7">
        <f t="shared" si="567"/>
        <v>5103.125</v>
      </c>
      <c r="AUQ53" s="7">
        <f t="shared" si="567"/>
        <v>5103.125</v>
      </c>
      <c r="AUR53" s="7">
        <f t="shared" si="567"/>
        <v>5103.125</v>
      </c>
      <c r="AUS53" s="7">
        <f t="shared" si="567"/>
        <v>5103.125</v>
      </c>
      <c r="AUT53" s="7">
        <f t="shared" si="567"/>
        <v>5103.125</v>
      </c>
      <c r="AUU53" s="7">
        <f t="shared" si="567"/>
        <v>5103.125</v>
      </c>
      <c r="AUV53" s="7">
        <f t="shared" si="567"/>
        <v>5103.125</v>
      </c>
      <c r="AUW53" s="7">
        <f t="shared" si="567"/>
        <v>5103.125</v>
      </c>
      <c r="AUX53" s="7">
        <f t="shared" si="567"/>
        <v>5103.125</v>
      </c>
      <c r="AUY53" s="7">
        <f t="shared" si="567"/>
        <v>5103.125</v>
      </c>
      <c r="AUZ53" s="7">
        <f t="shared" si="567"/>
        <v>5103.125</v>
      </c>
      <c r="AVA53" s="7">
        <f t="shared" si="567"/>
        <v>5103.125</v>
      </c>
      <c r="AVB53" s="7">
        <f t="shared" si="567"/>
        <v>5103.125</v>
      </c>
      <c r="AVC53" s="7">
        <f t="shared" si="567"/>
        <v>5103.125</v>
      </c>
      <c r="AVD53" s="7">
        <f t="shared" si="567"/>
        <v>5103.125</v>
      </c>
      <c r="AVE53" s="7">
        <f t="shared" si="567"/>
        <v>5103.125</v>
      </c>
      <c r="AVF53" s="7">
        <f t="shared" si="567"/>
        <v>5103.125</v>
      </c>
      <c r="AVG53" s="7">
        <f t="shared" si="567"/>
        <v>5103.125</v>
      </c>
      <c r="AVH53" s="7">
        <f t="shared" si="567"/>
        <v>5103.125</v>
      </c>
      <c r="AVI53" s="7">
        <f t="shared" si="567"/>
        <v>5103.125</v>
      </c>
      <c r="AVJ53" s="7">
        <f t="shared" si="567"/>
        <v>5103.125</v>
      </c>
      <c r="AVK53" s="7">
        <f t="shared" si="567"/>
        <v>5103.125</v>
      </c>
      <c r="AVL53" s="7">
        <f t="shared" si="567"/>
        <v>5103.125</v>
      </c>
      <c r="AVM53" s="7">
        <f t="shared" si="567"/>
        <v>5103.125</v>
      </c>
      <c r="AVN53" s="7">
        <f t="shared" si="567"/>
        <v>5103.125</v>
      </c>
      <c r="AVO53" s="7">
        <f t="shared" si="567"/>
        <v>5103.125</v>
      </c>
      <c r="AVP53" s="7">
        <f t="shared" si="567"/>
        <v>5103.125</v>
      </c>
      <c r="AVQ53" s="7">
        <f t="shared" si="567"/>
        <v>5103.125</v>
      </c>
      <c r="AVR53" s="7">
        <f t="shared" si="567"/>
        <v>5103.125</v>
      </c>
      <c r="AVS53" s="7">
        <f t="shared" si="567"/>
        <v>5103.125</v>
      </c>
      <c r="AVT53" s="7">
        <f t="shared" si="567"/>
        <v>5103.125</v>
      </c>
      <c r="AVU53" s="7">
        <f t="shared" si="567"/>
        <v>5103.125</v>
      </c>
      <c r="AVV53" s="7">
        <f t="shared" si="567"/>
        <v>5103.125</v>
      </c>
      <c r="AVW53" s="7">
        <f t="shared" si="567"/>
        <v>5103.125</v>
      </c>
      <c r="AVX53" s="7">
        <f t="shared" si="567"/>
        <v>5103.125</v>
      </c>
      <c r="AVY53" s="7">
        <f t="shared" si="567"/>
        <v>5103.125</v>
      </c>
      <c r="AVZ53" s="7">
        <f t="shared" si="567"/>
        <v>5103.125</v>
      </c>
      <c r="AWA53" s="7">
        <f t="shared" si="567"/>
        <v>5103.125</v>
      </c>
      <c r="AWB53" s="7">
        <f t="shared" si="567"/>
        <v>5103.125</v>
      </c>
      <c r="AWC53" s="7">
        <f t="shared" si="567"/>
        <v>5103.125</v>
      </c>
      <c r="AWD53" s="7">
        <f t="shared" si="567"/>
        <v>5103.125</v>
      </c>
      <c r="AWE53" s="7">
        <f t="shared" si="567"/>
        <v>5103.125</v>
      </c>
      <c r="AWF53" s="7">
        <f t="shared" si="567"/>
        <v>5103.125</v>
      </c>
      <c r="AWG53" s="7">
        <f t="shared" si="567"/>
        <v>5103.125</v>
      </c>
      <c r="AWH53" s="7">
        <f t="shared" si="567"/>
        <v>5103.125</v>
      </c>
      <c r="AWI53" s="7">
        <f t="shared" si="567"/>
        <v>5103.125</v>
      </c>
      <c r="AWJ53" s="7">
        <f t="shared" si="567"/>
        <v>5103.125</v>
      </c>
      <c r="AWK53" s="7">
        <f t="shared" si="567"/>
        <v>5103.125</v>
      </c>
      <c r="AWL53" s="7">
        <f t="shared" si="567"/>
        <v>5103.125</v>
      </c>
      <c r="AWM53" s="7">
        <f t="shared" si="567"/>
        <v>5103.125</v>
      </c>
      <c r="AWN53" s="7">
        <f t="shared" si="567"/>
        <v>5103.125</v>
      </c>
      <c r="AWO53" s="7">
        <f t="shared" si="567"/>
        <v>5103.125</v>
      </c>
      <c r="AWP53" s="7">
        <f t="shared" ref="AWP53:AZA53" si="568">AWP48+AWO53</f>
        <v>5103.125</v>
      </c>
      <c r="AWQ53" s="7">
        <f t="shared" si="568"/>
        <v>5103.125</v>
      </c>
      <c r="AWR53" s="7">
        <f t="shared" si="568"/>
        <v>5103.125</v>
      </c>
      <c r="AWS53" s="7">
        <f t="shared" si="568"/>
        <v>5103.125</v>
      </c>
      <c r="AWT53" s="7">
        <f t="shared" si="568"/>
        <v>5103.125</v>
      </c>
      <c r="AWU53" s="7">
        <f t="shared" si="568"/>
        <v>5103.125</v>
      </c>
      <c r="AWV53" s="7">
        <f t="shared" si="568"/>
        <v>5103.125</v>
      </c>
      <c r="AWW53" s="7">
        <f t="shared" si="568"/>
        <v>5103.125</v>
      </c>
      <c r="AWX53" s="7">
        <f t="shared" si="568"/>
        <v>5103.125</v>
      </c>
      <c r="AWY53" s="7">
        <f t="shared" si="568"/>
        <v>5103.125</v>
      </c>
      <c r="AWZ53" s="7">
        <f t="shared" si="568"/>
        <v>5103.125</v>
      </c>
      <c r="AXA53" s="7">
        <f t="shared" si="568"/>
        <v>5103.125</v>
      </c>
      <c r="AXB53" s="7">
        <f t="shared" si="568"/>
        <v>5103.125</v>
      </c>
      <c r="AXC53" s="7">
        <f t="shared" si="568"/>
        <v>5103.125</v>
      </c>
      <c r="AXD53" s="7">
        <f t="shared" si="568"/>
        <v>5103.125</v>
      </c>
      <c r="AXE53" s="7">
        <f t="shared" si="568"/>
        <v>5103.125</v>
      </c>
      <c r="AXF53" s="7">
        <f t="shared" si="568"/>
        <v>5103.125</v>
      </c>
      <c r="AXG53" s="7">
        <f t="shared" si="568"/>
        <v>5103.125</v>
      </c>
      <c r="AXH53" s="7">
        <f t="shared" si="568"/>
        <v>5103.125</v>
      </c>
      <c r="AXI53" s="7">
        <f t="shared" si="568"/>
        <v>5103.125</v>
      </c>
      <c r="AXJ53" s="7">
        <f t="shared" si="568"/>
        <v>5103.125</v>
      </c>
      <c r="AXK53" s="7">
        <f t="shared" si="568"/>
        <v>5103.125</v>
      </c>
      <c r="AXL53" s="7">
        <f t="shared" si="568"/>
        <v>5103.125</v>
      </c>
      <c r="AXM53" s="7">
        <f t="shared" si="568"/>
        <v>5103.125</v>
      </c>
      <c r="AXN53" s="7">
        <f t="shared" si="568"/>
        <v>5103.125</v>
      </c>
      <c r="AXO53" s="7">
        <f t="shared" si="568"/>
        <v>5103.125</v>
      </c>
      <c r="AXP53" s="7">
        <f t="shared" si="568"/>
        <v>5103.125</v>
      </c>
      <c r="AXQ53" s="7">
        <f t="shared" si="568"/>
        <v>5103.125</v>
      </c>
      <c r="AXR53" s="7">
        <f t="shared" si="568"/>
        <v>5103.125</v>
      </c>
      <c r="AXS53" s="7">
        <f t="shared" si="568"/>
        <v>5103.125</v>
      </c>
      <c r="AXT53" s="7">
        <f t="shared" si="568"/>
        <v>5103.125</v>
      </c>
      <c r="AXU53" s="7">
        <f t="shared" si="568"/>
        <v>5103.125</v>
      </c>
      <c r="AXV53" s="7">
        <f t="shared" si="568"/>
        <v>5103.125</v>
      </c>
      <c r="AXW53" s="7">
        <f t="shared" si="568"/>
        <v>5103.125</v>
      </c>
      <c r="AXX53" s="7">
        <f t="shared" si="568"/>
        <v>5103.125</v>
      </c>
      <c r="AXY53" s="7">
        <f t="shared" si="568"/>
        <v>5103.125</v>
      </c>
      <c r="AXZ53" s="7">
        <f t="shared" si="568"/>
        <v>5103.125</v>
      </c>
      <c r="AYA53" s="7">
        <f t="shared" si="568"/>
        <v>5103.125</v>
      </c>
      <c r="AYB53" s="7">
        <f t="shared" si="568"/>
        <v>5103.125</v>
      </c>
      <c r="AYC53" s="7">
        <f t="shared" si="568"/>
        <v>5103.125</v>
      </c>
      <c r="AYD53" s="7">
        <f t="shared" si="568"/>
        <v>5103.125</v>
      </c>
      <c r="AYE53" s="7">
        <f t="shared" si="568"/>
        <v>5103.125</v>
      </c>
      <c r="AYF53" s="7">
        <f t="shared" si="568"/>
        <v>5103.125</v>
      </c>
      <c r="AYG53" s="7">
        <f t="shared" si="568"/>
        <v>5103.125</v>
      </c>
      <c r="AYH53" s="7">
        <f t="shared" si="568"/>
        <v>5103.125</v>
      </c>
      <c r="AYI53" s="7">
        <f t="shared" si="568"/>
        <v>5103.125</v>
      </c>
      <c r="AYJ53" s="7">
        <f t="shared" si="568"/>
        <v>5103.125</v>
      </c>
      <c r="AYK53" s="7">
        <f t="shared" si="568"/>
        <v>5103.125</v>
      </c>
      <c r="AYL53" s="7">
        <f t="shared" si="568"/>
        <v>5103.125</v>
      </c>
      <c r="AYM53" s="7">
        <f t="shared" si="568"/>
        <v>5103.125</v>
      </c>
      <c r="AYN53" s="7">
        <f t="shared" si="568"/>
        <v>5103.125</v>
      </c>
      <c r="AYO53" s="7">
        <f t="shared" si="568"/>
        <v>5103.125</v>
      </c>
      <c r="AYP53" s="7">
        <f t="shared" si="568"/>
        <v>5103.125</v>
      </c>
      <c r="AYQ53" s="7">
        <f t="shared" si="568"/>
        <v>5103.125</v>
      </c>
      <c r="AYR53" s="7">
        <f t="shared" si="568"/>
        <v>5103.125</v>
      </c>
      <c r="AYS53" s="7">
        <f t="shared" si="568"/>
        <v>5103.125</v>
      </c>
      <c r="AYT53" s="7">
        <f t="shared" si="568"/>
        <v>5103.125</v>
      </c>
      <c r="AYU53" s="7">
        <f t="shared" si="568"/>
        <v>5103.125</v>
      </c>
      <c r="AYV53" s="7">
        <f t="shared" si="568"/>
        <v>5103.125</v>
      </c>
      <c r="AYW53" s="7">
        <f t="shared" si="568"/>
        <v>5103.125</v>
      </c>
      <c r="AYX53" s="7">
        <f t="shared" si="568"/>
        <v>5103.125</v>
      </c>
      <c r="AYY53" s="7">
        <f t="shared" si="568"/>
        <v>5103.125</v>
      </c>
      <c r="AYZ53" s="7">
        <f t="shared" si="568"/>
        <v>5103.125</v>
      </c>
      <c r="AZA53" s="7">
        <f t="shared" si="568"/>
        <v>5103.125</v>
      </c>
      <c r="AZB53" s="7">
        <f t="shared" ref="AZB53:BBM53" si="569">AZB48+AZA53</f>
        <v>5103.125</v>
      </c>
      <c r="AZC53" s="7">
        <f t="shared" si="569"/>
        <v>5103.125</v>
      </c>
      <c r="AZD53" s="7">
        <f t="shared" si="569"/>
        <v>5103.125</v>
      </c>
      <c r="AZE53" s="7">
        <f t="shared" si="569"/>
        <v>5103.125</v>
      </c>
      <c r="AZF53" s="7">
        <f t="shared" si="569"/>
        <v>5103.125</v>
      </c>
      <c r="AZG53" s="7">
        <f t="shared" si="569"/>
        <v>5103.125</v>
      </c>
      <c r="AZH53" s="7">
        <f t="shared" si="569"/>
        <v>5103.125</v>
      </c>
      <c r="AZI53" s="7">
        <f t="shared" si="569"/>
        <v>5103.125</v>
      </c>
      <c r="AZJ53" s="7">
        <f t="shared" si="569"/>
        <v>5103.125</v>
      </c>
      <c r="AZK53" s="7">
        <f t="shared" si="569"/>
        <v>5103.125</v>
      </c>
      <c r="AZL53" s="7">
        <f t="shared" si="569"/>
        <v>5103.125</v>
      </c>
      <c r="AZM53" s="7">
        <f t="shared" si="569"/>
        <v>5103.125</v>
      </c>
      <c r="AZN53" s="7">
        <f t="shared" si="569"/>
        <v>5103.125</v>
      </c>
      <c r="AZO53" s="7">
        <f t="shared" si="569"/>
        <v>5103.125</v>
      </c>
      <c r="AZP53" s="7">
        <f t="shared" si="569"/>
        <v>5103.125</v>
      </c>
      <c r="AZQ53" s="7">
        <f t="shared" si="569"/>
        <v>5103.125</v>
      </c>
      <c r="AZR53" s="7">
        <f t="shared" si="569"/>
        <v>5103.125</v>
      </c>
      <c r="AZS53" s="7">
        <f t="shared" si="569"/>
        <v>5103.125</v>
      </c>
      <c r="AZT53" s="7">
        <f t="shared" si="569"/>
        <v>5103.125</v>
      </c>
      <c r="AZU53" s="7">
        <f t="shared" si="569"/>
        <v>5103.125</v>
      </c>
      <c r="AZV53" s="7">
        <f t="shared" si="569"/>
        <v>5103.125</v>
      </c>
      <c r="AZW53" s="7">
        <f t="shared" si="569"/>
        <v>5103.125</v>
      </c>
      <c r="AZX53" s="7">
        <f t="shared" si="569"/>
        <v>5103.125</v>
      </c>
      <c r="AZY53" s="7">
        <f t="shared" si="569"/>
        <v>5103.125</v>
      </c>
      <c r="AZZ53" s="7">
        <f t="shared" si="569"/>
        <v>5103.125</v>
      </c>
      <c r="BAA53" s="7">
        <f t="shared" si="569"/>
        <v>5103.125</v>
      </c>
      <c r="BAB53" s="7">
        <f t="shared" si="569"/>
        <v>5103.125</v>
      </c>
      <c r="BAC53" s="7">
        <f t="shared" si="569"/>
        <v>5103.125</v>
      </c>
      <c r="BAD53" s="7">
        <f t="shared" si="569"/>
        <v>5103.125</v>
      </c>
      <c r="BAE53" s="7">
        <f t="shared" si="569"/>
        <v>5103.125</v>
      </c>
      <c r="BAF53" s="7">
        <f t="shared" si="569"/>
        <v>5103.125</v>
      </c>
      <c r="BAG53" s="7">
        <f t="shared" si="569"/>
        <v>5103.125</v>
      </c>
      <c r="BAH53" s="7">
        <f t="shared" si="569"/>
        <v>5103.125</v>
      </c>
      <c r="BAI53" s="7">
        <f t="shared" si="569"/>
        <v>5103.125</v>
      </c>
      <c r="BAJ53" s="7">
        <f t="shared" si="569"/>
        <v>5103.125</v>
      </c>
      <c r="BAK53" s="7">
        <f t="shared" si="569"/>
        <v>5103.125</v>
      </c>
      <c r="BAL53" s="7">
        <f t="shared" si="569"/>
        <v>5103.125</v>
      </c>
      <c r="BAM53" s="7">
        <f t="shared" si="569"/>
        <v>5103.125</v>
      </c>
      <c r="BAN53" s="7">
        <f t="shared" si="569"/>
        <v>5103.125</v>
      </c>
      <c r="BAO53" s="7">
        <f t="shared" si="569"/>
        <v>5103.125</v>
      </c>
      <c r="BAP53" s="7">
        <f t="shared" si="569"/>
        <v>5103.125</v>
      </c>
      <c r="BAQ53" s="7">
        <f t="shared" si="569"/>
        <v>5103.125</v>
      </c>
      <c r="BAR53" s="7">
        <f t="shared" si="569"/>
        <v>5103.125</v>
      </c>
      <c r="BAS53" s="7">
        <f t="shared" si="569"/>
        <v>5103.125</v>
      </c>
      <c r="BAT53" s="7">
        <f t="shared" si="569"/>
        <v>5103.125</v>
      </c>
      <c r="BAU53" s="7">
        <f t="shared" si="569"/>
        <v>5103.125</v>
      </c>
      <c r="BAV53" s="7">
        <f t="shared" si="569"/>
        <v>5103.125</v>
      </c>
      <c r="BAW53" s="7">
        <f t="shared" si="569"/>
        <v>5103.125</v>
      </c>
      <c r="BAX53" s="7">
        <f t="shared" si="569"/>
        <v>5103.125</v>
      </c>
      <c r="BAY53" s="7">
        <f t="shared" si="569"/>
        <v>5103.125</v>
      </c>
      <c r="BAZ53" s="7">
        <f t="shared" si="569"/>
        <v>5103.125</v>
      </c>
      <c r="BBA53" s="7">
        <f t="shared" si="569"/>
        <v>5103.125</v>
      </c>
      <c r="BBB53" s="7">
        <f t="shared" si="569"/>
        <v>5103.125</v>
      </c>
      <c r="BBC53" s="7">
        <f t="shared" si="569"/>
        <v>5103.125</v>
      </c>
      <c r="BBD53" s="7">
        <f t="shared" si="569"/>
        <v>5103.125</v>
      </c>
      <c r="BBE53" s="7">
        <f t="shared" si="569"/>
        <v>5103.125</v>
      </c>
      <c r="BBF53" s="7">
        <f t="shared" si="569"/>
        <v>5103.125</v>
      </c>
      <c r="BBG53" s="7">
        <f t="shared" si="569"/>
        <v>5103.125</v>
      </c>
      <c r="BBH53" s="7">
        <f t="shared" si="569"/>
        <v>5103.125</v>
      </c>
      <c r="BBI53" s="7">
        <f t="shared" si="569"/>
        <v>5103.125</v>
      </c>
      <c r="BBJ53" s="7">
        <f t="shared" si="569"/>
        <v>5103.125</v>
      </c>
      <c r="BBK53" s="7">
        <f t="shared" si="569"/>
        <v>5103.125</v>
      </c>
      <c r="BBL53" s="7">
        <f t="shared" si="569"/>
        <v>5103.125</v>
      </c>
      <c r="BBM53" s="7">
        <f t="shared" si="569"/>
        <v>5103.125</v>
      </c>
      <c r="BBN53" s="7">
        <f t="shared" ref="BBN53:BDY53" si="570">BBN48+BBM53</f>
        <v>5103.125</v>
      </c>
      <c r="BBO53" s="7">
        <f t="shared" si="570"/>
        <v>5103.125</v>
      </c>
      <c r="BBP53" s="7">
        <f t="shared" si="570"/>
        <v>5103.125</v>
      </c>
      <c r="BBQ53" s="7">
        <f t="shared" si="570"/>
        <v>5103.125</v>
      </c>
      <c r="BBR53" s="7">
        <f t="shared" si="570"/>
        <v>5103.125</v>
      </c>
      <c r="BBS53" s="7">
        <f t="shared" si="570"/>
        <v>5103.125</v>
      </c>
      <c r="BBT53" s="7">
        <f t="shared" si="570"/>
        <v>5103.125</v>
      </c>
      <c r="BBU53" s="7">
        <f t="shared" si="570"/>
        <v>5103.125</v>
      </c>
      <c r="BBV53" s="7">
        <f t="shared" si="570"/>
        <v>5103.125</v>
      </c>
      <c r="BBW53" s="7">
        <f t="shared" si="570"/>
        <v>5103.125</v>
      </c>
      <c r="BBX53" s="7">
        <f t="shared" si="570"/>
        <v>5103.125</v>
      </c>
      <c r="BBY53" s="7">
        <f t="shared" si="570"/>
        <v>5103.125</v>
      </c>
      <c r="BBZ53" s="7">
        <f t="shared" si="570"/>
        <v>5103.125</v>
      </c>
      <c r="BCA53" s="7">
        <f t="shared" si="570"/>
        <v>5103.125</v>
      </c>
      <c r="BCB53" s="7">
        <f t="shared" si="570"/>
        <v>5103.125</v>
      </c>
      <c r="BCC53" s="7">
        <f t="shared" si="570"/>
        <v>5103.125</v>
      </c>
      <c r="BCD53" s="7">
        <f t="shared" si="570"/>
        <v>5103.125</v>
      </c>
      <c r="BCE53" s="7">
        <f t="shared" si="570"/>
        <v>5103.125</v>
      </c>
      <c r="BCF53" s="7">
        <f t="shared" si="570"/>
        <v>5103.125</v>
      </c>
      <c r="BCG53" s="7">
        <f t="shared" si="570"/>
        <v>5103.125</v>
      </c>
      <c r="BCH53" s="7">
        <f t="shared" si="570"/>
        <v>5103.125</v>
      </c>
      <c r="BCI53" s="7">
        <f t="shared" si="570"/>
        <v>5103.125</v>
      </c>
      <c r="BCJ53" s="7">
        <f t="shared" si="570"/>
        <v>5103.125</v>
      </c>
      <c r="BCK53" s="7">
        <f t="shared" si="570"/>
        <v>5103.125</v>
      </c>
      <c r="BCL53" s="7">
        <f t="shared" si="570"/>
        <v>5103.125</v>
      </c>
      <c r="BCM53" s="7">
        <f t="shared" si="570"/>
        <v>5103.125</v>
      </c>
      <c r="BCN53" s="7">
        <f t="shared" si="570"/>
        <v>5103.125</v>
      </c>
      <c r="BCO53" s="7">
        <f t="shared" si="570"/>
        <v>5103.125</v>
      </c>
      <c r="BCP53" s="7">
        <f t="shared" si="570"/>
        <v>5103.125</v>
      </c>
      <c r="BCQ53" s="7">
        <f t="shared" si="570"/>
        <v>5103.125</v>
      </c>
      <c r="BCR53" s="7">
        <f t="shared" si="570"/>
        <v>5103.125</v>
      </c>
      <c r="BCS53" s="7">
        <f t="shared" si="570"/>
        <v>5103.125</v>
      </c>
      <c r="BCT53" s="7">
        <f t="shared" si="570"/>
        <v>5103.125</v>
      </c>
      <c r="BCU53" s="7">
        <f t="shared" si="570"/>
        <v>5103.125</v>
      </c>
      <c r="BCV53" s="7">
        <f t="shared" si="570"/>
        <v>5103.125</v>
      </c>
      <c r="BCW53" s="7">
        <f t="shared" si="570"/>
        <v>5103.125</v>
      </c>
      <c r="BCX53" s="7">
        <f t="shared" si="570"/>
        <v>5103.125</v>
      </c>
      <c r="BCY53" s="7">
        <f t="shared" si="570"/>
        <v>5103.125</v>
      </c>
      <c r="BCZ53" s="7">
        <f t="shared" si="570"/>
        <v>5103.125</v>
      </c>
      <c r="BDA53" s="7">
        <f t="shared" si="570"/>
        <v>5103.125</v>
      </c>
      <c r="BDB53" s="7">
        <f t="shared" si="570"/>
        <v>5103.125</v>
      </c>
      <c r="BDC53" s="7">
        <f t="shared" si="570"/>
        <v>5103.125</v>
      </c>
      <c r="BDD53" s="7">
        <f t="shared" si="570"/>
        <v>5103.125</v>
      </c>
      <c r="BDE53" s="7">
        <f t="shared" si="570"/>
        <v>5103.125</v>
      </c>
      <c r="BDF53" s="7">
        <f t="shared" si="570"/>
        <v>5103.125</v>
      </c>
      <c r="BDG53" s="7">
        <f t="shared" si="570"/>
        <v>5103.125</v>
      </c>
      <c r="BDH53" s="7">
        <f t="shared" si="570"/>
        <v>5103.125</v>
      </c>
      <c r="BDI53" s="7">
        <f t="shared" si="570"/>
        <v>5103.125</v>
      </c>
      <c r="BDJ53" s="7">
        <f t="shared" si="570"/>
        <v>5103.125</v>
      </c>
      <c r="BDK53" s="7">
        <f t="shared" si="570"/>
        <v>5103.125</v>
      </c>
      <c r="BDL53" s="7">
        <f t="shared" si="570"/>
        <v>5103.125</v>
      </c>
      <c r="BDM53" s="7">
        <f t="shared" si="570"/>
        <v>5103.125</v>
      </c>
      <c r="BDN53" s="7">
        <f t="shared" si="570"/>
        <v>5103.125</v>
      </c>
      <c r="BDO53" s="7">
        <f t="shared" si="570"/>
        <v>5103.125</v>
      </c>
      <c r="BDP53" s="7">
        <f t="shared" si="570"/>
        <v>5103.125</v>
      </c>
      <c r="BDQ53" s="7">
        <f t="shared" si="570"/>
        <v>5103.125</v>
      </c>
      <c r="BDR53" s="7">
        <f t="shared" si="570"/>
        <v>5103.125</v>
      </c>
      <c r="BDS53" s="7">
        <f t="shared" si="570"/>
        <v>5103.125</v>
      </c>
      <c r="BDT53" s="7">
        <f t="shared" si="570"/>
        <v>5103.125</v>
      </c>
      <c r="BDU53" s="7">
        <f t="shared" si="570"/>
        <v>5103.125</v>
      </c>
      <c r="BDV53" s="7">
        <f t="shared" si="570"/>
        <v>5103.125</v>
      </c>
      <c r="BDW53" s="7">
        <f t="shared" si="570"/>
        <v>5103.125</v>
      </c>
      <c r="BDX53" s="7">
        <f t="shared" si="570"/>
        <v>5103.125</v>
      </c>
      <c r="BDY53" s="7">
        <f t="shared" si="570"/>
        <v>5103.125</v>
      </c>
      <c r="BDZ53" s="7">
        <f t="shared" ref="BDZ53:BGK53" si="571">BDZ48+BDY53</f>
        <v>5103.125</v>
      </c>
      <c r="BEA53" s="7">
        <f t="shared" si="571"/>
        <v>5103.125</v>
      </c>
      <c r="BEB53" s="7">
        <f t="shared" si="571"/>
        <v>5103.125</v>
      </c>
      <c r="BEC53" s="7">
        <f t="shared" si="571"/>
        <v>5103.125</v>
      </c>
      <c r="BED53" s="7">
        <f t="shared" si="571"/>
        <v>5103.125</v>
      </c>
      <c r="BEE53" s="7">
        <f t="shared" si="571"/>
        <v>5103.125</v>
      </c>
      <c r="BEF53" s="7">
        <f t="shared" si="571"/>
        <v>5103.125</v>
      </c>
      <c r="BEG53" s="7">
        <f t="shared" si="571"/>
        <v>5103.125</v>
      </c>
      <c r="BEH53" s="7">
        <f t="shared" si="571"/>
        <v>5103.125</v>
      </c>
      <c r="BEI53" s="7">
        <f t="shared" si="571"/>
        <v>5103.125</v>
      </c>
      <c r="BEJ53" s="7">
        <f t="shared" si="571"/>
        <v>5103.125</v>
      </c>
      <c r="BEK53" s="7">
        <f t="shared" si="571"/>
        <v>5103.125</v>
      </c>
      <c r="BEL53" s="7">
        <f t="shared" si="571"/>
        <v>5103.125</v>
      </c>
      <c r="BEM53" s="7">
        <f t="shared" si="571"/>
        <v>5103.125</v>
      </c>
      <c r="BEN53" s="7">
        <f t="shared" si="571"/>
        <v>5103.125</v>
      </c>
      <c r="BEO53" s="7">
        <f t="shared" si="571"/>
        <v>5103.125</v>
      </c>
      <c r="BEP53" s="7">
        <f t="shared" si="571"/>
        <v>5103.125</v>
      </c>
      <c r="BEQ53" s="7">
        <f t="shared" si="571"/>
        <v>5103.125</v>
      </c>
      <c r="BER53" s="7">
        <f t="shared" si="571"/>
        <v>5103.125</v>
      </c>
      <c r="BES53" s="7">
        <f t="shared" si="571"/>
        <v>5103.125</v>
      </c>
      <c r="BET53" s="7">
        <f t="shared" si="571"/>
        <v>5103.125</v>
      </c>
      <c r="BEU53" s="7">
        <f t="shared" si="571"/>
        <v>5103.125</v>
      </c>
      <c r="BEV53" s="7">
        <f t="shared" si="571"/>
        <v>5103.125</v>
      </c>
      <c r="BEW53" s="7">
        <f t="shared" si="571"/>
        <v>5103.125</v>
      </c>
      <c r="BEX53" s="7">
        <f t="shared" si="571"/>
        <v>5103.125</v>
      </c>
      <c r="BEY53" s="7">
        <f t="shared" si="571"/>
        <v>5103.125</v>
      </c>
      <c r="BEZ53" s="7">
        <f t="shared" si="571"/>
        <v>5103.125</v>
      </c>
      <c r="BFA53" s="7">
        <f t="shared" si="571"/>
        <v>5103.125</v>
      </c>
      <c r="BFB53" s="7">
        <f t="shared" si="571"/>
        <v>5103.125</v>
      </c>
      <c r="BFC53" s="7">
        <f t="shared" si="571"/>
        <v>5103.125</v>
      </c>
      <c r="BFD53" s="7">
        <f t="shared" si="571"/>
        <v>5103.125</v>
      </c>
      <c r="BFE53" s="7">
        <f t="shared" si="571"/>
        <v>5103.125</v>
      </c>
      <c r="BFF53" s="7">
        <f t="shared" si="571"/>
        <v>5103.125</v>
      </c>
      <c r="BFG53" s="7">
        <f t="shared" si="571"/>
        <v>5103.125</v>
      </c>
      <c r="BFH53" s="7">
        <f t="shared" si="571"/>
        <v>5103.125</v>
      </c>
      <c r="BFI53" s="7">
        <f t="shared" si="571"/>
        <v>5103.125</v>
      </c>
      <c r="BFJ53" s="7">
        <f t="shared" si="571"/>
        <v>5103.125</v>
      </c>
      <c r="BFK53" s="7">
        <f t="shared" si="571"/>
        <v>5103.125</v>
      </c>
      <c r="BFL53" s="7">
        <f t="shared" si="571"/>
        <v>5103.125</v>
      </c>
      <c r="BFM53" s="7">
        <f t="shared" si="571"/>
        <v>5103.125</v>
      </c>
      <c r="BFN53" s="7">
        <f t="shared" si="571"/>
        <v>5103.125</v>
      </c>
      <c r="BFO53" s="7">
        <f t="shared" si="571"/>
        <v>5103.125</v>
      </c>
      <c r="BFP53" s="7">
        <f t="shared" si="571"/>
        <v>5103.125</v>
      </c>
      <c r="BFQ53" s="7">
        <f t="shared" si="571"/>
        <v>5103.125</v>
      </c>
      <c r="BFR53" s="7">
        <f t="shared" si="571"/>
        <v>5103.125</v>
      </c>
      <c r="BFS53" s="7">
        <f t="shared" si="571"/>
        <v>5103.125</v>
      </c>
      <c r="BFT53" s="7">
        <f t="shared" si="571"/>
        <v>5103.125</v>
      </c>
      <c r="BFU53" s="7">
        <f t="shared" si="571"/>
        <v>5103.125</v>
      </c>
      <c r="BFV53" s="7">
        <f t="shared" si="571"/>
        <v>5103.125</v>
      </c>
      <c r="BFW53" s="7">
        <f t="shared" si="571"/>
        <v>5103.125</v>
      </c>
      <c r="BFX53" s="7">
        <f t="shared" si="571"/>
        <v>5103.125</v>
      </c>
      <c r="BFY53" s="7">
        <f t="shared" si="571"/>
        <v>5103.125</v>
      </c>
      <c r="BFZ53" s="7">
        <f t="shared" si="571"/>
        <v>5103.125</v>
      </c>
      <c r="BGA53" s="7">
        <f t="shared" si="571"/>
        <v>5103.125</v>
      </c>
      <c r="BGB53" s="7">
        <f t="shared" si="571"/>
        <v>5103.125</v>
      </c>
      <c r="BGC53" s="7">
        <f t="shared" si="571"/>
        <v>5103.125</v>
      </c>
      <c r="BGD53" s="7">
        <f t="shared" si="571"/>
        <v>5103.125</v>
      </c>
      <c r="BGE53" s="7">
        <f t="shared" si="571"/>
        <v>5103.125</v>
      </c>
      <c r="BGF53" s="7">
        <f t="shared" si="571"/>
        <v>5103.125</v>
      </c>
      <c r="BGG53" s="7">
        <f t="shared" si="571"/>
        <v>5103.125</v>
      </c>
      <c r="BGH53" s="7">
        <f t="shared" si="571"/>
        <v>5103.125</v>
      </c>
      <c r="BGI53" s="7">
        <f t="shared" si="571"/>
        <v>5103.125</v>
      </c>
      <c r="BGJ53" s="7">
        <f t="shared" si="571"/>
        <v>5103.125</v>
      </c>
      <c r="BGK53" s="7">
        <f t="shared" si="571"/>
        <v>5103.125</v>
      </c>
      <c r="BGL53" s="7">
        <f t="shared" ref="BGL53:BIW53" si="572">BGL48+BGK53</f>
        <v>5103.125</v>
      </c>
      <c r="BGM53" s="7">
        <f t="shared" si="572"/>
        <v>5103.125</v>
      </c>
      <c r="BGN53" s="7">
        <f t="shared" si="572"/>
        <v>5103.125</v>
      </c>
      <c r="BGO53" s="7">
        <f t="shared" si="572"/>
        <v>5103.125</v>
      </c>
      <c r="BGP53" s="7">
        <f t="shared" si="572"/>
        <v>5103.125</v>
      </c>
      <c r="BGQ53" s="7">
        <f t="shared" si="572"/>
        <v>5103.125</v>
      </c>
      <c r="BGR53" s="7">
        <f t="shared" si="572"/>
        <v>5103.125</v>
      </c>
      <c r="BGS53" s="7">
        <f t="shared" si="572"/>
        <v>5103.125</v>
      </c>
      <c r="BGT53" s="7">
        <f t="shared" si="572"/>
        <v>5103.125</v>
      </c>
      <c r="BGU53" s="7">
        <f t="shared" si="572"/>
        <v>5103.125</v>
      </c>
      <c r="BGV53" s="7">
        <f t="shared" si="572"/>
        <v>5103.125</v>
      </c>
      <c r="BGW53" s="7">
        <f t="shared" si="572"/>
        <v>5103.125</v>
      </c>
      <c r="BGX53" s="7">
        <f t="shared" si="572"/>
        <v>5103.125</v>
      </c>
      <c r="BGY53" s="7">
        <f t="shared" si="572"/>
        <v>5103.125</v>
      </c>
      <c r="BGZ53" s="7">
        <f t="shared" si="572"/>
        <v>5103.125</v>
      </c>
      <c r="BHA53" s="7">
        <f t="shared" si="572"/>
        <v>5103.125</v>
      </c>
      <c r="BHB53" s="7">
        <f t="shared" si="572"/>
        <v>5103.125</v>
      </c>
      <c r="BHC53" s="7">
        <f t="shared" si="572"/>
        <v>5103.125</v>
      </c>
      <c r="BHD53" s="7">
        <f t="shared" si="572"/>
        <v>5103.125</v>
      </c>
      <c r="BHE53" s="7">
        <f t="shared" si="572"/>
        <v>5103.125</v>
      </c>
      <c r="BHF53" s="7">
        <f t="shared" si="572"/>
        <v>5103.125</v>
      </c>
      <c r="BHG53" s="7">
        <f t="shared" si="572"/>
        <v>5103.125</v>
      </c>
      <c r="BHH53" s="7">
        <f t="shared" si="572"/>
        <v>5103.125</v>
      </c>
      <c r="BHI53" s="7">
        <f t="shared" si="572"/>
        <v>5103.125</v>
      </c>
      <c r="BHJ53" s="7">
        <f t="shared" si="572"/>
        <v>5103.125</v>
      </c>
      <c r="BHK53" s="7">
        <f t="shared" si="572"/>
        <v>5103.125</v>
      </c>
      <c r="BHL53" s="7">
        <f t="shared" si="572"/>
        <v>5103.125</v>
      </c>
      <c r="BHM53" s="7">
        <f t="shared" si="572"/>
        <v>5103.125</v>
      </c>
      <c r="BHN53" s="7">
        <f t="shared" si="572"/>
        <v>5103.125</v>
      </c>
      <c r="BHO53" s="7">
        <f t="shared" si="572"/>
        <v>5103.125</v>
      </c>
      <c r="BHP53" s="7">
        <f t="shared" si="572"/>
        <v>5103.125</v>
      </c>
      <c r="BHQ53" s="7">
        <f t="shared" si="572"/>
        <v>5103.125</v>
      </c>
      <c r="BHR53" s="7">
        <f t="shared" si="572"/>
        <v>5103.125</v>
      </c>
      <c r="BHS53" s="7">
        <f t="shared" si="572"/>
        <v>5103.125</v>
      </c>
      <c r="BHT53" s="7">
        <f t="shared" si="572"/>
        <v>5103.125</v>
      </c>
      <c r="BHU53" s="7">
        <f t="shared" si="572"/>
        <v>5103.125</v>
      </c>
      <c r="BHV53" s="7">
        <f t="shared" si="572"/>
        <v>5103.125</v>
      </c>
      <c r="BHW53" s="7">
        <f t="shared" si="572"/>
        <v>5103.125</v>
      </c>
      <c r="BHX53" s="7">
        <f t="shared" si="572"/>
        <v>5103.125</v>
      </c>
      <c r="BHY53" s="7">
        <f t="shared" si="572"/>
        <v>5103.125</v>
      </c>
      <c r="BHZ53" s="7">
        <f t="shared" si="572"/>
        <v>5103.125</v>
      </c>
      <c r="BIA53" s="7">
        <f t="shared" si="572"/>
        <v>5103.125</v>
      </c>
      <c r="BIB53" s="7">
        <f t="shared" si="572"/>
        <v>5103.125</v>
      </c>
      <c r="BIC53" s="7">
        <f t="shared" si="572"/>
        <v>5103.125</v>
      </c>
      <c r="BID53" s="7">
        <f t="shared" si="572"/>
        <v>5103.125</v>
      </c>
      <c r="BIE53" s="7">
        <f t="shared" si="572"/>
        <v>5103.125</v>
      </c>
      <c r="BIF53" s="7">
        <f t="shared" si="572"/>
        <v>5103.125</v>
      </c>
      <c r="BIG53" s="7">
        <f t="shared" si="572"/>
        <v>5103.125</v>
      </c>
      <c r="BIH53" s="7">
        <f t="shared" si="572"/>
        <v>5103.125</v>
      </c>
      <c r="BII53" s="7">
        <f t="shared" si="572"/>
        <v>5103.125</v>
      </c>
      <c r="BIJ53" s="7">
        <f t="shared" si="572"/>
        <v>5103.125</v>
      </c>
      <c r="BIK53" s="7">
        <f t="shared" si="572"/>
        <v>5103.125</v>
      </c>
      <c r="BIL53" s="7">
        <f t="shared" si="572"/>
        <v>5103.125</v>
      </c>
      <c r="BIM53" s="7">
        <f t="shared" si="572"/>
        <v>5103.125</v>
      </c>
      <c r="BIN53" s="7">
        <f t="shared" si="572"/>
        <v>5103.125</v>
      </c>
      <c r="BIO53" s="7">
        <f t="shared" si="572"/>
        <v>5103.125</v>
      </c>
      <c r="BIP53" s="7">
        <f t="shared" si="572"/>
        <v>5103.125</v>
      </c>
      <c r="BIQ53" s="7">
        <f t="shared" si="572"/>
        <v>5103.125</v>
      </c>
      <c r="BIR53" s="7">
        <f t="shared" si="572"/>
        <v>5103.125</v>
      </c>
      <c r="BIS53" s="7">
        <f t="shared" si="572"/>
        <v>5103.125</v>
      </c>
      <c r="BIT53" s="7">
        <f t="shared" si="572"/>
        <v>5103.125</v>
      </c>
      <c r="BIU53" s="7">
        <f t="shared" si="572"/>
        <v>5103.125</v>
      </c>
      <c r="BIV53" s="7">
        <f t="shared" si="572"/>
        <v>5103.125</v>
      </c>
      <c r="BIW53" s="7">
        <f t="shared" si="572"/>
        <v>5103.125</v>
      </c>
      <c r="BIX53" s="7">
        <f t="shared" ref="BIX53:BLI53" si="573">BIX48+BIW53</f>
        <v>5103.125</v>
      </c>
      <c r="BIY53" s="7">
        <f t="shared" si="573"/>
        <v>5103.125</v>
      </c>
      <c r="BIZ53" s="7">
        <f t="shared" si="573"/>
        <v>5103.125</v>
      </c>
      <c r="BJA53" s="7">
        <f t="shared" si="573"/>
        <v>5103.125</v>
      </c>
      <c r="BJB53" s="7">
        <f t="shared" si="573"/>
        <v>5103.125</v>
      </c>
      <c r="BJC53" s="7">
        <f t="shared" si="573"/>
        <v>5103.125</v>
      </c>
      <c r="BJD53" s="7">
        <f t="shared" si="573"/>
        <v>5103.125</v>
      </c>
      <c r="BJE53" s="7">
        <f t="shared" si="573"/>
        <v>5103.125</v>
      </c>
      <c r="BJF53" s="7">
        <f t="shared" si="573"/>
        <v>5103.125</v>
      </c>
      <c r="BJG53" s="7">
        <f t="shared" si="573"/>
        <v>5103.125</v>
      </c>
      <c r="BJH53" s="7">
        <f t="shared" si="573"/>
        <v>5103.125</v>
      </c>
      <c r="BJI53" s="7">
        <f t="shared" si="573"/>
        <v>5103.125</v>
      </c>
      <c r="BJJ53" s="7">
        <f t="shared" si="573"/>
        <v>5103.125</v>
      </c>
      <c r="BJK53" s="7">
        <f t="shared" si="573"/>
        <v>5103.125</v>
      </c>
      <c r="BJL53" s="7">
        <f t="shared" si="573"/>
        <v>5103.125</v>
      </c>
      <c r="BJM53" s="7">
        <f t="shared" si="573"/>
        <v>5103.125</v>
      </c>
      <c r="BJN53" s="7">
        <f t="shared" si="573"/>
        <v>5103.125</v>
      </c>
      <c r="BJO53" s="7">
        <f t="shared" si="573"/>
        <v>5103.125</v>
      </c>
      <c r="BJP53" s="7">
        <f t="shared" si="573"/>
        <v>5103.125</v>
      </c>
      <c r="BJQ53" s="7">
        <f t="shared" si="573"/>
        <v>5103.125</v>
      </c>
      <c r="BJR53" s="7">
        <f t="shared" si="573"/>
        <v>5103.125</v>
      </c>
      <c r="BJS53" s="7">
        <f t="shared" si="573"/>
        <v>5103.125</v>
      </c>
      <c r="BJT53" s="7">
        <f t="shared" si="573"/>
        <v>5103.125</v>
      </c>
      <c r="BJU53" s="7">
        <f t="shared" si="573"/>
        <v>5103.125</v>
      </c>
      <c r="BJV53" s="7">
        <f t="shared" si="573"/>
        <v>5103.125</v>
      </c>
      <c r="BJW53" s="7">
        <f t="shared" si="573"/>
        <v>5103.125</v>
      </c>
      <c r="BJX53" s="7">
        <f t="shared" si="573"/>
        <v>5103.125</v>
      </c>
      <c r="BJY53" s="7">
        <f t="shared" si="573"/>
        <v>5103.125</v>
      </c>
      <c r="BJZ53" s="7">
        <f t="shared" si="573"/>
        <v>5103.125</v>
      </c>
      <c r="BKA53" s="7">
        <f t="shared" si="573"/>
        <v>5103.125</v>
      </c>
      <c r="BKB53" s="7">
        <f t="shared" si="573"/>
        <v>5103.125</v>
      </c>
      <c r="BKC53" s="7">
        <f t="shared" si="573"/>
        <v>5103.125</v>
      </c>
      <c r="BKD53" s="7">
        <f t="shared" si="573"/>
        <v>5103.125</v>
      </c>
      <c r="BKE53" s="7">
        <f t="shared" si="573"/>
        <v>5103.125</v>
      </c>
      <c r="BKF53" s="7">
        <f t="shared" si="573"/>
        <v>5103.125</v>
      </c>
      <c r="BKG53" s="7">
        <f t="shared" si="573"/>
        <v>5103.125</v>
      </c>
      <c r="BKH53" s="7">
        <f t="shared" si="573"/>
        <v>5103.125</v>
      </c>
      <c r="BKI53" s="7">
        <f t="shared" si="573"/>
        <v>5103.125</v>
      </c>
      <c r="BKJ53" s="7">
        <f t="shared" si="573"/>
        <v>5103.125</v>
      </c>
      <c r="BKK53" s="7">
        <f t="shared" si="573"/>
        <v>5103.125</v>
      </c>
      <c r="BKL53" s="7">
        <f t="shared" si="573"/>
        <v>5103.125</v>
      </c>
      <c r="BKM53" s="7">
        <f t="shared" si="573"/>
        <v>5103.125</v>
      </c>
      <c r="BKN53" s="7">
        <f t="shared" si="573"/>
        <v>5103.125</v>
      </c>
      <c r="BKO53" s="7">
        <f t="shared" si="573"/>
        <v>5103.125</v>
      </c>
      <c r="BKP53" s="7">
        <f t="shared" si="573"/>
        <v>5103.125</v>
      </c>
      <c r="BKQ53" s="7">
        <f t="shared" si="573"/>
        <v>5103.125</v>
      </c>
      <c r="BKR53" s="7">
        <f t="shared" si="573"/>
        <v>5103.125</v>
      </c>
      <c r="BKS53" s="7">
        <f t="shared" si="573"/>
        <v>5103.125</v>
      </c>
      <c r="BKT53" s="7">
        <f t="shared" si="573"/>
        <v>5103.125</v>
      </c>
      <c r="BKU53" s="7">
        <f t="shared" si="573"/>
        <v>5103.125</v>
      </c>
      <c r="BKV53" s="7">
        <f t="shared" si="573"/>
        <v>5103.125</v>
      </c>
      <c r="BKW53" s="7">
        <f t="shared" si="573"/>
        <v>5103.125</v>
      </c>
      <c r="BKX53" s="7">
        <f t="shared" si="573"/>
        <v>5103.125</v>
      </c>
      <c r="BKY53" s="7">
        <f t="shared" si="573"/>
        <v>5103.125</v>
      </c>
      <c r="BKZ53" s="7">
        <f t="shared" si="573"/>
        <v>5103.125</v>
      </c>
      <c r="BLA53" s="7">
        <f t="shared" si="573"/>
        <v>5103.125</v>
      </c>
      <c r="BLB53" s="7">
        <f t="shared" si="573"/>
        <v>5103.125</v>
      </c>
      <c r="BLC53" s="7">
        <f t="shared" si="573"/>
        <v>5103.125</v>
      </c>
      <c r="BLD53" s="7">
        <f t="shared" si="573"/>
        <v>5103.125</v>
      </c>
      <c r="BLE53" s="7">
        <f t="shared" si="573"/>
        <v>5103.125</v>
      </c>
      <c r="BLF53" s="7">
        <f t="shared" si="573"/>
        <v>5103.125</v>
      </c>
      <c r="BLG53" s="7">
        <f t="shared" si="573"/>
        <v>5103.125</v>
      </c>
      <c r="BLH53" s="7">
        <f t="shared" si="573"/>
        <v>5103.125</v>
      </c>
      <c r="BLI53" s="7">
        <f t="shared" si="573"/>
        <v>5103.125</v>
      </c>
      <c r="BLJ53" s="7">
        <f t="shared" ref="BLJ53:BNU53" si="574">BLJ48+BLI53</f>
        <v>5103.125</v>
      </c>
      <c r="BLK53" s="7">
        <f t="shared" si="574"/>
        <v>5103.125</v>
      </c>
      <c r="BLL53" s="7">
        <f t="shared" si="574"/>
        <v>5103.125</v>
      </c>
      <c r="BLM53" s="7">
        <f t="shared" si="574"/>
        <v>5103.125</v>
      </c>
      <c r="BLN53" s="7">
        <f t="shared" si="574"/>
        <v>5103.125</v>
      </c>
      <c r="BLO53" s="7">
        <f t="shared" si="574"/>
        <v>5103.125</v>
      </c>
      <c r="BLP53" s="7">
        <f t="shared" si="574"/>
        <v>5103.125</v>
      </c>
      <c r="BLQ53" s="7">
        <f t="shared" si="574"/>
        <v>5103.125</v>
      </c>
      <c r="BLR53" s="7">
        <f t="shared" si="574"/>
        <v>5103.125</v>
      </c>
      <c r="BLS53" s="7">
        <f t="shared" si="574"/>
        <v>5103.125</v>
      </c>
      <c r="BLT53" s="7">
        <f t="shared" si="574"/>
        <v>5103.125</v>
      </c>
      <c r="BLU53" s="7">
        <f t="shared" si="574"/>
        <v>5103.125</v>
      </c>
      <c r="BLV53" s="7">
        <f t="shared" si="574"/>
        <v>5103.125</v>
      </c>
      <c r="BLW53" s="7">
        <f t="shared" si="574"/>
        <v>5103.125</v>
      </c>
      <c r="BLX53" s="7">
        <f t="shared" si="574"/>
        <v>5103.125</v>
      </c>
      <c r="BLY53" s="7">
        <f t="shared" si="574"/>
        <v>5103.125</v>
      </c>
      <c r="BLZ53" s="7">
        <f t="shared" si="574"/>
        <v>5103.125</v>
      </c>
      <c r="BMA53" s="7">
        <f t="shared" si="574"/>
        <v>5103.125</v>
      </c>
      <c r="BMB53" s="7">
        <f t="shared" si="574"/>
        <v>5103.125</v>
      </c>
      <c r="BMC53" s="7">
        <f t="shared" si="574"/>
        <v>5103.125</v>
      </c>
      <c r="BMD53" s="7">
        <f t="shared" si="574"/>
        <v>5103.125</v>
      </c>
      <c r="BME53" s="7">
        <f t="shared" si="574"/>
        <v>5103.125</v>
      </c>
      <c r="BMF53" s="7">
        <f t="shared" si="574"/>
        <v>5103.125</v>
      </c>
      <c r="BMG53" s="7">
        <f t="shared" si="574"/>
        <v>5103.125</v>
      </c>
      <c r="BMH53" s="7">
        <f t="shared" si="574"/>
        <v>5103.125</v>
      </c>
      <c r="BMI53" s="7">
        <f t="shared" si="574"/>
        <v>5103.125</v>
      </c>
      <c r="BMJ53" s="7">
        <f t="shared" si="574"/>
        <v>5103.125</v>
      </c>
      <c r="BMK53" s="7">
        <f t="shared" si="574"/>
        <v>5103.125</v>
      </c>
      <c r="BML53" s="7">
        <f t="shared" si="574"/>
        <v>5103.125</v>
      </c>
      <c r="BMM53" s="7">
        <f t="shared" si="574"/>
        <v>5103.125</v>
      </c>
      <c r="BMN53" s="7">
        <f t="shared" si="574"/>
        <v>5103.125</v>
      </c>
      <c r="BMO53" s="7">
        <f t="shared" si="574"/>
        <v>5103.125</v>
      </c>
      <c r="BMP53" s="7">
        <f t="shared" si="574"/>
        <v>5103.125</v>
      </c>
      <c r="BMQ53" s="7">
        <f t="shared" si="574"/>
        <v>5103.125</v>
      </c>
      <c r="BMR53" s="7">
        <f t="shared" si="574"/>
        <v>5103.125</v>
      </c>
      <c r="BMS53" s="7">
        <f t="shared" si="574"/>
        <v>5103.125</v>
      </c>
      <c r="BMT53" s="7">
        <f t="shared" si="574"/>
        <v>5103.125</v>
      </c>
      <c r="BMU53" s="7">
        <f t="shared" si="574"/>
        <v>5103.125</v>
      </c>
      <c r="BMV53" s="7">
        <f t="shared" si="574"/>
        <v>5103.125</v>
      </c>
      <c r="BMW53" s="7">
        <f t="shared" si="574"/>
        <v>5103.125</v>
      </c>
      <c r="BMX53" s="7">
        <f t="shared" si="574"/>
        <v>5103.125</v>
      </c>
      <c r="BMY53" s="7">
        <f t="shared" si="574"/>
        <v>5103.125</v>
      </c>
      <c r="BMZ53" s="7">
        <f t="shared" si="574"/>
        <v>5103.125</v>
      </c>
      <c r="BNA53" s="7">
        <f t="shared" si="574"/>
        <v>5103.125</v>
      </c>
      <c r="BNB53" s="7">
        <f t="shared" si="574"/>
        <v>5103.125</v>
      </c>
      <c r="BNC53" s="7">
        <f t="shared" si="574"/>
        <v>5103.125</v>
      </c>
      <c r="BND53" s="7">
        <f t="shared" si="574"/>
        <v>5103.125</v>
      </c>
      <c r="BNE53" s="7">
        <f t="shared" si="574"/>
        <v>5103.125</v>
      </c>
      <c r="BNF53" s="7">
        <f t="shared" si="574"/>
        <v>5103.125</v>
      </c>
      <c r="BNG53" s="7">
        <f t="shared" si="574"/>
        <v>5103.125</v>
      </c>
      <c r="BNH53" s="7">
        <f t="shared" si="574"/>
        <v>5103.125</v>
      </c>
      <c r="BNI53" s="7">
        <f t="shared" si="574"/>
        <v>5103.125</v>
      </c>
      <c r="BNJ53" s="7">
        <f t="shared" si="574"/>
        <v>5103.125</v>
      </c>
      <c r="BNK53" s="7">
        <f t="shared" si="574"/>
        <v>5103.125</v>
      </c>
      <c r="BNL53" s="7">
        <f t="shared" si="574"/>
        <v>5103.125</v>
      </c>
      <c r="BNM53" s="7">
        <f t="shared" si="574"/>
        <v>5103.125</v>
      </c>
      <c r="BNN53" s="7">
        <f t="shared" si="574"/>
        <v>5103.125</v>
      </c>
      <c r="BNO53" s="7">
        <f t="shared" si="574"/>
        <v>5103.125</v>
      </c>
      <c r="BNP53" s="7">
        <f t="shared" si="574"/>
        <v>5103.125</v>
      </c>
      <c r="BNQ53" s="7">
        <f t="shared" si="574"/>
        <v>5103.125</v>
      </c>
      <c r="BNR53" s="7">
        <f t="shared" si="574"/>
        <v>5103.125</v>
      </c>
      <c r="BNS53" s="7">
        <f t="shared" si="574"/>
        <v>5103.125</v>
      </c>
      <c r="BNT53" s="7">
        <f t="shared" si="574"/>
        <v>5103.125</v>
      </c>
      <c r="BNU53" s="7">
        <f t="shared" si="574"/>
        <v>5103.125</v>
      </c>
      <c r="BNV53" s="7">
        <f t="shared" ref="BNV53:BQG53" si="575">BNV48+BNU53</f>
        <v>5103.125</v>
      </c>
      <c r="BNW53" s="7">
        <f t="shared" si="575"/>
        <v>5103.125</v>
      </c>
      <c r="BNX53" s="7">
        <f t="shared" si="575"/>
        <v>5103.125</v>
      </c>
      <c r="BNY53" s="7">
        <f t="shared" si="575"/>
        <v>5103.125</v>
      </c>
      <c r="BNZ53" s="7">
        <f t="shared" si="575"/>
        <v>5103.125</v>
      </c>
      <c r="BOA53" s="7">
        <f t="shared" si="575"/>
        <v>5103.125</v>
      </c>
      <c r="BOB53" s="7">
        <f t="shared" si="575"/>
        <v>5103.125</v>
      </c>
      <c r="BOC53" s="7">
        <f t="shared" si="575"/>
        <v>5103.125</v>
      </c>
      <c r="BOD53" s="7">
        <f t="shared" si="575"/>
        <v>5103.125</v>
      </c>
      <c r="BOE53" s="7">
        <f t="shared" si="575"/>
        <v>5103.125</v>
      </c>
      <c r="BOF53" s="7">
        <f t="shared" si="575"/>
        <v>5103.125</v>
      </c>
      <c r="BOG53" s="7">
        <f t="shared" si="575"/>
        <v>5103.125</v>
      </c>
      <c r="BOH53" s="7">
        <f t="shared" si="575"/>
        <v>5103.125</v>
      </c>
      <c r="BOI53" s="7">
        <f t="shared" si="575"/>
        <v>5103.125</v>
      </c>
      <c r="BOJ53" s="7">
        <f t="shared" si="575"/>
        <v>5103.125</v>
      </c>
      <c r="BOK53" s="7">
        <f t="shared" si="575"/>
        <v>5103.125</v>
      </c>
      <c r="BOL53" s="7">
        <f t="shared" si="575"/>
        <v>5103.125</v>
      </c>
      <c r="BOM53" s="7">
        <f t="shared" si="575"/>
        <v>5103.125</v>
      </c>
      <c r="BON53" s="7">
        <f t="shared" si="575"/>
        <v>5103.125</v>
      </c>
      <c r="BOO53" s="7">
        <f t="shared" si="575"/>
        <v>5103.125</v>
      </c>
      <c r="BOP53" s="7">
        <f t="shared" si="575"/>
        <v>5103.125</v>
      </c>
      <c r="BOQ53" s="7">
        <f t="shared" si="575"/>
        <v>5103.125</v>
      </c>
      <c r="BOR53" s="7">
        <f t="shared" si="575"/>
        <v>5103.125</v>
      </c>
      <c r="BOS53" s="7">
        <f t="shared" si="575"/>
        <v>5103.125</v>
      </c>
      <c r="BOT53" s="7">
        <f t="shared" si="575"/>
        <v>5103.125</v>
      </c>
      <c r="BOU53" s="7">
        <f t="shared" si="575"/>
        <v>5103.125</v>
      </c>
      <c r="BOV53" s="7">
        <f t="shared" si="575"/>
        <v>5103.125</v>
      </c>
      <c r="BOW53" s="7">
        <f t="shared" si="575"/>
        <v>5103.125</v>
      </c>
      <c r="BOX53" s="7">
        <f t="shared" si="575"/>
        <v>5103.125</v>
      </c>
      <c r="BOY53" s="7">
        <f t="shared" si="575"/>
        <v>5103.125</v>
      </c>
      <c r="BOZ53" s="7">
        <f t="shared" si="575"/>
        <v>5103.125</v>
      </c>
      <c r="BPA53" s="7">
        <f t="shared" si="575"/>
        <v>5103.125</v>
      </c>
      <c r="BPB53" s="7">
        <f t="shared" si="575"/>
        <v>5103.125</v>
      </c>
      <c r="BPC53" s="7">
        <f t="shared" si="575"/>
        <v>5103.125</v>
      </c>
      <c r="BPD53" s="7">
        <f t="shared" si="575"/>
        <v>5103.125</v>
      </c>
      <c r="BPE53" s="7">
        <f t="shared" si="575"/>
        <v>5103.125</v>
      </c>
      <c r="BPF53" s="7">
        <f t="shared" si="575"/>
        <v>5103.125</v>
      </c>
      <c r="BPG53" s="7">
        <f t="shared" si="575"/>
        <v>5103.125</v>
      </c>
      <c r="BPH53" s="7">
        <f t="shared" si="575"/>
        <v>5103.125</v>
      </c>
      <c r="BPI53" s="7">
        <f t="shared" si="575"/>
        <v>5103.125</v>
      </c>
      <c r="BPJ53" s="7">
        <f t="shared" si="575"/>
        <v>5103.125</v>
      </c>
      <c r="BPK53" s="7">
        <f t="shared" si="575"/>
        <v>5103.125</v>
      </c>
      <c r="BPL53" s="7">
        <f t="shared" si="575"/>
        <v>5103.125</v>
      </c>
      <c r="BPM53" s="7">
        <f t="shared" si="575"/>
        <v>5103.125</v>
      </c>
      <c r="BPN53" s="7">
        <f t="shared" si="575"/>
        <v>5103.125</v>
      </c>
      <c r="BPO53" s="7">
        <f t="shared" si="575"/>
        <v>5103.125</v>
      </c>
      <c r="BPP53" s="7">
        <f t="shared" si="575"/>
        <v>5103.125</v>
      </c>
      <c r="BPQ53" s="7">
        <f t="shared" si="575"/>
        <v>5103.125</v>
      </c>
      <c r="BPR53" s="7">
        <f t="shared" si="575"/>
        <v>5103.125</v>
      </c>
      <c r="BPS53" s="7">
        <f t="shared" si="575"/>
        <v>5103.125</v>
      </c>
      <c r="BPT53" s="7">
        <f t="shared" si="575"/>
        <v>5103.125</v>
      </c>
      <c r="BPU53" s="7">
        <f t="shared" si="575"/>
        <v>5103.125</v>
      </c>
      <c r="BPV53" s="7">
        <f t="shared" si="575"/>
        <v>5103.125</v>
      </c>
      <c r="BPW53" s="7">
        <f t="shared" si="575"/>
        <v>5103.125</v>
      </c>
      <c r="BPX53" s="7">
        <f t="shared" si="575"/>
        <v>5103.125</v>
      </c>
      <c r="BPY53" s="7">
        <f t="shared" si="575"/>
        <v>5103.125</v>
      </c>
      <c r="BPZ53" s="7">
        <f t="shared" si="575"/>
        <v>5103.125</v>
      </c>
      <c r="BQA53" s="7">
        <f t="shared" si="575"/>
        <v>5103.125</v>
      </c>
      <c r="BQB53" s="7">
        <f t="shared" si="575"/>
        <v>5103.125</v>
      </c>
      <c r="BQC53" s="7">
        <f t="shared" si="575"/>
        <v>5103.125</v>
      </c>
      <c r="BQD53" s="7">
        <f t="shared" si="575"/>
        <v>5103.125</v>
      </c>
      <c r="BQE53" s="7">
        <f t="shared" si="575"/>
        <v>5103.125</v>
      </c>
      <c r="BQF53" s="7">
        <f t="shared" si="575"/>
        <v>5103.125</v>
      </c>
      <c r="BQG53" s="7">
        <f t="shared" si="575"/>
        <v>5103.125</v>
      </c>
      <c r="BQH53" s="7">
        <f t="shared" ref="BQH53:BSS53" si="576">BQH48+BQG53</f>
        <v>5103.125</v>
      </c>
      <c r="BQI53" s="7">
        <f t="shared" si="576"/>
        <v>5103.125</v>
      </c>
      <c r="BQJ53" s="7">
        <f t="shared" si="576"/>
        <v>5103.125</v>
      </c>
      <c r="BQK53" s="7">
        <f t="shared" si="576"/>
        <v>5103.125</v>
      </c>
      <c r="BQL53" s="7">
        <f t="shared" si="576"/>
        <v>5103.125</v>
      </c>
      <c r="BQM53" s="7">
        <f t="shared" si="576"/>
        <v>5103.125</v>
      </c>
      <c r="BQN53" s="7">
        <f t="shared" si="576"/>
        <v>5103.125</v>
      </c>
      <c r="BQO53" s="7">
        <f t="shared" si="576"/>
        <v>5103.125</v>
      </c>
      <c r="BQP53" s="7">
        <f t="shared" si="576"/>
        <v>5103.125</v>
      </c>
      <c r="BQQ53" s="7">
        <f t="shared" si="576"/>
        <v>5103.125</v>
      </c>
      <c r="BQR53" s="7">
        <f t="shared" si="576"/>
        <v>5103.125</v>
      </c>
      <c r="BQS53" s="7">
        <f t="shared" si="576"/>
        <v>5103.125</v>
      </c>
      <c r="BQT53" s="7">
        <f t="shared" si="576"/>
        <v>5103.125</v>
      </c>
      <c r="BQU53" s="7">
        <f t="shared" si="576"/>
        <v>5103.125</v>
      </c>
      <c r="BQV53" s="7">
        <f t="shared" si="576"/>
        <v>5103.125</v>
      </c>
      <c r="BQW53" s="7">
        <f t="shared" si="576"/>
        <v>5103.125</v>
      </c>
      <c r="BQX53" s="7">
        <f t="shared" si="576"/>
        <v>5103.125</v>
      </c>
      <c r="BQY53" s="7">
        <f t="shared" si="576"/>
        <v>5103.125</v>
      </c>
      <c r="BQZ53" s="7">
        <f t="shared" si="576"/>
        <v>5103.125</v>
      </c>
      <c r="BRA53" s="7">
        <f t="shared" si="576"/>
        <v>5103.125</v>
      </c>
      <c r="BRB53" s="7">
        <f t="shared" si="576"/>
        <v>5103.125</v>
      </c>
      <c r="BRC53" s="7">
        <f t="shared" si="576"/>
        <v>5103.125</v>
      </c>
      <c r="BRD53" s="7">
        <f t="shared" si="576"/>
        <v>5103.125</v>
      </c>
      <c r="BRE53" s="7">
        <f t="shared" si="576"/>
        <v>5103.125</v>
      </c>
      <c r="BRF53" s="7">
        <f t="shared" si="576"/>
        <v>5103.125</v>
      </c>
      <c r="BRG53" s="7">
        <f t="shared" si="576"/>
        <v>5103.125</v>
      </c>
      <c r="BRH53" s="7">
        <f t="shared" si="576"/>
        <v>5103.125</v>
      </c>
      <c r="BRI53" s="7">
        <f t="shared" si="576"/>
        <v>5103.125</v>
      </c>
      <c r="BRJ53" s="7">
        <f t="shared" si="576"/>
        <v>5103.125</v>
      </c>
      <c r="BRK53" s="7">
        <f t="shared" si="576"/>
        <v>5103.125</v>
      </c>
      <c r="BRL53" s="7">
        <f t="shared" si="576"/>
        <v>5103.125</v>
      </c>
      <c r="BRM53" s="7">
        <f t="shared" si="576"/>
        <v>5103.125</v>
      </c>
      <c r="BRN53" s="7">
        <f t="shared" si="576"/>
        <v>5103.125</v>
      </c>
      <c r="BRO53" s="7">
        <f t="shared" si="576"/>
        <v>5103.125</v>
      </c>
      <c r="BRP53" s="7">
        <f t="shared" si="576"/>
        <v>5103.125</v>
      </c>
      <c r="BRQ53" s="7">
        <f t="shared" si="576"/>
        <v>5103.125</v>
      </c>
      <c r="BRR53" s="7">
        <f t="shared" si="576"/>
        <v>5103.125</v>
      </c>
      <c r="BRS53" s="7">
        <f t="shared" si="576"/>
        <v>5103.125</v>
      </c>
      <c r="BRT53" s="7">
        <f t="shared" si="576"/>
        <v>5103.125</v>
      </c>
      <c r="BRU53" s="7">
        <f t="shared" si="576"/>
        <v>5103.125</v>
      </c>
      <c r="BRV53" s="7">
        <f t="shared" si="576"/>
        <v>5103.125</v>
      </c>
      <c r="BRW53" s="7">
        <f t="shared" si="576"/>
        <v>5103.125</v>
      </c>
      <c r="BRX53" s="7">
        <f t="shared" si="576"/>
        <v>5103.125</v>
      </c>
      <c r="BRY53" s="7">
        <f t="shared" si="576"/>
        <v>5103.125</v>
      </c>
      <c r="BRZ53" s="7">
        <f t="shared" si="576"/>
        <v>5103.125</v>
      </c>
      <c r="BSA53" s="7">
        <f t="shared" si="576"/>
        <v>5103.125</v>
      </c>
      <c r="BSB53" s="7">
        <f t="shared" si="576"/>
        <v>5103.125</v>
      </c>
      <c r="BSC53" s="7">
        <f t="shared" si="576"/>
        <v>5103.125</v>
      </c>
      <c r="BSD53" s="7">
        <f t="shared" si="576"/>
        <v>5103.125</v>
      </c>
      <c r="BSE53" s="7">
        <f t="shared" si="576"/>
        <v>5103.125</v>
      </c>
      <c r="BSF53" s="7">
        <f t="shared" si="576"/>
        <v>5103.125</v>
      </c>
      <c r="BSG53" s="7">
        <f t="shared" si="576"/>
        <v>5103.125</v>
      </c>
      <c r="BSH53" s="7">
        <f t="shared" si="576"/>
        <v>5103.125</v>
      </c>
      <c r="BSI53" s="7">
        <f t="shared" si="576"/>
        <v>5103.125</v>
      </c>
      <c r="BSJ53" s="7">
        <f t="shared" si="576"/>
        <v>5103.125</v>
      </c>
      <c r="BSK53" s="7">
        <f t="shared" si="576"/>
        <v>5103.125</v>
      </c>
      <c r="BSL53" s="7">
        <f t="shared" si="576"/>
        <v>5103.125</v>
      </c>
      <c r="BSM53" s="7">
        <f t="shared" si="576"/>
        <v>5103.125</v>
      </c>
      <c r="BSN53" s="7">
        <f t="shared" si="576"/>
        <v>5103.125</v>
      </c>
      <c r="BSO53" s="7">
        <f t="shared" si="576"/>
        <v>5103.125</v>
      </c>
      <c r="BSP53" s="7">
        <f t="shared" si="576"/>
        <v>5103.125</v>
      </c>
      <c r="BSQ53" s="7">
        <f t="shared" si="576"/>
        <v>5103.125</v>
      </c>
      <c r="BSR53" s="7">
        <f t="shared" si="576"/>
        <v>5103.125</v>
      </c>
      <c r="BSS53" s="7">
        <f t="shared" si="576"/>
        <v>5103.125</v>
      </c>
      <c r="BST53" s="7">
        <f t="shared" ref="BST53:BVE53" si="577">BST48+BSS53</f>
        <v>5103.125</v>
      </c>
      <c r="BSU53" s="7">
        <f t="shared" si="577"/>
        <v>5103.125</v>
      </c>
      <c r="BSV53" s="7">
        <f t="shared" si="577"/>
        <v>5103.125</v>
      </c>
      <c r="BSW53" s="7">
        <f t="shared" si="577"/>
        <v>5103.125</v>
      </c>
      <c r="BSX53" s="7">
        <f t="shared" si="577"/>
        <v>5103.125</v>
      </c>
      <c r="BSY53" s="7">
        <f t="shared" si="577"/>
        <v>5103.125</v>
      </c>
      <c r="BSZ53" s="7">
        <f t="shared" si="577"/>
        <v>5103.125</v>
      </c>
      <c r="BTA53" s="7">
        <f t="shared" si="577"/>
        <v>5103.125</v>
      </c>
      <c r="BTB53" s="7">
        <f t="shared" si="577"/>
        <v>5103.125</v>
      </c>
      <c r="BTC53" s="7">
        <f t="shared" si="577"/>
        <v>5103.125</v>
      </c>
      <c r="BTD53" s="7">
        <f t="shared" si="577"/>
        <v>5103.125</v>
      </c>
      <c r="BTE53" s="7">
        <f t="shared" si="577"/>
        <v>5103.125</v>
      </c>
      <c r="BTF53" s="7">
        <f t="shared" si="577"/>
        <v>5103.125</v>
      </c>
      <c r="BTG53" s="7">
        <f t="shared" si="577"/>
        <v>5103.125</v>
      </c>
      <c r="BTH53" s="7">
        <f t="shared" si="577"/>
        <v>5103.125</v>
      </c>
      <c r="BTI53" s="7">
        <f t="shared" si="577"/>
        <v>5103.125</v>
      </c>
      <c r="BTJ53" s="7">
        <f t="shared" si="577"/>
        <v>5103.125</v>
      </c>
      <c r="BTK53" s="7">
        <f t="shared" si="577"/>
        <v>5103.125</v>
      </c>
      <c r="BTL53" s="7">
        <f t="shared" si="577"/>
        <v>5103.125</v>
      </c>
      <c r="BTM53" s="7">
        <f t="shared" si="577"/>
        <v>5103.125</v>
      </c>
      <c r="BTN53" s="7">
        <f t="shared" si="577"/>
        <v>5103.125</v>
      </c>
      <c r="BTO53" s="7">
        <f t="shared" si="577"/>
        <v>5103.125</v>
      </c>
      <c r="BTP53" s="7">
        <f t="shared" si="577"/>
        <v>5103.125</v>
      </c>
      <c r="BTQ53" s="7">
        <f t="shared" si="577"/>
        <v>5103.125</v>
      </c>
      <c r="BTR53" s="7">
        <f t="shared" si="577"/>
        <v>5103.125</v>
      </c>
      <c r="BTS53" s="7">
        <f t="shared" si="577"/>
        <v>5103.125</v>
      </c>
      <c r="BTT53" s="7">
        <f t="shared" si="577"/>
        <v>5103.125</v>
      </c>
      <c r="BTU53" s="7">
        <f t="shared" si="577"/>
        <v>5103.125</v>
      </c>
      <c r="BTV53" s="7">
        <f t="shared" si="577"/>
        <v>5103.125</v>
      </c>
      <c r="BTW53" s="7">
        <f t="shared" si="577"/>
        <v>5103.125</v>
      </c>
      <c r="BTX53" s="7">
        <f t="shared" si="577"/>
        <v>5103.125</v>
      </c>
      <c r="BTY53" s="7">
        <f t="shared" si="577"/>
        <v>5103.125</v>
      </c>
      <c r="BTZ53" s="7">
        <f t="shared" si="577"/>
        <v>5103.125</v>
      </c>
      <c r="BUA53" s="7">
        <f t="shared" si="577"/>
        <v>5103.125</v>
      </c>
      <c r="BUB53" s="7">
        <f t="shared" si="577"/>
        <v>5103.125</v>
      </c>
      <c r="BUC53" s="7">
        <f t="shared" si="577"/>
        <v>5103.125</v>
      </c>
      <c r="BUD53" s="7">
        <f t="shared" si="577"/>
        <v>5103.125</v>
      </c>
      <c r="BUE53" s="7">
        <f t="shared" si="577"/>
        <v>5103.125</v>
      </c>
      <c r="BUF53" s="7">
        <f t="shared" si="577"/>
        <v>5103.125</v>
      </c>
      <c r="BUG53" s="7">
        <f t="shared" si="577"/>
        <v>5103.125</v>
      </c>
      <c r="BUH53" s="7">
        <f t="shared" si="577"/>
        <v>5103.125</v>
      </c>
      <c r="BUI53" s="7">
        <f t="shared" si="577"/>
        <v>5103.125</v>
      </c>
      <c r="BUJ53" s="7">
        <f t="shared" si="577"/>
        <v>5103.125</v>
      </c>
      <c r="BUK53" s="7">
        <f t="shared" si="577"/>
        <v>5103.125</v>
      </c>
      <c r="BUL53" s="7">
        <f t="shared" si="577"/>
        <v>5103.125</v>
      </c>
      <c r="BUM53" s="7">
        <f t="shared" si="577"/>
        <v>5103.125</v>
      </c>
      <c r="BUN53" s="7">
        <f t="shared" si="577"/>
        <v>5103.125</v>
      </c>
      <c r="BUO53" s="7">
        <f t="shared" si="577"/>
        <v>5103.125</v>
      </c>
      <c r="BUP53" s="7">
        <f t="shared" si="577"/>
        <v>5103.125</v>
      </c>
      <c r="BUQ53" s="7">
        <f t="shared" si="577"/>
        <v>5103.125</v>
      </c>
      <c r="BUR53" s="7">
        <f t="shared" si="577"/>
        <v>5103.125</v>
      </c>
      <c r="BUS53" s="7">
        <f t="shared" si="577"/>
        <v>5103.125</v>
      </c>
      <c r="BUT53" s="7">
        <f t="shared" si="577"/>
        <v>5103.125</v>
      </c>
      <c r="BUU53" s="7">
        <f t="shared" si="577"/>
        <v>5103.125</v>
      </c>
      <c r="BUV53" s="7">
        <f t="shared" si="577"/>
        <v>5103.125</v>
      </c>
      <c r="BUW53" s="7">
        <f t="shared" si="577"/>
        <v>5103.125</v>
      </c>
      <c r="BUX53" s="7">
        <f t="shared" si="577"/>
        <v>5103.125</v>
      </c>
      <c r="BUY53" s="7">
        <f t="shared" si="577"/>
        <v>5103.125</v>
      </c>
      <c r="BUZ53" s="7">
        <f t="shared" si="577"/>
        <v>5103.125</v>
      </c>
      <c r="BVA53" s="7">
        <f t="shared" si="577"/>
        <v>5103.125</v>
      </c>
      <c r="BVB53" s="7">
        <f t="shared" si="577"/>
        <v>5103.125</v>
      </c>
      <c r="BVC53" s="7">
        <f t="shared" si="577"/>
        <v>5103.125</v>
      </c>
      <c r="BVD53" s="7">
        <f t="shared" si="577"/>
        <v>5103.125</v>
      </c>
      <c r="BVE53" s="7">
        <f t="shared" si="577"/>
        <v>5103.125</v>
      </c>
      <c r="BVF53" s="7">
        <f t="shared" ref="BVF53:BXQ53" si="578">BVF48+BVE53</f>
        <v>5103.125</v>
      </c>
      <c r="BVG53" s="7">
        <f t="shared" si="578"/>
        <v>5103.125</v>
      </c>
      <c r="BVH53" s="7">
        <f t="shared" si="578"/>
        <v>5103.125</v>
      </c>
      <c r="BVI53" s="7">
        <f t="shared" si="578"/>
        <v>5103.125</v>
      </c>
      <c r="BVJ53" s="7">
        <f t="shared" si="578"/>
        <v>5103.125</v>
      </c>
      <c r="BVK53" s="7">
        <f t="shared" si="578"/>
        <v>5103.125</v>
      </c>
      <c r="BVL53" s="7">
        <f t="shared" si="578"/>
        <v>5103.125</v>
      </c>
      <c r="BVM53" s="7">
        <f t="shared" si="578"/>
        <v>5103.125</v>
      </c>
      <c r="BVN53" s="7">
        <f t="shared" si="578"/>
        <v>5103.125</v>
      </c>
      <c r="BVO53" s="7">
        <f t="shared" si="578"/>
        <v>5103.125</v>
      </c>
      <c r="BVP53" s="7">
        <f t="shared" si="578"/>
        <v>5103.125</v>
      </c>
      <c r="BVQ53" s="7">
        <f t="shared" si="578"/>
        <v>5103.125</v>
      </c>
      <c r="BVR53" s="7">
        <f t="shared" si="578"/>
        <v>5103.125</v>
      </c>
      <c r="BVS53" s="7">
        <f t="shared" si="578"/>
        <v>5103.125</v>
      </c>
      <c r="BVT53" s="7">
        <f t="shared" si="578"/>
        <v>5103.125</v>
      </c>
      <c r="BVU53" s="7">
        <f t="shared" si="578"/>
        <v>5103.125</v>
      </c>
      <c r="BVV53" s="7">
        <f t="shared" si="578"/>
        <v>5103.125</v>
      </c>
      <c r="BVW53" s="7">
        <f t="shared" si="578"/>
        <v>5103.125</v>
      </c>
      <c r="BVX53" s="7">
        <f t="shared" si="578"/>
        <v>5103.125</v>
      </c>
      <c r="BVY53" s="7">
        <f t="shared" si="578"/>
        <v>5103.125</v>
      </c>
      <c r="BVZ53" s="7">
        <f t="shared" si="578"/>
        <v>5103.125</v>
      </c>
      <c r="BWA53" s="7">
        <f t="shared" si="578"/>
        <v>5103.125</v>
      </c>
      <c r="BWB53" s="7">
        <f t="shared" si="578"/>
        <v>5103.125</v>
      </c>
      <c r="BWC53" s="7">
        <f t="shared" si="578"/>
        <v>5103.125</v>
      </c>
      <c r="BWD53" s="7">
        <f t="shared" si="578"/>
        <v>5103.125</v>
      </c>
      <c r="BWE53" s="7">
        <f t="shared" si="578"/>
        <v>5103.125</v>
      </c>
      <c r="BWF53" s="7">
        <f t="shared" si="578"/>
        <v>5103.125</v>
      </c>
      <c r="BWG53" s="7">
        <f t="shared" si="578"/>
        <v>5103.125</v>
      </c>
      <c r="BWH53" s="7">
        <f t="shared" si="578"/>
        <v>5103.125</v>
      </c>
      <c r="BWI53" s="7">
        <f t="shared" si="578"/>
        <v>5103.125</v>
      </c>
      <c r="BWJ53" s="7">
        <f t="shared" si="578"/>
        <v>5103.125</v>
      </c>
      <c r="BWK53" s="7">
        <f t="shared" si="578"/>
        <v>5103.125</v>
      </c>
      <c r="BWL53" s="7">
        <f t="shared" si="578"/>
        <v>5103.125</v>
      </c>
      <c r="BWM53" s="7">
        <f t="shared" si="578"/>
        <v>5103.125</v>
      </c>
      <c r="BWN53" s="7">
        <f t="shared" si="578"/>
        <v>5103.125</v>
      </c>
      <c r="BWO53" s="7">
        <f t="shared" si="578"/>
        <v>5103.125</v>
      </c>
      <c r="BWP53" s="7">
        <f t="shared" si="578"/>
        <v>5103.125</v>
      </c>
      <c r="BWQ53" s="7">
        <f t="shared" si="578"/>
        <v>5103.125</v>
      </c>
      <c r="BWR53" s="7">
        <f t="shared" si="578"/>
        <v>5103.125</v>
      </c>
      <c r="BWS53" s="7">
        <f t="shared" si="578"/>
        <v>5103.125</v>
      </c>
      <c r="BWT53" s="7">
        <f t="shared" si="578"/>
        <v>5103.125</v>
      </c>
      <c r="BWU53" s="7">
        <f t="shared" si="578"/>
        <v>5103.125</v>
      </c>
      <c r="BWV53" s="7">
        <f t="shared" si="578"/>
        <v>5103.125</v>
      </c>
      <c r="BWW53" s="7">
        <f t="shared" si="578"/>
        <v>5103.125</v>
      </c>
      <c r="BWX53" s="7">
        <f t="shared" si="578"/>
        <v>5103.125</v>
      </c>
      <c r="BWY53" s="7">
        <f t="shared" si="578"/>
        <v>5103.125</v>
      </c>
      <c r="BWZ53" s="7">
        <f t="shared" si="578"/>
        <v>5103.125</v>
      </c>
      <c r="BXA53" s="7">
        <f t="shared" si="578"/>
        <v>5103.125</v>
      </c>
      <c r="BXB53" s="7">
        <f t="shared" si="578"/>
        <v>5103.125</v>
      </c>
      <c r="BXC53" s="7">
        <f t="shared" si="578"/>
        <v>5103.125</v>
      </c>
      <c r="BXD53" s="7">
        <f t="shared" si="578"/>
        <v>5103.125</v>
      </c>
      <c r="BXE53" s="7">
        <f t="shared" si="578"/>
        <v>5103.125</v>
      </c>
      <c r="BXF53" s="7">
        <f t="shared" si="578"/>
        <v>5103.125</v>
      </c>
      <c r="BXG53" s="7">
        <f t="shared" si="578"/>
        <v>5103.125</v>
      </c>
      <c r="BXH53" s="7">
        <f t="shared" si="578"/>
        <v>5103.125</v>
      </c>
      <c r="BXI53" s="7">
        <f t="shared" si="578"/>
        <v>5103.125</v>
      </c>
      <c r="BXJ53" s="7">
        <f t="shared" si="578"/>
        <v>5103.125</v>
      </c>
      <c r="BXK53" s="7">
        <f t="shared" si="578"/>
        <v>5103.125</v>
      </c>
      <c r="BXL53" s="7">
        <f t="shared" si="578"/>
        <v>5103.125</v>
      </c>
      <c r="BXM53" s="7">
        <f t="shared" si="578"/>
        <v>5103.125</v>
      </c>
      <c r="BXN53" s="7">
        <f t="shared" si="578"/>
        <v>5103.125</v>
      </c>
      <c r="BXO53" s="7">
        <f t="shared" si="578"/>
        <v>5103.125</v>
      </c>
      <c r="BXP53" s="7">
        <f t="shared" si="578"/>
        <v>5103.125</v>
      </c>
      <c r="BXQ53" s="7">
        <f t="shared" si="578"/>
        <v>5103.125</v>
      </c>
      <c r="BXR53" s="7">
        <f t="shared" ref="BXR53:CAC53" si="579">BXR48+BXQ53</f>
        <v>5103.125</v>
      </c>
      <c r="BXS53" s="7">
        <f t="shared" si="579"/>
        <v>5103.125</v>
      </c>
      <c r="BXT53" s="7">
        <f t="shared" si="579"/>
        <v>5103.125</v>
      </c>
      <c r="BXU53" s="7">
        <f t="shared" si="579"/>
        <v>5103.125</v>
      </c>
      <c r="BXV53" s="7">
        <f t="shared" si="579"/>
        <v>5103.125</v>
      </c>
      <c r="BXW53" s="7">
        <f t="shared" si="579"/>
        <v>5103.125</v>
      </c>
      <c r="BXX53" s="7">
        <f t="shared" si="579"/>
        <v>5103.125</v>
      </c>
      <c r="BXY53" s="7">
        <f t="shared" si="579"/>
        <v>5103.125</v>
      </c>
      <c r="BXZ53" s="7">
        <f t="shared" si="579"/>
        <v>5103.125</v>
      </c>
      <c r="BYA53" s="7">
        <f t="shared" si="579"/>
        <v>5103.125</v>
      </c>
      <c r="BYB53" s="7">
        <f t="shared" si="579"/>
        <v>5103.125</v>
      </c>
      <c r="BYC53" s="7">
        <f t="shared" si="579"/>
        <v>5103.125</v>
      </c>
      <c r="BYD53" s="7">
        <f t="shared" si="579"/>
        <v>5103.125</v>
      </c>
      <c r="BYE53" s="7">
        <f t="shared" si="579"/>
        <v>5103.125</v>
      </c>
      <c r="BYF53" s="7">
        <f t="shared" si="579"/>
        <v>5103.125</v>
      </c>
      <c r="BYG53" s="7">
        <f t="shared" si="579"/>
        <v>5103.125</v>
      </c>
      <c r="BYH53" s="7">
        <f t="shared" si="579"/>
        <v>5103.125</v>
      </c>
      <c r="BYI53" s="7">
        <f t="shared" si="579"/>
        <v>5103.125</v>
      </c>
      <c r="BYJ53" s="7">
        <f t="shared" si="579"/>
        <v>5103.125</v>
      </c>
      <c r="BYK53" s="7">
        <f t="shared" si="579"/>
        <v>5103.125</v>
      </c>
      <c r="BYL53" s="7">
        <f t="shared" si="579"/>
        <v>5103.125</v>
      </c>
      <c r="BYM53" s="7">
        <f t="shared" si="579"/>
        <v>5103.125</v>
      </c>
      <c r="BYN53" s="7">
        <f t="shared" si="579"/>
        <v>5103.125</v>
      </c>
      <c r="BYO53" s="7">
        <f t="shared" si="579"/>
        <v>5103.125</v>
      </c>
      <c r="BYP53" s="7">
        <f t="shared" si="579"/>
        <v>5103.125</v>
      </c>
      <c r="BYQ53" s="7">
        <f t="shared" si="579"/>
        <v>5103.125</v>
      </c>
      <c r="BYR53" s="7">
        <f t="shared" si="579"/>
        <v>5103.125</v>
      </c>
      <c r="BYS53" s="7">
        <f t="shared" si="579"/>
        <v>5103.125</v>
      </c>
      <c r="BYT53" s="7">
        <f t="shared" si="579"/>
        <v>5103.125</v>
      </c>
      <c r="BYU53" s="7">
        <f t="shared" si="579"/>
        <v>5103.125</v>
      </c>
      <c r="BYV53" s="7">
        <f t="shared" si="579"/>
        <v>5103.125</v>
      </c>
      <c r="BYW53" s="7">
        <f t="shared" si="579"/>
        <v>5103.125</v>
      </c>
      <c r="BYX53" s="7">
        <f t="shared" si="579"/>
        <v>5103.125</v>
      </c>
      <c r="BYY53" s="7">
        <f t="shared" si="579"/>
        <v>5103.125</v>
      </c>
      <c r="BYZ53" s="7">
        <f t="shared" si="579"/>
        <v>5103.125</v>
      </c>
      <c r="BZA53" s="7">
        <f t="shared" si="579"/>
        <v>5103.125</v>
      </c>
      <c r="BZB53" s="7">
        <f t="shared" si="579"/>
        <v>5103.125</v>
      </c>
      <c r="BZC53" s="7">
        <f t="shared" si="579"/>
        <v>5103.125</v>
      </c>
      <c r="BZD53" s="7">
        <f t="shared" si="579"/>
        <v>5103.125</v>
      </c>
      <c r="BZE53" s="7">
        <f t="shared" si="579"/>
        <v>5103.125</v>
      </c>
      <c r="BZF53" s="7">
        <f t="shared" si="579"/>
        <v>5103.125</v>
      </c>
      <c r="BZG53" s="7">
        <f t="shared" si="579"/>
        <v>5103.125</v>
      </c>
      <c r="BZH53" s="7">
        <f t="shared" si="579"/>
        <v>5103.125</v>
      </c>
      <c r="BZI53" s="7">
        <f t="shared" si="579"/>
        <v>5103.125</v>
      </c>
      <c r="BZJ53" s="7">
        <f t="shared" si="579"/>
        <v>5103.125</v>
      </c>
      <c r="BZK53" s="7">
        <f t="shared" si="579"/>
        <v>5103.125</v>
      </c>
      <c r="BZL53" s="7">
        <f t="shared" si="579"/>
        <v>5103.125</v>
      </c>
      <c r="BZM53" s="7">
        <f t="shared" si="579"/>
        <v>5103.125</v>
      </c>
      <c r="BZN53" s="7">
        <f t="shared" si="579"/>
        <v>5103.125</v>
      </c>
      <c r="BZO53" s="7">
        <f t="shared" si="579"/>
        <v>5103.125</v>
      </c>
      <c r="BZP53" s="7">
        <f t="shared" si="579"/>
        <v>5103.125</v>
      </c>
      <c r="BZQ53" s="7">
        <f t="shared" si="579"/>
        <v>5103.125</v>
      </c>
      <c r="BZR53" s="7">
        <f t="shared" si="579"/>
        <v>5103.125</v>
      </c>
      <c r="BZS53" s="7">
        <f t="shared" si="579"/>
        <v>5103.125</v>
      </c>
      <c r="BZT53" s="7">
        <f t="shared" si="579"/>
        <v>5103.125</v>
      </c>
      <c r="BZU53" s="7">
        <f t="shared" si="579"/>
        <v>5103.125</v>
      </c>
      <c r="BZV53" s="7">
        <f t="shared" si="579"/>
        <v>5103.125</v>
      </c>
      <c r="BZW53" s="7">
        <f t="shared" si="579"/>
        <v>5103.125</v>
      </c>
      <c r="BZX53" s="7">
        <f t="shared" si="579"/>
        <v>5103.125</v>
      </c>
      <c r="BZY53" s="7">
        <f t="shared" si="579"/>
        <v>5103.125</v>
      </c>
      <c r="BZZ53" s="7">
        <f t="shared" si="579"/>
        <v>5103.125</v>
      </c>
      <c r="CAA53" s="7">
        <f t="shared" si="579"/>
        <v>5103.125</v>
      </c>
      <c r="CAB53" s="7">
        <f t="shared" si="579"/>
        <v>5103.125</v>
      </c>
      <c r="CAC53" s="7">
        <f t="shared" si="579"/>
        <v>5103.125</v>
      </c>
      <c r="CAD53" s="7">
        <f t="shared" ref="CAD53:CCO53" si="580">CAD48+CAC53</f>
        <v>5103.125</v>
      </c>
      <c r="CAE53" s="7">
        <f t="shared" si="580"/>
        <v>5103.125</v>
      </c>
      <c r="CAF53" s="7">
        <f t="shared" si="580"/>
        <v>5103.125</v>
      </c>
      <c r="CAG53" s="7">
        <f t="shared" si="580"/>
        <v>5103.125</v>
      </c>
      <c r="CAH53" s="7">
        <f t="shared" si="580"/>
        <v>5103.125</v>
      </c>
      <c r="CAI53" s="7">
        <f t="shared" si="580"/>
        <v>5103.125</v>
      </c>
      <c r="CAJ53" s="7">
        <f t="shared" si="580"/>
        <v>5103.125</v>
      </c>
      <c r="CAK53" s="7">
        <f t="shared" si="580"/>
        <v>5103.125</v>
      </c>
      <c r="CAL53" s="7">
        <f t="shared" si="580"/>
        <v>5103.125</v>
      </c>
      <c r="CAM53" s="7">
        <f t="shared" si="580"/>
        <v>5103.125</v>
      </c>
      <c r="CAN53" s="7">
        <f t="shared" si="580"/>
        <v>5103.125</v>
      </c>
      <c r="CAO53" s="7">
        <f t="shared" si="580"/>
        <v>5103.125</v>
      </c>
      <c r="CAP53" s="7">
        <f t="shared" si="580"/>
        <v>5103.125</v>
      </c>
      <c r="CAQ53" s="7">
        <f t="shared" si="580"/>
        <v>5103.125</v>
      </c>
      <c r="CAR53" s="7">
        <f t="shared" si="580"/>
        <v>5103.125</v>
      </c>
      <c r="CAS53" s="7">
        <f t="shared" si="580"/>
        <v>5103.125</v>
      </c>
      <c r="CAT53" s="7">
        <f t="shared" si="580"/>
        <v>5103.125</v>
      </c>
      <c r="CAU53" s="7">
        <f t="shared" si="580"/>
        <v>5103.125</v>
      </c>
      <c r="CAV53" s="7">
        <f t="shared" si="580"/>
        <v>5103.125</v>
      </c>
      <c r="CAW53" s="7">
        <f t="shared" si="580"/>
        <v>5103.125</v>
      </c>
      <c r="CAX53" s="7">
        <f t="shared" si="580"/>
        <v>5103.125</v>
      </c>
      <c r="CAY53" s="7">
        <f t="shared" si="580"/>
        <v>5103.125</v>
      </c>
      <c r="CAZ53" s="7">
        <f t="shared" si="580"/>
        <v>5103.125</v>
      </c>
      <c r="CBA53" s="7">
        <f t="shared" si="580"/>
        <v>5103.125</v>
      </c>
      <c r="CBB53" s="7">
        <f t="shared" si="580"/>
        <v>5103.125</v>
      </c>
      <c r="CBC53" s="7">
        <f t="shared" si="580"/>
        <v>5103.125</v>
      </c>
      <c r="CBD53" s="7">
        <f t="shared" si="580"/>
        <v>5103.125</v>
      </c>
      <c r="CBE53" s="7">
        <f t="shared" si="580"/>
        <v>5103.125</v>
      </c>
      <c r="CBF53" s="7">
        <f t="shared" si="580"/>
        <v>5103.125</v>
      </c>
      <c r="CBG53" s="7">
        <f t="shared" si="580"/>
        <v>5103.125</v>
      </c>
      <c r="CBH53" s="7">
        <f t="shared" si="580"/>
        <v>5103.125</v>
      </c>
      <c r="CBI53" s="7">
        <f t="shared" si="580"/>
        <v>5103.125</v>
      </c>
      <c r="CBJ53" s="7">
        <f t="shared" si="580"/>
        <v>5103.125</v>
      </c>
      <c r="CBK53" s="7">
        <f t="shared" si="580"/>
        <v>5103.125</v>
      </c>
      <c r="CBL53" s="7">
        <f t="shared" si="580"/>
        <v>5103.125</v>
      </c>
      <c r="CBM53" s="7">
        <f t="shared" si="580"/>
        <v>5103.125</v>
      </c>
      <c r="CBN53" s="7">
        <f t="shared" si="580"/>
        <v>5103.125</v>
      </c>
      <c r="CBO53" s="7">
        <f t="shared" si="580"/>
        <v>5103.125</v>
      </c>
      <c r="CBP53" s="7">
        <f t="shared" si="580"/>
        <v>5103.125</v>
      </c>
      <c r="CBQ53" s="7">
        <f t="shared" si="580"/>
        <v>5103.125</v>
      </c>
      <c r="CBR53" s="7">
        <f t="shared" si="580"/>
        <v>5103.125</v>
      </c>
      <c r="CBS53" s="7">
        <f t="shared" si="580"/>
        <v>5103.125</v>
      </c>
      <c r="CBT53" s="7">
        <f t="shared" si="580"/>
        <v>5103.125</v>
      </c>
      <c r="CBU53" s="7">
        <f t="shared" si="580"/>
        <v>5103.125</v>
      </c>
      <c r="CBV53" s="7">
        <f t="shared" si="580"/>
        <v>5103.125</v>
      </c>
      <c r="CBW53" s="7">
        <f t="shared" si="580"/>
        <v>5103.125</v>
      </c>
      <c r="CBX53" s="7">
        <f t="shared" si="580"/>
        <v>5103.125</v>
      </c>
      <c r="CBY53" s="7">
        <f t="shared" si="580"/>
        <v>5103.125</v>
      </c>
      <c r="CBZ53" s="7">
        <f t="shared" si="580"/>
        <v>5103.125</v>
      </c>
      <c r="CCA53" s="7">
        <f t="shared" si="580"/>
        <v>5103.125</v>
      </c>
      <c r="CCB53" s="7">
        <f t="shared" si="580"/>
        <v>5103.125</v>
      </c>
      <c r="CCC53" s="7">
        <f t="shared" si="580"/>
        <v>5103.125</v>
      </c>
      <c r="CCD53" s="7">
        <f t="shared" si="580"/>
        <v>5103.125</v>
      </c>
      <c r="CCE53" s="7">
        <f t="shared" si="580"/>
        <v>5103.125</v>
      </c>
      <c r="CCF53" s="7">
        <f t="shared" si="580"/>
        <v>5103.125</v>
      </c>
      <c r="CCG53" s="7">
        <f t="shared" si="580"/>
        <v>5103.125</v>
      </c>
      <c r="CCH53" s="7">
        <f t="shared" si="580"/>
        <v>5103.125</v>
      </c>
      <c r="CCI53" s="7">
        <f t="shared" si="580"/>
        <v>5103.125</v>
      </c>
      <c r="CCJ53" s="7">
        <f t="shared" si="580"/>
        <v>5103.125</v>
      </c>
      <c r="CCK53" s="7">
        <f t="shared" si="580"/>
        <v>5103.125</v>
      </c>
      <c r="CCL53" s="7">
        <f t="shared" si="580"/>
        <v>5103.125</v>
      </c>
      <c r="CCM53" s="7">
        <f t="shared" si="580"/>
        <v>5103.125</v>
      </c>
      <c r="CCN53" s="7">
        <f t="shared" si="580"/>
        <v>5103.125</v>
      </c>
      <c r="CCO53" s="7">
        <f t="shared" si="580"/>
        <v>5103.125</v>
      </c>
      <c r="CCP53" s="7">
        <f t="shared" ref="CCP53:CFA53" si="581">CCP48+CCO53</f>
        <v>5103.125</v>
      </c>
      <c r="CCQ53" s="7">
        <f t="shared" si="581"/>
        <v>5103.125</v>
      </c>
      <c r="CCR53" s="7">
        <f t="shared" si="581"/>
        <v>5103.125</v>
      </c>
      <c r="CCS53" s="7">
        <f t="shared" si="581"/>
        <v>5103.125</v>
      </c>
      <c r="CCT53" s="7">
        <f t="shared" si="581"/>
        <v>5103.125</v>
      </c>
      <c r="CCU53" s="7">
        <f t="shared" si="581"/>
        <v>5103.125</v>
      </c>
      <c r="CCV53" s="7">
        <f t="shared" si="581"/>
        <v>5103.125</v>
      </c>
      <c r="CCW53" s="7">
        <f t="shared" si="581"/>
        <v>5103.125</v>
      </c>
      <c r="CCX53" s="7">
        <f t="shared" si="581"/>
        <v>5103.125</v>
      </c>
      <c r="CCY53" s="7">
        <f t="shared" si="581"/>
        <v>5103.125</v>
      </c>
      <c r="CCZ53" s="7">
        <f t="shared" si="581"/>
        <v>5103.125</v>
      </c>
      <c r="CDA53" s="7">
        <f t="shared" si="581"/>
        <v>5103.125</v>
      </c>
      <c r="CDB53" s="7">
        <f t="shared" si="581"/>
        <v>5103.125</v>
      </c>
      <c r="CDC53" s="7">
        <f t="shared" si="581"/>
        <v>5103.125</v>
      </c>
      <c r="CDD53" s="7">
        <f t="shared" si="581"/>
        <v>5103.125</v>
      </c>
      <c r="CDE53" s="7">
        <f t="shared" si="581"/>
        <v>5103.125</v>
      </c>
      <c r="CDF53" s="7">
        <f t="shared" si="581"/>
        <v>5103.125</v>
      </c>
      <c r="CDG53" s="7">
        <f t="shared" si="581"/>
        <v>5103.125</v>
      </c>
      <c r="CDH53" s="7">
        <f t="shared" si="581"/>
        <v>5103.125</v>
      </c>
      <c r="CDI53" s="7">
        <f t="shared" si="581"/>
        <v>5103.125</v>
      </c>
      <c r="CDJ53" s="7">
        <f t="shared" si="581"/>
        <v>5103.125</v>
      </c>
      <c r="CDK53" s="7">
        <f t="shared" si="581"/>
        <v>5103.125</v>
      </c>
      <c r="CDL53" s="7">
        <f t="shared" si="581"/>
        <v>5103.125</v>
      </c>
      <c r="CDM53" s="7">
        <f t="shared" si="581"/>
        <v>5103.125</v>
      </c>
      <c r="CDN53" s="7">
        <f t="shared" si="581"/>
        <v>5103.125</v>
      </c>
      <c r="CDO53" s="7">
        <f t="shared" si="581"/>
        <v>5103.125</v>
      </c>
      <c r="CDP53" s="7">
        <f t="shared" si="581"/>
        <v>5103.125</v>
      </c>
      <c r="CDQ53" s="7">
        <f t="shared" si="581"/>
        <v>5103.125</v>
      </c>
      <c r="CDR53" s="7">
        <f t="shared" si="581"/>
        <v>5103.125</v>
      </c>
      <c r="CDS53" s="7">
        <f t="shared" si="581"/>
        <v>5103.125</v>
      </c>
      <c r="CDT53" s="7">
        <f t="shared" si="581"/>
        <v>5103.125</v>
      </c>
      <c r="CDU53" s="7">
        <f t="shared" si="581"/>
        <v>5103.125</v>
      </c>
      <c r="CDV53" s="7">
        <f t="shared" si="581"/>
        <v>5103.125</v>
      </c>
      <c r="CDW53" s="7">
        <f t="shared" si="581"/>
        <v>5103.125</v>
      </c>
      <c r="CDX53" s="7">
        <f t="shared" si="581"/>
        <v>5103.125</v>
      </c>
      <c r="CDY53" s="7">
        <f t="shared" si="581"/>
        <v>5103.125</v>
      </c>
      <c r="CDZ53" s="7">
        <f t="shared" si="581"/>
        <v>5103.125</v>
      </c>
      <c r="CEA53" s="7">
        <f t="shared" si="581"/>
        <v>5103.125</v>
      </c>
      <c r="CEB53" s="7">
        <f t="shared" si="581"/>
        <v>5103.125</v>
      </c>
      <c r="CEC53" s="7">
        <f t="shared" si="581"/>
        <v>5103.125</v>
      </c>
      <c r="CED53" s="7">
        <f t="shared" si="581"/>
        <v>5103.125</v>
      </c>
      <c r="CEE53" s="7">
        <f t="shared" si="581"/>
        <v>5103.125</v>
      </c>
      <c r="CEF53" s="7">
        <f t="shared" si="581"/>
        <v>5103.125</v>
      </c>
      <c r="CEG53" s="7">
        <f t="shared" si="581"/>
        <v>5103.125</v>
      </c>
      <c r="CEH53" s="7">
        <f t="shared" si="581"/>
        <v>5103.125</v>
      </c>
      <c r="CEI53" s="7">
        <f t="shared" si="581"/>
        <v>5103.125</v>
      </c>
      <c r="CEJ53" s="7">
        <f t="shared" si="581"/>
        <v>5103.125</v>
      </c>
      <c r="CEK53" s="7">
        <f t="shared" si="581"/>
        <v>5103.125</v>
      </c>
      <c r="CEL53" s="7">
        <f t="shared" si="581"/>
        <v>5103.125</v>
      </c>
      <c r="CEM53" s="7">
        <f t="shared" si="581"/>
        <v>5103.125</v>
      </c>
      <c r="CEN53" s="7">
        <f t="shared" si="581"/>
        <v>5103.125</v>
      </c>
      <c r="CEO53" s="7">
        <f t="shared" si="581"/>
        <v>5103.125</v>
      </c>
      <c r="CEP53" s="7">
        <f t="shared" si="581"/>
        <v>5103.125</v>
      </c>
      <c r="CEQ53" s="7">
        <f t="shared" si="581"/>
        <v>5103.125</v>
      </c>
      <c r="CER53" s="7">
        <f t="shared" si="581"/>
        <v>5103.125</v>
      </c>
      <c r="CES53" s="7">
        <f t="shared" si="581"/>
        <v>5103.125</v>
      </c>
      <c r="CET53" s="7">
        <f t="shared" si="581"/>
        <v>5103.125</v>
      </c>
      <c r="CEU53" s="7">
        <f t="shared" si="581"/>
        <v>5103.125</v>
      </c>
      <c r="CEV53" s="7">
        <f t="shared" si="581"/>
        <v>5103.125</v>
      </c>
      <c r="CEW53" s="7">
        <f t="shared" si="581"/>
        <v>5103.125</v>
      </c>
      <c r="CEX53" s="7">
        <f t="shared" si="581"/>
        <v>5103.125</v>
      </c>
      <c r="CEY53" s="7">
        <f t="shared" si="581"/>
        <v>5103.125</v>
      </c>
      <c r="CEZ53" s="7">
        <f t="shared" si="581"/>
        <v>5103.125</v>
      </c>
      <c r="CFA53" s="7">
        <f t="shared" si="581"/>
        <v>5103.125</v>
      </c>
      <c r="CFB53" s="7">
        <f t="shared" ref="CFB53:CHM53" si="582">CFB48+CFA53</f>
        <v>5103.125</v>
      </c>
      <c r="CFC53" s="7">
        <f t="shared" si="582"/>
        <v>5103.125</v>
      </c>
      <c r="CFD53" s="7">
        <f t="shared" si="582"/>
        <v>5103.125</v>
      </c>
      <c r="CFE53" s="7">
        <f t="shared" si="582"/>
        <v>5103.125</v>
      </c>
      <c r="CFF53" s="7">
        <f t="shared" si="582"/>
        <v>5103.125</v>
      </c>
      <c r="CFG53" s="7">
        <f t="shared" si="582"/>
        <v>5103.125</v>
      </c>
      <c r="CFH53" s="7">
        <f t="shared" si="582"/>
        <v>5103.125</v>
      </c>
      <c r="CFI53" s="7">
        <f t="shared" si="582"/>
        <v>5103.125</v>
      </c>
      <c r="CFJ53" s="7">
        <f t="shared" si="582"/>
        <v>5103.125</v>
      </c>
      <c r="CFK53" s="7">
        <f t="shared" si="582"/>
        <v>5103.125</v>
      </c>
      <c r="CFL53" s="7">
        <f t="shared" si="582"/>
        <v>5103.125</v>
      </c>
      <c r="CFM53" s="7">
        <f t="shared" si="582"/>
        <v>5103.125</v>
      </c>
      <c r="CFN53" s="7">
        <f t="shared" si="582"/>
        <v>5103.125</v>
      </c>
      <c r="CFO53" s="7">
        <f t="shared" si="582"/>
        <v>5103.125</v>
      </c>
      <c r="CFP53" s="7">
        <f t="shared" si="582"/>
        <v>5103.125</v>
      </c>
      <c r="CFQ53" s="7">
        <f t="shared" si="582"/>
        <v>5103.125</v>
      </c>
      <c r="CFR53" s="7">
        <f t="shared" si="582"/>
        <v>5103.125</v>
      </c>
      <c r="CFS53" s="7">
        <f t="shared" si="582"/>
        <v>5103.125</v>
      </c>
      <c r="CFT53" s="7">
        <f t="shared" si="582"/>
        <v>5103.125</v>
      </c>
      <c r="CFU53" s="7">
        <f t="shared" si="582"/>
        <v>5103.125</v>
      </c>
      <c r="CFV53" s="7">
        <f t="shared" si="582"/>
        <v>5103.125</v>
      </c>
      <c r="CFW53" s="7">
        <f t="shared" si="582"/>
        <v>5103.125</v>
      </c>
      <c r="CFX53" s="7">
        <f t="shared" si="582"/>
        <v>5103.125</v>
      </c>
      <c r="CFY53" s="7">
        <f t="shared" si="582"/>
        <v>5103.125</v>
      </c>
      <c r="CFZ53" s="7">
        <f t="shared" si="582"/>
        <v>5103.125</v>
      </c>
      <c r="CGA53" s="7">
        <f t="shared" si="582"/>
        <v>5103.125</v>
      </c>
      <c r="CGB53" s="7">
        <f t="shared" si="582"/>
        <v>5103.125</v>
      </c>
      <c r="CGC53" s="7">
        <f t="shared" si="582"/>
        <v>5103.125</v>
      </c>
      <c r="CGD53" s="7">
        <f t="shared" si="582"/>
        <v>5103.125</v>
      </c>
      <c r="CGE53" s="7">
        <f t="shared" si="582"/>
        <v>5103.125</v>
      </c>
      <c r="CGF53" s="7">
        <f t="shared" si="582"/>
        <v>5103.125</v>
      </c>
      <c r="CGG53" s="7">
        <f t="shared" si="582"/>
        <v>5103.125</v>
      </c>
      <c r="CGH53" s="7">
        <f t="shared" si="582"/>
        <v>5103.125</v>
      </c>
      <c r="CGI53" s="7">
        <f t="shared" si="582"/>
        <v>5103.125</v>
      </c>
      <c r="CGJ53" s="7">
        <f t="shared" si="582"/>
        <v>5103.125</v>
      </c>
      <c r="CGK53" s="7">
        <f t="shared" si="582"/>
        <v>5103.125</v>
      </c>
      <c r="CGL53" s="7">
        <f t="shared" si="582"/>
        <v>5103.125</v>
      </c>
      <c r="CGM53" s="7">
        <f t="shared" si="582"/>
        <v>5103.125</v>
      </c>
      <c r="CGN53" s="7">
        <f t="shared" si="582"/>
        <v>5103.125</v>
      </c>
      <c r="CGO53" s="7">
        <f t="shared" si="582"/>
        <v>5103.125</v>
      </c>
      <c r="CGP53" s="7">
        <f t="shared" si="582"/>
        <v>5103.125</v>
      </c>
      <c r="CGQ53" s="7">
        <f t="shared" si="582"/>
        <v>5103.125</v>
      </c>
      <c r="CGR53" s="7">
        <f t="shared" si="582"/>
        <v>5103.125</v>
      </c>
      <c r="CGS53" s="7">
        <f t="shared" si="582"/>
        <v>5103.125</v>
      </c>
      <c r="CGT53" s="7">
        <f t="shared" si="582"/>
        <v>5103.125</v>
      </c>
      <c r="CGU53" s="7">
        <f t="shared" si="582"/>
        <v>5103.125</v>
      </c>
      <c r="CGV53" s="7">
        <f t="shared" si="582"/>
        <v>5103.125</v>
      </c>
      <c r="CGW53" s="7">
        <f t="shared" si="582"/>
        <v>5103.125</v>
      </c>
      <c r="CGX53" s="7">
        <f t="shared" si="582"/>
        <v>5103.125</v>
      </c>
      <c r="CGY53" s="7">
        <f t="shared" si="582"/>
        <v>5103.125</v>
      </c>
      <c r="CGZ53" s="7">
        <f t="shared" si="582"/>
        <v>5103.125</v>
      </c>
      <c r="CHA53" s="7">
        <f t="shared" si="582"/>
        <v>5103.125</v>
      </c>
      <c r="CHB53" s="7">
        <f t="shared" si="582"/>
        <v>5103.125</v>
      </c>
      <c r="CHC53" s="7">
        <f t="shared" si="582"/>
        <v>5103.125</v>
      </c>
      <c r="CHD53" s="7">
        <f t="shared" si="582"/>
        <v>5103.125</v>
      </c>
      <c r="CHE53" s="7">
        <f t="shared" si="582"/>
        <v>5103.125</v>
      </c>
      <c r="CHF53" s="7">
        <f t="shared" si="582"/>
        <v>5103.125</v>
      </c>
      <c r="CHG53" s="7">
        <f t="shared" si="582"/>
        <v>5103.125</v>
      </c>
      <c r="CHH53" s="7">
        <f t="shared" si="582"/>
        <v>5103.125</v>
      </c>
      <c r="CHI53" s="7">
        <f t="shared" si="582"/>
        <v>5103.125</v>
      </c>
      <c r="CHJ53" s="7">
        <f t="shared" si="582"/>
        <v>5103.125</v>
      </c>
      <c r="CHK53" s="7">
        <f t="shared" si="582"/>
        <v>5103.125</v>
      </c>
      <c r="CHL53" s="7">
        <f t="shared" si="582"/>
        <v>5103.125</v>
      </c>
      <c r="CHM53" s="7">
        <f t="shared" si="582"/>
        <v>5103.125</v>
      </c>
      <c r="CHN53" s="7">
        <f t="shared" ref="CHN53:CJY53" si="583">CHN48+CHM53</f>
        <v>5103.125</v>
      </c>
      <c r="CHO53" s="7">
        <f t="shared" si="583"/>
        <v>5103.125</v>
      </c>
      <c r="CHP53" s="7">
        <f t="shared" si="583"/>
        <v>5103.125</v>
      </c>
      <c r="CHQ53" s="7">
        <f t="shared" si="583"/>
        <v>5103.125</v>
      </c>
      <c r="CHR53" s="7">
        <f t="shared" si="583"/>
        <v>5103.125</v>
      </c>
      <c r="CHS53" s="7">
        <f t="shared" si="583"/>
        <v>5103.125</v>
      </c>
      <c r="CHT53" s="7">
        <f t="shared" si="583"/>
        <v>5103.125</v>
      </c>
      <c r="CHU53" s="7">
        <f t="shared" si="583"/>
        <v>5103.125</v>
      </c>
      <c r="CHV53" s="7">
        <f t="shared" si="583"/>
        <v>5103.125</v>
      </c>
      <c r="CHW53" s="7">
        <f t="shared" si="583"/>
        <v>5103.125</v>
      </c>
      <c r="CHX53" s="7">
        <f t="shared" si="583"/>
        <v>5103.125</v>
      </c>
      <c r="CHY53" s="7">
        <f t="shared" si="583"/>
        <v>5103.125</v>
      </c>
      <c r="CHZ53" s="7">
        <f t="shared" si="583"/>
        <v>5103.125</v>
      </c>
      <c r="CIA53" s="7">
        <f t="shared" si="583"/>
        <v>5103.125</v>
      </c>
      <c r="CIB53" s="7">
        <f t="shared" si="583"/>
        <v>5103.125</v>
      </c>
      <c r="CIC53" s="7">
        <f t="shared" si="583"/>
        <v>5103.125</v>
      </c>
      <c r="CID53" s="7">
        <f t="shared" si="583"/>
        <v>5103.125</v>
      </c>
      <c r="CIE53" s="7">
        <f t="shared" si="583"/>
        <v>5103.125</v>
      </c>
      <c r="CIF53" s="7">
        <f t="shared" si="583"/>
        <v>5103.125</v>
      </c>
      <c r="CIG53" s="7">
        <f t="shared" si="583"/>
        <v>5103.125</v>
      </c>
      <c r="CIH53" s="7">
        <f t="shared" si="583"/>
        <v>5103.125</v>
      </c>
      <c r="CII53" s="7">
        <f t="shared" si="583"/>
        <v>5103.125</v>
      </c>
      <c r="CIJ53" s="7">
        <f t="shared" si="583"/>
        <v>5103.125</v>
      </c>
      <c r="CIK53" s="7">
        <f t="shared" si="583"/>
        <v>5103.125</v>
      </c>
      <c r="CIL53" s="7">
        <f t="shared" si="583"/>
        <v>5103.125</v>
      </c>
      <c r="CIM53" s="7">
        <f t="shared" si="583"/>
        <v>5103.125</v>
      </c>
      <c r="CIN53" s="7">
        <f t="shared" si="583"/>
        <v>5103.125</v>
      </c>
      <c r="CIO53" s="7">
        <f t="shared" si="583"/>
        <v>5103.125</v>
      </c>
      <c r="CIP53" s="7">
        <f t="shared" si="583"/>
        <v>5103.125</v>
      </c>
      <c r="CIQ53" s="7">
        <f t="shared" si="583"/>
        <v>5103.125</v>
      </c>
      <c r="CIR53" s="7">
        <f t="shared" si="583"/>
        <v>5103.125</v>
      </c>
      <c r="CIS53" s="7">
        <f t="shared" si="583"/>
        <v>5103.125</v>
      </c>
      <c r="CIT53" s="7">
        <f t="shared" si="583"/>
        <v>5103.125</v>
      </c>
      <c r="CIU53" s="7">
        <f t="shared" si="583"/>
        <v>5103.125</v>
      </c>
      <c r="CIV53" s="7">
        <f t="shared" si="583"/>
        <v>5103.125</v>
      </c>
      <c r="CIW53" s="7">
        <f t="shared" si="583"/>
        <v>5103.125</v>
      </c>
      <c r="CIX53" s="7">
        <f t="shared" si="583"/>
        <v>5103.125</v>
      </c>
      <c r="CIY53" s="7">
        <f t="shared" si="583"/>
        <v>5103.125</v>
      </c>
      <c r="CIZ53" s="7">
        <f t="shared" si="583"/>
        <v>5103.125</v>
      </c>
      <c r="CJA53" s="7">
        <f t="shared" si="583"/>
        <v>5103.125</v>
      </c>
      <c r="CJB53" s="7">
        <f t="shared" si="583"/>
        <v>5103.125</v>
      </c>
      <c r="CJC53" s="7">
        <f t="shared" si="583"/>
        <v>5103.125</v>
      </c>
      <c r="CJD53" s="7">
        <f t="shared" si="583"/>
        <v>5103.125</v>
      </c>
      <c r="CJE53" s="7">
        <f t="shared" si="583"/>
        <v>5103.125</v>
      </c>
      <c r="CJF53" s="7">
        <f t="shared" si="583"/>
        <v>5103.125</v>
      </c>
      <c r="CJG53" s="7">
        <f t="shared" si="583"/>
        <v>5103.125</v>
      </c>
      <c r="CJH53" s="7">
        <f t="shared" si="583"/>
        <v>5103.125</v>
      </c>
      <c r="CJI53" s="7">
        <f t="shared" si="583"/>
        <v>5103.125</v>
      </c>
      <c r="CJJ53" s="7">
        <f t="shared" si="583"/>
        <v>5103.125</v>
      </c>
      <c r="CJK53" s="7">
        <f t="shared" si="583"/>
        <v>5103.125</v>
      </c>
      <c r="CJL53" s="7">
        <f t="shared" si="583"/>
        <v>5103.125</v>
      </c>
      <c r="CJM53" s="7">
        <f t="shared" si="583"/>
        <v>5103.125</v>
      </c>
      <c r="CJN53" s="7">
        <f t="shared" si="583"/>
        <v>5103.125</v>
      </c>
      <c r="CJO53" s="7">
        <f t="shared" si="583"/>
        <v>5103.125</v>
      </c>
      <c r="CJP53" s="7">
        <f t="shared" si="583"/>
        <v>5103.125</v>
      </c>
      <c r="CJQ53" s="7">
        <f t="shared" si="583"/>
        <v>5103.125</v>
      </c>
      <c r="CJR53" s="7">
        <f t="shared" si="583"/>
        <v>5103.125</v>
      </c>
      <c r="CJS53" s="7">
        <f t="shared" si="583"/>
        <v>5103.125</v>
      </c>
      <c r="CJT53" s="7">
        <f t="shared" si="583"/>
        <v>5103.125</v>
      </c>
      <c r="CJU53" s="7">
        <f t="shared" si="583"/>
        <v>5103.125</v>
      </c>
      <c r="CJV53" s="7">
        <f t="shared" si="583"/>
        <v>5103.125</v>
      </c>
      <c r="CJW53" s="7">
        <f t="shared" si="583"/>
        <v>5103.125</v>
      </c>
      <c r="CJX53" s="7">
        <f t="shared" si="583"/>
        <v>5103.125</v>
      </c>
      <c r="CJY53" s="7">
        <f t="shared" si="583"/>
        <v>5103.125</v>
      </c>
      <c r="CJZ53" s="7">
        <f t="shared" ref="CJZ53:CMK53" si="584">CJZ48+CJY53</f>
        <v>5103.125</v>
      </c>
      <c r="CKA53" s="7">
        <f t="shared" si="584"/>
        <v>5103.125</v>
      </c>
      <c r="CKB53" s="7">
        <f t="shared" si="584"/>
        <v>5103.125</v>
      </c>
      <c r="CKC53" s="7">
        <f t="shared" si="584"/>
        <v>5103.125</v>
      </c>
      <c r="CKD53" s="7">
        <f t="shared" si="584"/>
        <v>5103.125</v>
      </c>
      <c r="CKE53" s="7">
        <f t="shared" si="584"/>
        <v>5103.125</v>
      </c>
      <c r="CKF53" s="7">
        <f t="shared" si="584"/>
        <v>5103.125</v>
      </c>
      <c r="CKG53" s="7">
        <f t="shared" si="584"/>
        <v>5103.125</v>
      </c>
      <c r="CKH53" s="7">
        <f t="shared" si="584"/>
        <v>5103.125</v>
      </c>
      <c r="CKI53" s="7">
        <f t="shared" si="584"/>
        <v>5103.125</v>
      </c>
      <c r="CKJ53" s="7">
        <f t="shared" si="584"/>
        <v>5103.125</v>
      </c>
      <c r="CKK53" s="7">
        <f t="shared" si="584"/>
        <v>5103.125</v>
      </c>
      <c r="CKL53" s="7">
        <f t="shared" si="584"/>
        <v>5103.125</v>
      </c>
      <c r="CKM53" s="7">
        <f t="shared" si="584"/>
        <v>5103.125</v>
      </c>
      <c r="CKN53" s="7">
        <f t="shared" si="584"/>
        <v>5103.125</v>
      </c>
      <c r="CKO53" s="7">
        <f t="shared" si="584"/>
        <v>5103.125</v>
      </c>
      <c r="CKP53" s="7">
        <f t="shared" si="584"/>
        <v>5103.125</v>
      </c>
      <c r="CKQ53" s="7">
        <f t="shared" si="584"/>
        <v>5103.125</v>
      </c>
      <c r="CKR53" s="7">
        <f t="shared" si="584"/>
        <v>5103.125</v>
      </c>
      <c r="CKS53" s="7">
        <f t="shared" si="584"/>
        <v>5103.125</v>
      </c>
      <c r="CKT53" s="7">
        <f t="shared" si="584"/>
        <v>5103.125</v>
      </c>
      <c r="CKU53" s="7">
        <f t="shared" si="584"/>
        <v>5103.125</v>
      </c>
      <c r="CKV53" s="7">
        <f t="shared" si="584"/>
        <v>5103.125</v>
      </c>
      <c r="CKW53" s="7">
        <f t="shared" si="584"/>
        <v>5103.125</v>
      </c>
      <c r="CKX53" s="7">
        <f t="shared" si="584"/>
        <v>5103.125</v>
      </c>
      <c r="CKY53" s="7">
        <f t="shared" si="584"/>
        <v>5103.125</v>
      </c>
      <c r="CKZ53" s="7">
        <f t="shared" si="584"/>
        <v>5103.125</v>
      </c>
      <c r="CLA53" s="7">
        <f t="shared" si="584"/>
        <v>5103.125</v>
      </c>
      <c r="CLB53" s="7">
        <f t="shared" si="584"/>
        <v>5103.125</v>
      </c>
      <c r="CLC53" s="7">
        <f t="shared" si="584"/>
        <v>5103.125</v>
      </c>
      <c r="CLD53" s="7">
        <f t="shared" si="584"/>
        <v>5103.125</v>
      </c>
      <c r="CLE53" s="7">
        <f t="shared" si="584"/>
        <v>5103.125</v>
      </c>
      <c r="CLF53" s="7">
        <f t="shared" si="584"/>
        <v>5103.125</v>
      </c>
      <c r="CLG53" s="7">
        <f t="shared" si="584"/>
        <v>5103.125</v>
      </c>
      <c r="CLH53" s="7">
        <f t="shared" si="584"/>
        <v>5103.125</v>
      </c>
      <c r="CLI53" s="7">
        <f t="shared" si="584"/>
        <v>5103.125</v>
      </c>
      <c r="CLJ53" s="7">
        <f t="shared" si="584"/>
        <v>5103.125</v>
      </c>
      <c r="CLK53" s="7">
        <f t="shared" si="584"/>
        <v>5103.125</v>
      </c>
      <c r="CLL53" s="7">
        <f t="shared" si="584"/>
        <v>5103.125</v>
      </c>
      <c r="CLM53" s="7">
        <f t="shared" si="584"/>
        <v>5103.125</v>
      </c>
      <c r="CLN53" s="7">
        <f t="shared" si="584"/>
        <v>5103.125</v>
      </c>
      <c r="CLO53" s="7">
        <f t="shared" si="584"/>
        <v>5103.125</v>
      </c>
      <c r="CLP53" s="7">
        <f t="shared" si="584"/>
        <v>5103.125</v>
      </c>
      <c r="CLQ53" s="7">
        <f t="shared" si="584"/>
        <v>5103.125</v>
      </c>
      <c r="CLR53" s="7">
        <f t="shared" si="584"/>
        <v>5103.125</v>
      </c>
      <c r="CLS53" s="7">
        <f t="shared" si="584"/>
        <v>5103.125</v>
      </c>
      <c r="CLT53" s="7">
        <f t="shared" si="584"/>
        <v>5103.125</v>
      </c>
      <c r="CLU53" s="7">
        <f t="shared" si="584"/>
        <v>5103.125</v>
      </c>
      <c r="CLV53" s="7">
        <f t="shared" si="584"/>
        <v>5103.125</v>
      </c>
      <c r="CLW53" s="7">
        <f t="shared" si="584"/>
        <v>5103.125</v>
      </c>
      <c r="CLX53" s="7">
        <f t="shared" si="584"/>
        <v>5103.125</v>
      </c>
      <c r="CLY53" s="7">
        <f t="shared" si="584"/>
        <v>5103.125</v>
      </c>
      <c r="CLZ53" s="7">
        <f t="shared" si="584"/>
        <v>5103.125</v>
      </c>
      <c r="CMA53" s="7">
        <f t="shared" si="584"/>
        <v>5103.125</v>
      </c>
      <c r="CMB53" s="7">
        <f t="shared" si="584"/>
        <v>5103.125</v>
      </c>
      <c r="CMC53" s="7">
        <f t="shared" si="584"/>
        <v>5103.125</v>
      </c>
      <c r="CMD53" s="7">
        <f t="shared" si="584"/>
        <v>5103.125</v>
      </c>
      <c r="CME53" s="7">
        <f t="shared" si="584"/>
        <v>5103.125</v>
      </c>
      <c r="CMF53" s="7">
        <f t="shared" si="584"/>
        <v>5103.125</v>
      </c>
      <c r="CMG53" s="7">
        <f t="shared" si="584"/>
        <v>5103.125</v>
      </c>
      <c r="CMH53" s="7">
        <f t="shared" si="584"/>
        <v>5103.125</v>
      </c>
      <c r="CMI53" s="7">
        <f t="shared" si="584"/>
        <v>5103.125</v>
      </c>
      <c r="CMJ53" s="7">
        <f t="shared" si="584"/>
        <v>5103.125</v>
      </c>
      <c r="CMK53" s="7">
        <f t="shared" si="584"/>
        <v>5103.125</v>
      </c>
      <c r="CML53" s="7">
        <f t="shared" ref="CML53:COW53" si="585">CML48+CMK53</f>
        <v>5103.125</v>
      </c>
      <c r="CMM53" s="7">
        <f t="shared" si="585"/>
        <v>5103.125</v>
      </c>
      <c r="CMN53" s="7">
        <f t="shared" si="585"/>
        <v>5103.125</v>
      </c>
      <c r="CMO53" s="7">
        <f t="shared" si="585"/>
        <v>5103.125</v>
      </c>
      <c r="CMP53" s="7">
        <f t="shared" si="585"/>
        <v>5103.125</v>
      </c>
      <c r="CMQ53" s="7">
        <f t="shared" si="585"/>
        <v>5103.125</v>
      </c>
      <c r="CMR53" s="7">
        <f t="shared" si="585"/>
        <v>5103.125</v>
      </c>
      <c r="CMS53" s="7">
        <f t="shared" si="585"/>
        <v>5103.125</v>
      </c>
      <c r="CMT53" s="7">
        <f t="shared" si="585"/>
        <v>5103.125</v>
      </c>
      <c r="CMU53" s="7">
        <f t="shared" si="585"/>
        <v>5103.125</v>
      </c>
      <c r="CMV53" s="7">
        <f t="shared" si="585"/>
        <v>5103.125</v>
      </c>
      <c r="CMW53" s="7">
        <f t="shared" si="585"/>
        <v>5103.125</v>
      </c>
      <c r="CMX53" s="7">
        <f t="shared" si="585"/>
        <v>5103.125</v>
      </c>
      <c r="CMY53" s="7">
        <f t="shared" si="585"/>
        <v>5103.125</v>
      </c>
      <c r="CMZ53" s="7">
        <f t="shared" si="585"/>
        <v>5103.125</v>
      </c>
      <c r="CNA53" s="7">
        <f t="shared" si="585"/>
        <v>5103.125</v>
      </c>
      <c r="CNB53" s="7">
        <f t="shared" si="585"/>
        <v>5103.125</v>
      </c>
      <c r="CNC53" s="7">
        <f t="shared" si="585"/>
        <v>5103.125</v>
      </c>
      <c r="CND53" s="7">
        <f t="shared" si="585"/>
        <v>5103.125</v>
      </c>
      <c r="CNE53" s="7">
        <f t="shared" si="585"/>
        <v>5103.125</v>
      </c>
      <c r="CNF53" s="7">
        <f t="shared" si="585"/>
        <v>5103.125</v>
      </c>
      <c r="CNG53" s="7">
        <f t="shared" si="585"/>
        <v>5103.125</v>
      </c>
      <c r="CNH53" s="7">
        <f t="shared" si="585"/>
        <v>5103.125</v>
      </c>
      <c r="CNI53" s="7">
        <f t="shared" si="585"/>
        <v>5103.125</v>
      </c>
      <c r="CNJ53" s="7">
        <f t="shared" si="585"/>
        <v>5103.125</v>
      </c>
      <c r="CNK53" s="7">
        <f t="shared" si="585"/>
        <v>5103.125</v>
      </c>
      <c r="CNL53" s="7">
        <f t="shared" si="585"/>
        <v>5103.125</v>
      </c>
      <c r="CNM53" s="7">
        <f t="shared" si="585"/>
        <v>5103.125</v>
      </c>
      <c r="CNN53" s="7">
        <f t="shared" si="585"/>
        <v>5103.125</v>
      </c>
      <c r="CNO53" s="7">
        <f t="shared" si="585"/>
        <v>5103.125</v>
      </c>
      <c r="CNP53" s="7">
        <f t="shared" si="585"/>
        <v>5103.125</v>
      </c>
      <c r="CNQ53" s="7">
        <f t="shared" si="585"/>
        <v>5103.125</v>
      </c>
      <c r="CNR53" s="7">
        <f t="shared" si="585"/>
        <v>5103.125</v>
      </c>
      <c r="CNS53" s="7">
        <f t="shared" si="585"/>
        <v>5103.125</v>
      </c>
      <c r="CNT53" s="7">
        <f t="shared" si="585"/>
        <v>5103.125</v>
      </c>
      <c r="CNU53" s="7">
        <f t="shared" si="585"/>
        <v>5103.125</v>
      </c>
      <c r="CNV53" s="7">
        <f t="shared" si="585"/>
        <v>5103.125</v>
      </c>
      <c r="CNW53" s="7">
        <f t="shared" si="585"/>
        <v>5103.125</v>
      </c>
      <c r="CNX53" s="7">
        <f t="shared" si="585"/>
        <v>5103.125</v>
      </c>
      <c r="CNY53" s="7">
        <f t="shared" si="585"/>
        <v>5103.125</v>
      </c>
      <c r="CNZ53" s="7">
        <f t="shared" si="585"/>
        <v>5103.125</v>
      </c>
      <c r="COA53" s="7">
        <f t="shared" si="585"/>
        <v>5103.125</v>
      </c>
      <c r="COB53" s="7">
        <f t="shared" si="585"/>
        <v>5103.125</v>
      </c>
      <c r="COC53" s="7">
        <f t="shared" si="585"/>
        <v>5103.125</v>
      </c>
      <c r="COD53" s="7">
        <f t="shared" si="585"/>
        <v>5103.125</v>
      </c>
      <c r="COE53" s="7">
        <f t="shared" si="585"/>
        <v>5103.125</v>
      </c>
      <c r="COF53" s="7">
        <f t="shared" si="585"/>
        <v>5103.125</v>
      </c>
      <c r="COG53" s="7">
        <f t="shared" si="585"/>
        <v>5103.125</v>
      </c>
      <c r="COH53" s="7">
        <f t="shared" si="585"/>
        <v>5103.125</v>
      </c>
      <c r="COI53" s="7">
        <f t="shared" si="585"/>
        <v>5103.125</v>
      </c>
      <c r="COJ53" s="7">
        <f t="shared" si="585"/>
        <v>5103.125</v>
      </c>
      <c r="COK53" s="7">
        <f t="shared" si="585"/>
        <v>5103.125</v>
      </c>
      <c r="COL53" s="7">
        <f t="shared" si="585"/>
        <v>5103.125</v>
      </c>
      <c r="COM53" s="7">
        <f t="shared" si="585"/>
        <v>5103.125</v>
      </c>
      <c r="CON53" s="7">
        <f t="shared" si="585"/>
        <v>5103.125</v>
      </c>
      <c r="COO53" s="7">
        <f t="shared" si="585"/>
        <v>5103.125</v>
      </c>
      <c r="COP53" s="7">
        <f t="shared" si="585"/>
        <v>5103.125</v>
      </c>
      <c r="COQ53" s="7">
        <f t="shared" si="585"/>
        <v>5103.125</v>
      </c>
      <c r="COR53" s="7">
        <f t="shared" si="585"/>
        <v>5103.125</v>
      </c>
      <c r="COS53" s="7">
        <f t="shared" si="585"/>
        <v>5103.125</v>
      </c>
      <c r="COT53" s="7">
        <f t="shared" si="585"/>
        <v>5103.125</v>
      </c>
      <c r="COU53" s="7">
        <f t="shared" si="585"/>
        <v>5103.125</v>
      </c>
      <c r="COV53" s="7">
        <f t="shared" si="585"/>
        <v>5103.125</v>
      </c>
      <c r="COW53" s="7">
        <f t="shared" si="585"/>
        <v>5103.125</v>
      </c>
      <c r="COX53" s="7">
        <f t="shared" ref="COX53:CRI53" si="586">COX48+COW53</f>
        <v>5103.125</v>
      </c>
      <c r="COY53" s="7">
        <f t="shared" si="586"/>
        <v>5103.125</v>
      </c>
      <c r="COZ53" s="7">
        <f t="shared" si="586"/>
        <v>5103.125</v>
      </c>
      <c r="CPA53" s="7">
        <f t="shared" si="586"/>
        <v>5103.125</v>
      </c>
      <c r="CPB53" s="7">
        <f t="shared" si="586"/>
        <v>5103.125</v>
      </c>
      <c r="CPC53" s="7">
        <f t="shared" si="586"/>
        <v>5103.125</v>
      </c>
      <c r="CPD53" s="7">
        <f t="shared" si="586"/>
        <v>5103.125</v>
      </c>
      <c r="CPE53" s="7">
        <f t="shared" si="586"/>
        <v>5103.125</v>
      </c>
      <c r="CPF53" s="7">
        <f t="shared" si="586"/>
        <v>5103.125</v>
      </c>
      <c r="CPG53" s="7">
        <f t="shared" si="586"/>
        <v>5103.125</v>
      </c>
      <c r="CPH53" s="7">
        <f t="shared" si="586"/>
        <v>5103.125</v>
      </c>
      <c r="CPI53" s="7">
        <f t="shared" si="586"/>
        <v>5103.125</v>
      </c>
      <c r="CPJ53" s="7">
        <f t="shared" si="586"/>
        <v>5103.125</v>
      </c>
      <c r="CPK53" s="7">
        <f t="shared" si="586"/>
        <v>5103.125</v>
      </c>
      <c r="CPL53" s="7">
        <f t="shared" si="586"/>
        <v>5103.125</v>
      </c>
      <c r="CPM53" s="7">
        <f t="shared" si="586"/>
        <v>5103.125</v>
      </c>
      <c r="CPN53" s="7">
        <f t="shared" si="586"/>
        <v>5103.125</v>
      </c>
      <c r="CPO53" s="7">
        <f t="shared" si="586"/>
        <v>5103.125</v>
      </c>
      <c r="CPP53" s="7">
        <f t="shared" si="586"/>
        <v>5103.125</v>
      </c>
      <c r="CPQ53" s="7">
        <f t="shared" si="586"/>
        <v>5103.125</v>
      </c>
      <c r="CPR53" s="7">
        <f t="shared" si="586"/>
        <v>5103.125</v>
      </c>
      <c r="CPS53" s="7">
        <f t="shared" si="586"/>
        <v>5103.125</v>
      </c>
      <c r="CPT53" s="7">
        <f t="shared" si="586"/>
        <v>5103.125</v>
      </c>
      <c r="CPU53" s="7">
        <f t="shared" si="586"/>
        <v>5103.125</v>
      </c>
      <c r="CPV53" s="7">
        <f t="shared" si="586"/>
        <v>5103.125</v>
      </c>
      <c r="CPW53" s="7">
        <f t="shared" si="586"/>
        <v>5103.125</v>
      </c>
      <c r="CPX53" s="7">
        <f t="shared" si="586"/>
        <v>5103.125</v>
      </c>
      <c r="CPY53" s="7">
        <f t="shared" si="586"/>
        <v>5103.125</v>
      </c>
      <c r="CPZ53" s="7">
        <f t="shared" si="586"/>
        <v>5103.125</v>
      </c>
      <c r="CQA53" s="7">
        <f t="shared" si="586"/>
        <v>5103.125</v>
      </c>
      <c r="CQB53" s="7">
        <f t="shared" si="586"/>
        <v>5103.125</v>
      </c>
      <c r="CQC53" s="7">
        <f t="shared" si="586"/>
        <v>5103.125</v>
      </c>
      <c r="CQD53" s="7">
        <f t="shared" si="586"/>
        <v>5103.125</v>
      </c>
      <c r="CQE53" s="7">
        <f t="shared" si="586"/>
        <v>5103.125</v>
      </c>
      <c r="CQF53" s="7">
        <f t="shared" si="586"/>
        <v>5103.125</v>
      </c>
      <c r="CQG53" s="7">
        <f t="shared" si="586"/>
        <v>5103.125</v>
      </c>
      <c r="CQH53" s="7">
        <f t="shared" si="586"/>
        <v>5103.125</v>
      </c>
      <c r="CQI53" s="7">
        <f t="shared" si="586"/>
        <v>5103.125</v>
      </c>
      <c r="CQJ53" s="7">
        <f t="shared" si="586"/>
        <v>5103.125</v>
      </c>
      <c r="CQK53" s="7">
        <f t="shared" si="586"/>
        <v>5103.125</v>
      </c>
      <c r="CQL53" s="7">
        <f t="shared" si="586"/>
        <v>5103.125</v>
      </c>
      <c r="CQM53" s="7">
        <f t="shared" si="586"/>
        <v>5103.125</v>
      </c>
      <c r="CQN53" s="7">
        <f t="shared" si="586"/>
        <v>5103.125</v>
      </c>
      <c r="CQO53" s="7">
        <f t="shared" si="586"/>
        <v>5103.125</v>
      </c>
      <c r="CQP53" s="7">
        <f t="shared" si="586"/>
        <v>5103.125</v>
      </c>
      <c r="CQQ53" s="7">
        <f t="shared" si="586"/>
        <v>5103.125</v>
      </c>
      <c r="CQR53" s="7">
        <f t="shared" si="586"/>
        <v>5103.125</v>
      </c>
      <c r="CQS53" s="7">
        <f t="shared" si="586"/>
        <v>5103.125</v>
      </c>
      <c r="CQT53" s="7">
        <f t="shared" si="586"/>
        <v>5103.125</v>
      </c>
      <c r="CQU53" s="7">
        <f t="shared" si="586"/>
        <v>5103.125</v>
      </c>
      <c r="CQV53" s="7">
        <f t="shared" si="586"/>
        <v>5103.125</v>
      </c>
      <c r="CQW53" s="7">
        <f t="shared" si="586"/>
        <v>5103.125</v>
      </c>
      <c r="CQX53" s="7">
        <f t="shared" si="586"/>
        <v>5103.125</v>
      </c>
      <c r="CQY53" s="7">
        <f t="shared" si="586"/>
        <v>5103.125</v>
      </c>
      <c r="CQZ53" s="7">
        <f t="shared" si="586"/>
        <v>5103.125</v>
      </c>
      <c r="CRA53" s="7">
        <f t="shared" si="586"/>
        <v>5103.125</v>
      </c>
      <c r="CRB53" s="7">
        <f t="shared" si="586"/>
        <v>5103.125</v>
      </c>
      <c r="CRC53" s="7">
        <f t="shared" si="586"/>
        <v>5103.125</v>
      </c>
      <c r="CRD53" s="7">
        <f t="shared" si="586"/>
        <v>5103.125</v>
      </c>
      <c r="CRE53" s="7">
        <f t="shared" si="586"/>
        <v>5103.125</v>
      </c>
      <c r="CRF53" s="7">
        <f t="shared" si="586"/>
        <v>5103.125</v>
      </c>
      <c r="CRG53" s="7">
        <f t="shared" si="586"/>
        <v>5103.125</v>
      </c>
      <c r="CRH53" s="7">
        <f t="shared" si="586"/>
        <v>5103.125</v>
      </c>
      <c r="CRI53" s="7">
        <f t="shared" si="586"/>
        <v>5103.125</v>
      </c>
      <c r="CRJ53" s="7">
        <f t="shared" ref="CRJ53:CTU53" si="587">CRJ48+CRI53</f>
        <v>5103.125</v>
      </c>
      <c r="CRK53" s="7">
        <f t="shared" si="587"/>
        <v>5103.125</v>
      </c>
      <c r="CRL53" s="7">
        <f t="shared" si="587"/>
        <v>5103.125</v>
      </c>
      <c r="CRM53" s="7">
        <f t="shared" si="587"/>
        <v>5103.125</v>
      </c>
      <c r="CRN53" s="7">
        <f t="shared" si="587"/>
        <v>5103.125</v>
      </c>
      <c r="CRO53" s="7">
        <f t="shared" si="587"/>
        <v>5103.125</v>
      </c>
      <c r="CRP53" s="7">
        <f t="shared" si="587"/>
        <v>5103.125</v>
      </c>
      <c r="CRQ53" s="7">
        <f t="shared" si="587"/>
        <v>5103.125</v>
      </c>
      <c r="CRR53" s="7">
        <f t="shared" si="587"/>
        <v>5103.125</v>
      </c>
      <c r="CRS53" s="7">
        <f t="shared" si="587"/>
        <v>5103.125</v>
      </c>
      <c r="CRT53" s="7">
        <f t="shared" si="587"/>
        <v>5103.125</v>
      </c>
      <c r="CRU53" s="7">
        <f t="shared" si="587"/>
        <v>5103.125</v>
      </c>
      <c r="CRV53" s="7">
        <f t="shared" si="587"/>
        <v>5103.125</v>
      </c>
      <c r="CRW53" s="7">
        <f t="shared" si="587"/>
        <v>5103.125</v>
      </c>
      <c r="CRX53" s="7">
        <f t="shared" si="587"/>
        <v>5103.125</v>
      </c>
      <c r="CRY53" s="7">
        <f t="shared" si="587"/>
        <v>5103.125</v>
      </c>
      <c r="CRZ53" s="7">
        <f t="shared" si="587"/>
        <v>5103.125</v>
      </c>
      <c r="CSA53" s="7">
        <f t="shared" si="587"/>
        <v>5103.125</v>
      </c>
      <c r="CSB53" s="7">
        <f t="shared" si="587"/>
        <v>5103.125</v>
      </c>
      <c r="CSC53" s="7">
        <f t="shared" si="587"/>
        <v>5103.125</v>
      </c>
      <c r="CSD53" s="7">
        <f t="shared" si="587"/>
        <v>5103.125</v>
      </c>
      <c r="CSE53" s="7">
        <f t="shared" si="587"/>
        <v>5103.125</v>
      </c>
      <c r="CSF53" s="7">
        <f t="shared" si="587"/>
        <v>5103.125</v>
      </c>
      <c r="CSG53" s="7">
        <f t="shared" si="587"/>
        <v>5103.125</v>
      </c>
      <c r="CSH53" s="7">
        <f t="shared" si="587"/>
        <v>5103.125</v>
      </c>
      <c r="CSI53" s="7">
        <f t="shared" si="587"/>
        <v>5103.125</v>
      </c>
      <c r="CSJ53" s="7">
        <f t="shared" si="587"/>
        <v>5103.125</v>
      </c>
      <c r="CSK53" s="7">
        <f t="shared" si="587"/>
        <v>5103.125</v>
      </c>
      <c r="CSL53" s="7">
        <f t="shared" si="587"/>
        <v>5103.125</v>
      </c>
      <c r="CSM53" s="7">
        <f t="shared" si="587"/>
        <v>5103.125</v>
      </c>
      <c r="CSN53" s="7">
        <f t="shared" si="587"/>
        <v>5103.125</v>
      </c>
      <c r="CSO53" s="7">
        <f t="shared" si="587"/>
        <v>5103.125</v>
      </c>
      <c r="CSP53" s="7">
        <f t="shared" si="587"/>
        <v>5103.125</v>
      </c>
      <c r="CSQ53" s="7">
        <f t="shared" si="587"/>
        <v>5103.125</v>
      </c>
      <c r="CSR53" s="7">
        <f t="shared" si="587"/>
        <v>5103.125</v>
      </c>
      <c r="CSS53" s="7">
        <f t="shared" si="587"/>
        <v>5103.125</v>
      </c>
      <c r="CST53" s="7">
        <f t="shared" si="587"/>
        <v>5103.125</v>
      </c>
      <c r="CSU53" s="7">
        <f t="shared" si="587"/>
        <v>5103.125</v>
      </c>
      <c r="CSV53" s="7">
        <f t="shared" si="587"/>
        <v>5103.125</v>
      </c>
      <c r="CSW53" s="7">
        <f t="shared" si="587"/>
        <v>5103.125</v>
      </c>
      <c r="CSX53" s="7">
        <f t="shared" si="587"/>
        <v>5103.125</v>
      </c>
      <c r="CSY53" s="7">
        <f t="shared" si="587"/>
        <v>5103.125</v>
      </c>
      <c r="CSZ53" s="7">
        <f t="shared" si="587"/>
        <v>5103.125</v>
      </c>
      <c r="CTA53" s="7">
        <f t="shared" si="587"/>
        <v>5103.125</v>
      </c>
      <c r="CTB53" s="7">
        <f t="shared" si="587"/>
        <v>5103.125</v>
      </c>
      <c r="CTC53" s="7">
        <f t="shared" si="587"/>
        <v>5103.125</v>
      </c>
      <c r="CTD53" s="7">
        <f t="shared" si="587"/>
        <v>5103.125</v>
      </c>
      <c r="CTE53" s="7">
        <f t="shared" si="587"/>
        <v>5103.125</v>
      </c>
      <c r="CTF53" s="7">
        <f t="shared" si="587"/>
        <v>5103.125</v>
      </c>
      <c r="CTG53" s="7">
        <f t="shared" si="587"/>
        <v>5103.125</v>
      </c>
      <c r="CTH53" s="7">
        <f t="shared" si="587"/>
        <v>5103.125</v>
      </c>
      <c r="CTI53" s="7">
        <f t="shared" si="587"/>
        <v>5103.125</v>
      </c>
      <c r="CTJ53" s="7">
        <f t="shared" si="587"/>
        <v>5103.125</v>
      </c>
      <c r="CTK53" s="7">
        <f t="shared" si="587"/>
        <v>5103.125</v>
      </c>
      <c r="CTL53" s="7">
        <f t="shared" si="587"/>
        <v>5103.125</v>
      </c>
      <c r="CTM53" s="7">
        <f t="shared" si="587"/>
        <v>5103.125</v>
      </c>
      <c r="CTN53" s="7">
        <f t="shared" si="587"/>
        <v>5103.125</v>
      </c>
      <c r="CTO53" s="7">
        <f t="shared" si="587"/>
        <v>5103.125</v>
      </c>
      <c r="CTP53" s="7">
        <f t="shared" si="587"/>
        <v>5103.125</v>
      </c>
      <c r="CTQ53" s="7">
        <f t="shared" si="587"/>
        <v>5103.125</v>
      </c>
      <c r="CTR53" s="7">
        <f t="shared" si="587"/>
        <v>5103.125</v>
      </c>
      <c r="CTS53" s="7">
        <f t="shared" si="587"/>
        <v>5103.125</v>
      </c>
      <c r="CTT53" s="7">
        <f t="shared" si="587"/>
        <v>5103.125</v>
      </c>
      <c r="CTU53" s="7">
        <f t="shared" si="587"/>
        <v>5103.125</v>
      </c>
      <c r="CTV53" s="7">
        <f t="shared" ref="CTV53:CWG53" si="588">CTV48+CTU53</f>
        <v>5103.125</v>
      </c>
      <c r="CTW53" s="7">
        <f t="shared" si="588"/>
        <v>5103.125</v>
      </c>
      <c r="CTX53" s="7">
        <f t="shared" si="588"/>
        <v>5103.125</v>
      </c>
      <c r="CTY53" s="7">
        <f t="shared" si="588"/>
        <v>5103.125</v>
      </c>
      <c r="CTZ53" s="7">
        <f t="shared" si="588"/>
        <v>5103.125</v>
      </c>
      <c r="CUA53" s="7">
        <f t="shared" si="588"/>
        <v>5103.125</v>
      </c>
      <c r="CUB53" s="7">
        <f t="shared" si="588"/>
        <v>5103.125</v>
      </c>
      <c r="CUC53" s="7">
        <f t="shared" si="588"/>
        <v>5103.125</v>
      </c>
      <c r="CUD53" s="7">
        <f t="shared" si="588"/>
        <v>5103.125</v>
      </c>
      <c r="CUE53" s="7">
        <f t="shared" si="588"/>
        <v>5103.125</v>
      </c>
      <c r="CUF53" s="7">
        <f t="shared" si="588"/>
        <v>5103.125</v>
      </c>
      <c r="CUG53" s="7">
        <f t="shared" si="588"/>
        <v>5103.125</v>
      </c>
      <c r="CUH53" s="7">
        <f t="shared" si="588"/>
        <v>5103.125</v>
      </c>
      <c r="CUI53" s="7">
        <f t="shared" si="588"/>
        <v>5103.125</v>
      </c>
      <c r="CUJ53" s="7">
        <f t="shared" si="588"/>
        <v>5103.125</v>
      </c>
      <c r="CUK53" s="7">
        <f t="shared" si="588"/>
        <v>5103.125</v>
      </c>
      <c r="CUL53" s="7">
        <f t="shared" si="588"/>
        <v>5103.125</v>
      </c>
      <c r="CUM53" s="7">
        <f t="shared" si="588"/>
        <v>5103.125</v>
      </c>
      <c r="CUN53" s="7">
        <f t="shared" si="588"/>
        <v>5103.125</v>
      </c>
      <c r="CUO53" s="7">
        <f t="shared" si="588"/>
        <v>5103.125</v>
      </c>
      <c r="CUP53" s="7">
        <f t="shared" si="588"/>
        <v>5103.125</v>
      </c>
      <c r="CUQ53" s="7">
        <f t="shared" si="588"/>
        <v>5103.125</v>
      </c>
      <c r="CUR53" s="7">
        <f t="shared" si="588"/>
        <v>5103.125</v>
      </c>
      <c r="CUS53" s="7">
        <f t="shared" si="588"/>
        <v>5103.125</v>
      </c>
      <c r="CUT53" s="7">
        <f t="shared" si="588"/>
        <v>5103.125</v>
      </c>
      <c r="CUU53" s="7">
        <f t="shared" si="588"/>
        <v>5103.125</v>
      </c>
      <c r="CUV53" s="7">
        <f t="shared" si="588"/>
        <v>5103.125</v>
      </c>
      <c r="CUW53" s="7">
        <f t="shared" si="588"/>
        <v>5103.125</v>
      </c>
      <c r="CUX53" s="7">
        <f t="shared" si="588"/>
        <v>5103.125</v>
      </c>
      <c r="CUY53" s="7">
        <f t="shared" si="588"/>
        <v>5103.125</v>
      </c>
      <c r="CUZ53" s="7">
        <f t="shared" si="588"/>
        <v>5103.125</v>
      </c>
      <c r="CVA53" s="7">
        <f t="shared" si="588"/>
        <v>5103.125</v>
      </c>
      <c r="CVB53" s="7">
        <f t="shared" si="588"/>
        <v>5103.125</v>
      </c>
      <c r="CVC53" s="7">
        <f t="shared" si="588"/>
        <v>5103.125</v>
      </c>
      <c r="CVD53" s="7">
        <f t="shared" si="588"/>
        <v>5103.125</v>
      </c>
      <c r="CVE53" s="7">
        <f t="shared" si="588"/>
        <v>5103.125</v>
      </c>
      <c r="CVF53" s="7">
        <f t="shared" si="588"/>
        <v>5103.125</v>
      </c>
      <c r="CVG53" s="7">
        <f t="shared" si="588"/>
        <v>5103.125</v>
      </c>
      <c r="CVH53" s="7">
        <f t="shared" si="588"/>
        <v>5103.125</v>
      </c>
      <c r="CVI53" s="7">
        <f t="shared" si="588"/>
        <v>5103.125</v>
      </c>
      <c r="CVJ53" s="7">
        <f t="shared" si="588"/>
        <v>5103.125</v>
      </c>
      <c r="CVK53" s="7">
        <f t="shared" si="588"/>
        <v>5103.125</v>
      </c>
      <c r="CVL53" s="7">
        <f t="shared" si="588"/>
        <v>5103.125</v>
      </c>
      <c r="CVM53" s="7">
        <f t="shared" si="588"/>
        <v>5103.125</v>
      </c>
      <c r="CVN53" s="7">
        <f t="shared" si="588"/>
        <v>5103.125</v>
      </c>
      <c r="CVO53" s="7">
        <f t="shared" si="588"/>
        <v>5103.125</v>
      </c>
      <c r="CVP53" s="7">
        <f t="shared" si="588"/>
        <v>5103.125</v>
      </c>
      <c r="CVQ53" s="7">
        <f t="shared" si="588"/>
        <v>5103.125</v>
      </c>
      <c r="CVR53" s="7">
        <f t="shared" si="588"/>
        <v>5103.125</v>
      </c>
      <c r="CVS53" s="7">
        <f t="shared" si="588"/>
        <v>5103.125</v>
      </c>
      <c r="CVT53" s="7">
        <f t="shared" si="588"/>
        <v>5103.125</v>
      </c>
      <c r="CVU53" s="7">
        <f t="shared" si="588"/>
        <v>5103.125</v>
      </c>
      <c r="CVV53" s="7">
        <f t="shared" si="588"/>
        <v>5103.125</v>
      </c>
      <c r="CVW53" s="7">
        <f t="shared" si="588"/>
        <v>5103.125</v>
      </c>
      <c r="CVX53" s="7">
        <f t="shared" si="588"/>
        <v>5103.125</v>
      </c>
      <c r="CVY53" s="7">
        <f t="shared" si="588"/>
        <v>5103.125</v>
      </c>
      <c r="CVZ53" s="7">
        <f t="shared" si="588"/>
        <v>5103.125</v>
      </c>
      <c r="CWA53" s="7">
        <f t="shared" si="588"/>
        <v>5103.125</v>
      </c>
      <c r="CWB53" s="7">
        <f t="shared" si="588"/>
        <v>5103.125</v>
      </c>
      <c r="CWC53" s="7">
        <f t="shared" si="588"/>
        <v>5103.125</v>
      </c>
      <c r="CWD53" s="7">
        <f t="shared" si="588"/>
        <v>5103.125</v>
      </c>
      <c r="CWE53" s="7">
        <f t="shared" si="588"/>
        <v>5103.125</v>
      </c>
      <c r="CWF53" s="7">
        <f t="shared" si="588"/>
        <v>5103.125</v>
      </c>
      <c r="CWG53" s="7">
        <f t="shared" si="588"/>
        <v>5103.125</v>
      </c>
      <c r="CWH53" s="7">
        <f t="shared" ref="CWH53:CYS53" si="589">CWH48+CWG53</f>
        <v>5103.125</v>
      </c>
      <c r="CWI53" s="7">
        <f t="shared" si="589"/>
        <v>5103.125</v>
      </c>
      <c r="CWJ53" s="7">
        <f t="shared" si="589"/>
        <v>5103.125</v>
      </c>
      <c r="CWK53" s="7">
        <f t="shared" si="589"/>
        <v>5103.125</v>
      </c>
      <c r="CWL53" s="7">
        <f t="shared" si="589"/>
        <v>5103.125</v>
      </c>
      <c r="CWM53" s="7">
        <f t="shared" si="589"/>
        <v>5103.125</v>
      </c>
      <c r="CWN53" s="7">
        <f t="shared" si="589"/>
        <v>5103.125</v>
      </c>
      <c r="CWO53" s="7">
        <f t="shared" si="589"/>
        <v>5103.125</v>
      </c>
      <c r="CWP53" s="7">
        <f t="shared" si="589"/>
        <v>5103.125</v>
      </c>
      <c r="CWQ53" s="7">
        <f t="shared" si="589"/>
        <v>5103.125</v>
      </c>
      <c r="CWR53" s="7">
        <f t="shared" si="589"/>
        <v>5103.125</v>
      </c>
      <c r="CWS53" s="7">
        <f t="shared" si="589"/>
        <v>5103.125</v>
      </c>
      <c r="CWT53" s="7">
        <f t="shared" si="589"/>
        <v>5103.125</v>
      </c>
      <c r="CWU53" s="7">
        <f t="shared" si="589"/>
        <v>5103.125</v>
      </c>
      <c r="CWV53" s="7">
        <f t="shared" si="589"/>
        <v>5103.125</v>
      </c>
      <c r="CWW53" s="7">
        <f t="shared" si="589"/>
        <v>5103.125</v>
      </c>
      <c r="CWX53" s="7">
        <f t="shared" si="589"/>
        <v>5103.125</v>
      </c>
      <c r="CWY53" s="7">
        <f t="shared" si="589"/>
        <v>5103.125</v>
      </c>
      <c r="CWZ53" s="7">
        <f t="shared" si="589"/>
        <v>5103.125</v>
      </c>
      <c r="CXA53" s="7">
        <f t="shared" si="589"/>
        <v>5103.125</v>
      </c>
      <c r="CXB53" s="7">
        <f t="shared" si="589"/>
        <v>5103.125</v>
      </c>
      <c r="CXC53" s="7">
        <f t="shared" si="589"/>
        <v>5103.125</v>
      </c>
      <c r="CXD53" s="7">
        <f t="shared" si="589"/>
        <v>5103.125</v>
      </c>
      <c r="CXE53" s="7">
        <f t="shared" si="589"/>
        <v>5103.125</v>
      </c>
      <c r="CXF53" s="7">
        <f t="shared" si="589"/>
        <v>5103.125</v>
      </c>
      <c r="CXG53" s="7">
        <f t="shared" si="589"/>
        <v>5103.125</v>
      </c>
      <c r="CXH53" s="7">
        <f t="shared" si="589"/>
        <v>5103.125</v>
      </c>
      <c r="CXI53" s="7">
        <f t="shared" si="589"/>
        <v>5103.125</v>
      </c>
      <c r="CXJ53" s="7">
        <f t="shared" si="589"/>
        <v>5103.125</v>
      </c>
      <c r="CXK53" s="7">
        <f t="shared" si="589"/>
        <v>5103.125</v>
      </c>
      <c r="CXL53" s="7">
        <f t="shared" si="589"/>
        <v>5103.125</v>
      </c>
      <c r="CXM53" s="7">
        <f t="shared" si="589"/>
        <v>5103.125</v>
      </c>
      <c r="CXN53" s="7">
        <f t="shared" si="589"/>
        <v>5103.125</v>
      </c>
      <c r="CXO53" s="7">
        <f t="shared" si="589"/>
        <v>5103.125</v>
      </c>
      <c r="CXP53" s="7">
        <f t="shared" si="589"/>
        <v>5103.125</v>
      </c>
      <c r="CXQ53" s="7">
        <f t="shared" si="589"/>
        <v>5103.125</v>
      </c>
      <c r="CXR53" s="7">
        <f t="shared" si="589"/>
        <v>5103.125</v>
      </c>
      <c r="CXS53" s="7">
        <f t="shared" si="589"/>
        <v>5103.125</v>
      </c>
      <c r="CXT53" s="7">
        <f t="shared" si="589"/>
        <v>5103.125</v>
      </c>
      <c r="CXU53" s="7">
        <f t="shared" si="589"/>
        <v>5103.125</v>
      </c>
      <c r="CXV53" s="7">
        <f t="shared" si="589"/>
        <v>5103.125</v>
      </c>
      <c r="CXW53" s="7">
        <f t="shared" si="589"/>
        <v>5103.125</v>
      </c>
      <c r="CXX53" s="7">
        <f t="shared" si="589"/>
        <v>5103.125</v>
      </c>
      <c r="CXY53" s="7">
        <f t="shared" si="589"/>
        <v>5103.125</v>
      </c>
      <c r="CXZ53" s="7">
        <f t="shared" si="589"/>
        <v>5103.125</v>
      </c>
      <c r="CYA53" s="7">
        <f t="shared" si="589"/>
        <v>5103.125</v>
      </c>
      <c r="CYB53" s="7">
        <f t="shared" si="589"/>
        <v>5103.125</v>
      </c>
      <c r="CYC53" s="7">
        <f t="shared" si="589"/>
        <v>5103.125</v>
      </c>
      <c r="CYD53" s="7">
        <f t="shared" si="589"/>
        <v>5103.125</v>
      </c>
      <c r="CYE53" s="7">
        <f t="shared" si="589"/>
        <v>5103.125</v>
      </c>
      <c r="CYF53" s="7">
        <f t="shared" si="589"/>
        <v>5103.125</v>
      </c>
      <c r="CYG53" s="7">
        <f t="shared" si="589"/>
        <v>5103.125</v>
      </c>
      <c r="CYH53" s="7">
        <f t="shared" si="589"/>
        <v>5103.125</v>
      </c>
      <c r="CYI53" s="7">
        <f t="shared" si="589"/>
        <v>5103.125</v>
      </c>
      <c r="CYJ53" s="7">
        <f t="shared" si="589"/>
        <v>5103.125</v>
      </c>
      <c r="CYK53" s="7">
        <f t="shared" si="589"/>
        <v>5103.125</v>
      </c>
      <c r="CYL53" s="7">
        <f t="shared" si="589"/>
        <v>5103.125</v>
      </c>
      <c r="CYM53" s="7">
        <f t="shared" si="589"/>
        <v>5103.125</v>
      </c>
      <c r="CYN53" s="7">
        <f t="shared" si="589"/>
        <v>5103.125</v>
      </c>
      <c r="CYO53" s="7">
        <f t="shared" si="589"/>
        <v>5103.125</v>
      </c>
      <c r="CYP53" s="7">
        <f t="shared" si="589"/>
        <v>5103.125</v>
      </c>
      <c r="CYQ53" s="7">
        <f t="shared" si="589"/>
        <v>5103.125</v>
      </c>
      <c r="CYR53" s="7">
        <f t="shared" si="589"/>
        <v>5103.125</v>
      </c>
      <c r="CYS53" s="7">
        <f t="shared" si="589"/>
        <v>5103.125</v>
      </c>
      <c r="CYT53" s="7">
        <f t="shared" ref="CYT53:DBE53" si="590">CYT48+CYS53</f>
        <v>5103.125</v>
      </c>
      <c r="CYU53" s="7">
        <f t="shared" si="590"/>
        <v>5103.125</v>
      </c>
      <c r="CYV53" s="7">
        <f t="shared" si="590"/>
        <v>5103.125</v>
      </c>
      <c r="CYW53" s="7">
        <f t="shared" si="590"/>
        <v>5103.125</v>
      </c>
      <c r="CYX53" s="7">
        <f t="shared" si="590"/>
        <v>5103.125</v>
      </c>
      <c r="CYY53" s="7">
        <f t="shared" si="590"/>
        <v>5103.125</v>
      </c>
      <c r="CYZ53" s="7">
        <f t="shared" si="590"/>
        <v>5103.125</v>
      </c>
      <c r="CZA53" s="7">
        <f t="shared" si="590"/>
        <v>5103.125</v>
      </c>
      <c r="CZB53" s="7">
        <f t="shared" si="590"/>
        <v>5103.125</v>
      </c>
      <c r="CZC53" s="7">
        <f t="shared" si="590"/>
        <v>5103.125</v>
      </c>
      <c r="CZD53" s="7">
        <f t="shared" si="590"/>
        <v>5103.125</v>
      </c>
      <c r="CZE53" s="7">
        <f t="shared" si="590"/>
        <v>5103.125</v>
      </c>
      <c r="CZF53" s="7">
        <f t="shared" si="590"/>
        <v>5103.125</v>
      </c>
      <c r="CZG53" s="7">
        <f t="shared" si="590"/>
        <v>5103.125</v>
      </c>
      <c r="CZH53" s="7">
        <f t="shared" si="590"/>
        <v>5103.125</v>
      </c>
      <c r="CZI53" s="7">
        <f t="shared" si="590"/>
        <v>5103.125</v>
      </c>
      <c r="CZJ53" s="7">
        <f t="shared" si="590"/>
        <v>5103.125</v>
      </c>
      <c r="CZK53" s="7">
        <f t="shared" si="590"/>
        <v>5103.125</v>
      </c>
      <c r="CZL53" s="7">
        <f t="shared" si="590"/>
        <v>5103.125</v>
      </c>
      <c r="CZM53" s="7">
        <f t="shared" si="590"/>
        <v>5103.125</v>
      </c>
      <c r="CZN53" s="7">
        <f t="shared" si="590"/>
        <v>5103.125</v>
      </c>
      <c r="CZO53" s="7">
        <f t="shared" si="590"/>
        <v>5103.125</v>
      </c>
      <c r="CZP53" s="7">
        <f t="shared" si="590"/>
        <v>5103.125</v>
      </c>
      <c r="CZQ53" s="7">
        <f t="shared" si="590"/>
        <v>5103.125</v>
      </c>
      <c r="CZR53" s="7">
        <f t="shared" si="590"/>
        <v>5103.125</v>
      </c>
      <c r="CZS53" s="7">
        <f t="shared" si="590"/>
        <v>5103.125</v>
      </c>
      <c r="CZT53" s="7">
        <f t="shared" si="590"/>
        <v>5103.125</v>
      </c>
      <c r="CZU53" s="7">
        <f t="shared" si="590"/>
        <v>5103.125</v>
      </c>
      <c r="CZV53" s="7">
        <f t="shared" si="590"/>
        <v>5103.125</v>
      </c>
      <c r="CZW53" s="7">
        <f t="shared" si="590"/>
        <v>5103.125</v>
      </c>
      <c r="CZX53" s="7">
        <f t="shared" si="590"/>
        <v>5103.125</v>
      </c>
      <c r="CZY53" s="7">
        <f t="shared" si="590"/>
        <v>5103.125</v>
      </c>
      <c r="CZZ53" s="7">
        <f t="shared" si="590"/>
        <v>5103.125</v>
      </c>
      <c r="DAA53" s="7">
        <f t="shared" si="590"/>
        <v>5103.125</v>
      </c>
      <c r="DAB53" s="7">
        <f t="shared" si="590"/>
        <v>5103.125</v>
      </c>
      <c r="DAC53" s="7">
        <f t="shared" si="590"/>
        <v>5103.125</v>
      </c>
      <c r="DAD53" s="7">
        <f t="shared" si="590"/>
        <v>5103.125</v>
      </c>
      <c r="DAE53" s="7">
        <f t="shared" si="590"/>
        <v>5103.125</v>
      </c>
      <c r="DAF53" s="7">
        <f t="shared" si="590"/>
        <v>5103.125</v>
      </c>
      <c r="DAG53" s="7">
        <f t="shared" si="590"/>
        <v>5103.125</v>
      </c>
      <c r="DAH53" s="7">
        <f t="shared" si="590"/>
        <v>5103.125</v>
      </c>
      <c r="DAI53" s="7">
        <f t="shared" si="590"/>
        <v>5103.125</v>
      </c>
      <c r="DAJ53" s="7">
        <f t="shared" si="590"/>
        <v>5103.125</v>
      </c>
      <c r="DAK53" s="7">
        <f t="shared" si="590"/>
        <v>5103.125</v>
      </c>
      <c r="DAL53" s="7">
        <f t="shared" si="590"/>
        <v>5103.125</v>
      </c>
      <c r="DAM53" s="7">
        <f t="shared" si="590"/>
        <v>5103.125</v>
      </c>
      <c r="DAN53" s="7">
        <f t="shared" si="590"/>
        <v>5103.125</v>
      </c>
      <c r="DAO53" s="7">
        <f t="shared" si="590"/>
        <v>5103.125</v>
      </c>
      <c r="DAP53" s="7">
        <f t="shared" si="590"/>
        <v>5103.125</v>
      </c>
      <c r="DAQ53" s="7">
        <f t="shared" si="590"/>
        <v>5103.125</v>
      </c>
      <c r="DAR53" s="7">
        <f t="shared" si="590"/>
        <v>5103.125</v>
      </c>
      <c r="DAS53" s="7">
        <f t="shared" si="590"/>
        <v>5103.125</v>
      </c>
      <c r="DAT53" s="7">
        <f t="shared" si="590"/>
        <v>5103.125</v>
      </c>
      <c r="DAU53" s="7">
        <f t="shared" si="590"/>
        <v>5103.125</v>
      </c>
      <c r="DAV53" s="7">
        <f t="shared" si="590"/>
        <v>5103.125</v>
      </c>
      <c r="DAW53" s="7">
        <f t="shared" si="590"/>
        <v>5103.125</v>
      </c>
      <c r="DAX53" s="7">
        <f t="shared" si="590"/>
        <v>5103.125</v>
      </c>
      <c r="DAY53" s="7">
        <f t="shared" si="590"/>
        <v>5103.125</v>
      </c>
      <c r="DAZ53" s="7">
        <f t="shared" si="590"/>
        <v>5103.125</v>
      </c>
      <c r="DBA53" s="7">
        <f t="shared" si="590"/>
        <v>5103.125</v>
      </c>
      <c r="DBB53" s="7">
        <f t="shared" si="590"/>
        <v>5103.125</v>
      </c>
      <c r="DBC53" s="7">
        <f t="shared" si="590"/>
        <v>5103.125</v>
      </c>
      <c r="DBD53" s="7">
        <f t="shared" si="590"/>
        <v>5103.125</v>
      </c>
      <c r="DBE53" s="7">
        <f t="shared" si="590"/>
        <v>5103.125</v>
      </c>
      <c r="DBF53" s="7">
        <f t="shared" ref="DBF53:DDQ53" si="591">DBF48+DBE53</f>
        <v>5103.125</v>
      </c>
      <c r="DBG53" s="7">
        <f t="shared" si="591"/>
        <v>5103.125</v>
      </c>
      <c r="DBH53" s="7">
        <f t="shared" si="591"/>
        <v>5103.125</v>
      </c>
      <c r="DBI53" s="7">
        <f t="shared" si="591"/>
        <v>5103.125</v>
      </c>
      <c r="DBJ53" s="7">
        <f t="shared" si="591"/>
        <v>5103.125</v>
      </c>
      <c r="DBK53" s="7">
        <f t="shared" si="591"/>
        <v>5103.125</v>
      </c>
      <c r="DBL53" s="7">
        <f t="shared" si="591"/>
        <v>5103.125</v>
      </c>
      <c r="DBM53" s="7">
        <f t="shared" si="591"/>
        <v>5103.125</v>
      </c>
      <c r="DBN53" s="7">
        <f t="shared" si="591"/>
        <v>5103.125</v>
      </c>
      <c r="DBO53" s="7">
        <f t="shared" si="591"/>
        <v>5103.125</v>
      </c>
      <c r="DBP53" s="7">
        <f t="shared" si="591"/>
        <v>5103.125</v>
      </c>
      <c r="DBQ53" s="7">
        <f t="shared" si="591"/>
        <v>5103.125</v>
      </c>
      <c r="DBR53" s="7">
        <f t="shared" si="591"/>
        <v>5103.125</v>
      </c>
      <c r="DBS53" s="7">
        <f t="shared" si="591"/>
        <v>5103.125</v>
      </c>
      <c r="DBT53" s="7">
        <f t="shared" si="591"/>
        <v>5103.125</v>
      </c>
      <c r="DBU53" s="7">
        <f t="shared" si="591"/>
        <v>5103.125</v>
      </c>
      <c r="DBV53" s="7">
        <f t="shared" si="591"/>
        <v>5103.125</v>
      </c>
      <c r="DBW53" s="7">
        <f t="shared" si="591"/>
        <v>5103.125</v>
      </c>
      <c r="DBX53" s="7">
        <f t="shared" si="591"/>
        <v>5103.125</v>
      </c>
      <c r="DBY53" s="7">
        <f t="shared" si="591"/>
        <v>5103.125</v>
      </c>
      <c r="DBZ53" s="7">
        <f t="shared" si="591"/>
        <v>5103.125</v>
      </c>
      <c r="DCA53" s="7">
        <f t="shared" si="591"/>
        <v>5103.125</v>
      </c>
      <c r="DCB53" s="7">
        <f t="shared" si="591"/>
        <v>5103.125</v>
      </c>
      <c r="DCC53" s="7">
        <f t="shared" si="591"/>
        <v>5103.125</v>
      </c>
      <c r="DCD53" s="7">
        <f t="shared" si="591"/>
        <v>5103.125</v>
      </c>
      <c r="DCE53" s="7">
        <f t="shared" si="591"/>
        <v>5103.125</v>
      </c>
      <c r="DCF53" s="7">
        <f t="shared" si="591"/>
        <v>5103.125</v>
      </c>
      <c r="DCG53" s="7">
        <f t="shared" si="591"/>
        <v>5103.125</v>
      </c>
      <c r="DCH53" s="7">
        <f t="shared" si="591"/>
        <v>5103.125</v>
      </c>
      <c r="DCI53" s="7">
        <f t="shared" si="591"/>
        <v>5103.125</v>
      </c>
      <c r="DCJ53" s="7">
        <f t="shared" si="591"/>
        <v>5103.125</v>
      </c>
      <c r="DCK53" s="7">
        <f t="shared" si="591"/>
        <v>5103.125</v>
      </c>
      <c r="DCL53" s="7">
        <f t="shared" si="591"/>
        <v>5103.125</v>
      </c>
      <c r="DCM53" s="7">
        <f t="shared" si="591"/>
        <v>5103.125</v>
      </c>
      <c r="DCN53" s="7">
        <f t="shared" si="591"/>
        <v>5103.125</v>
      </c>
      <c r="DCO53" s="7">
        <f t="shared" si="591"/>
        <v>5103.125</v>
      </c>
      <c r="DCP53" s="7">
        <f t="shared" si="591"/>
        <v>5103.125</v>
      </c>
      <c r="DCQ53" s="7">
        <f t="shared" si="591"/>
        <v>5103.125</v>
      </c>
      <c r="DCR53" s="7">
        <f t="shared" si="591"/>
        <v>5103.125</v>
      </c>
      <c r="DCS53" s="7">
        <f t="shared" si="591"/>
        <v>5103.125</v>
      </c>
      <c r="DCT53" s="7">
        <f t="shared" si="591"/>
        <v>5103.125</v>
      </c>
      <c r="DCU53" s="7">
        <f t="shared" si="591"/>
        <v>5103.125</v>
      </c>
      <c r="DCV53" s="7">
        <f t="shared" si="591"/>
        <v>5103.125</v>
      </c>
      <c r="DCW53" s="7">
        <f t="shared" si="591"/>
        <v>5103.125</v>
      </c>
      <c r="DCX53" s="7">
        <f t="shared" si="591"/>
        <v>5103.125</v>
      </c>
      <c r="DCY53" s="7">
        <f t="shared" si="591"/>
        <v>5103.125</v>
      </c>
      <c r="DCZ53" s="7">
        <f t="shared" si="591"/>
        <v>5103.125</v>
      </c>
      <c r="DDA53" s="7">
        <f t="shared" si="591"/>
        <v>5103.125</v>
      </c>
      <c r="DDB53" s="7">
        <f t="shared" si="591"/>
        <v>5103.125</v>
      </c>
      <c r="DDC53" s="7">
        <f t="shared" si="591"/>
        <v>5103.125</v>
      </c>
      <c r="DDD53" s="7">
        <f t="shared" si="591"/>
        <v>5103.125</v>
      </c>
      <c r="DDE53" s="7">
        <f t="shared" si="591"/>
        <v>5103.125</v>
      </c>
      <c r="DDF53" s="7">
        <f t="shared" si="591"/>
        <v>5103.125</v>
      </c>
      <c r="DDG53" s="7">
        <f t="shared" si="591"/>
        <v>5103.125</v>
      </c>
      <c r="DDH53" s="7">
        <f t="shared" si="591"/>
        <v>5103.125</v>
      </c>
      <c r="DDI53" s="7">
        <f t="shared" si="591"/>
        <v>5103.125</v>
      </c>
      <c r="DDJ53" s="7">
        <f t="shared" si="591"/>
        <v>5103.125</v>
      </c>
      <c r="DDK53" s="7">
        <f t="shared" si="591"/>
        <v>5103.125</v>
      </c>
      <c r="DDL53" s="7">
        <f t="shared" si="591"/>
        <v>5103.125</v>
      </c>
      <c r="DDM53" s="7">
        <f t="shared" si="591"/>
        <v>5103.125</v>
      </c>
      <c r="DDN53" s="7">
        <f t="shared" si="591"/>
        <v>5103.125</v>
      </c>
      <c r="DDO53" s="7">
        <f t="shared" si="591"/>
        <v>5103.125</v>
      </c>
      <c r="DDP53" s="7">
        <f t="shared" si="591"/>
        <v>5103.125</v>
      </c>
      <c r="DDQ53" s="7">
        <f t="shared" si="591"/>
        <v>5103.125</v>
      </c>
      <c r="DDR53" s="7">
        <f t="shared" ref="DDR53:DGC53" si="592">DDR48+DDQ53</f>
        <v>5103.125</v>
      </c>
      <c r="DDS53" s="7">
        <f t="shared" si="592"/>
        <v>5103.125</v>
      </c>
      <c r="DDT53" s="7">
        <f t="shared" si="592"/>
        <v>5103.125</v>
      </c>
      <c r="DDU53" s="7">
        <f t="shared" si="592"/>
        <v>5103.125</v>
      </c>
      <c r="DDV53" s="7">
        <f t="shared" si="592"/>
        <v>5103.125</v>
      </c>
      <c r="DDW53" s="7">
        <f t="shared" si="592"/>
        <v>5103.125</v>
      </c>
      <c r="DDX53" s="7">
        <f t="shared" si="592"/>
        <v>5103.125</v>
      </c>
      <c r="DDY53" s="7">
        <f t="shared" si="592"/>
        <v>5103.125</v>
      </c>
      <c r="DDZ53" s="7">
        <f t="shared" si="592"/>
        <v>5103.125</v>
      </c>
      <c r="DEA53" s="7">
        <f t="shared" si="592"/>
        <v>5103.125</v>
      </c>
      <c r="DEB53" s="7">
        <f t="shared" si="592"/>
        <v>5103.125</v>
      </c>
      <c r="DEC53" s="7">
        <f t="shared" si="592"/>
        <v>5103.125</v>
      </c>
      <c r="DED53" s="7">
        <f t="shared" si="592"/>
        <v>5103.125</v>
      </c>
      <c r="DEE53" s="7">
        <f t="shared" si="592"/>
        <v>5103.125</v>
      </c>
      <c r="DEF53" s="7">
        <f t="shared" si="592"/>
        <v>5103.125</v>
      </c>
      <c r="DEG53" s="7">
        <f t="shared" si="592"/>
        <v>5103.125</v>
      </c>
      <c r="DEH53" s="7">
        <f t="shared" si="592"/>
        <v>5103.125</v>
      </c>
      <c r="DEI53" s="7">
        <f t="shared" si="592"/>
        <v>5103.125</v>
      </c>
      <c r="DEJ53" s="7">
        <f t="shared" si="592"/>
        <v>5103.125</v>
      </c>
      <c r="DEK53" s="7">
        <f t="shared" si="592"/>
        <v>5103.125</v>
      </c>
      <c r="DEL53" s="7">
        <f t="shared" si="592"/>
        <v>5103.125</v>
      </c>
      <c r="DEM53" s="7">
        <f t="shared" si="592"/>
        <v>5103.125</v>
      </c>
      <c r="DEN53" s="7">
        <f t="shared" si="592"/>
        <v>5103.125</v>
      </c>
      <c r="DEO53" s="7">
        <f t="shared" si="592"/>
        <v>5103.125</v>
      </c>
      <c r="DEP53" s="7">
        <f t="shared" si="592"/>
        <v>5103.125</v>
      </c>
      <c r="DEQ53" s="7">
        <f t="shared" si="592"/>
        <v>5103.125</v>
      </c>
      <c r="DER53" s="7">
        <f t="shared" si="592"/>
        <v>5103.125</v>
      </c>
      <c r="DES53" s="7">
        <f t="shared" si="592"/>
        <v>5103.125</v>
      </c>
      <c r="DET53" s="7">
        <f t="shared" si="592"/>
        <v>5103.125</v>
      </c>
      <c r="DEU53" s="7">
        <f t="shared" si="592"/>
        <v>5103.125</v>
      </c>
      <c r="DEV53" s="7">
        <f t="shared" si="592"/>
        <v>5103.125</v>
      </c>
      <c r="DEW53" s="7">
        <f t="shared" si="592"/>
        <v>5103.125</v>
      </c>
      <c r="DEX53" s="7">
        <f t="shared" si="592"/>
        <v>5103.125</v>
      </c>
      <c r="DEY53" s="7">
        <f t="shared" si="592"/>
        <v>5103.125</v>
      </c>
      <c r="DEZ53" s="7">
        <f t="shared" si="592"/>
        <v>5103.125</v>
      </c>
      <c r="DFA53" s="7">
        <f t="shared" si="592"/>
        <v>5103.125</v>
      </c>
      <c r="DFB53" s="7">
        <f t="shared" si="592"/>
        <v>5103.125</v>
      </c>
      <c r="DFC53" s="7">
        <f t="shared" si="592"/>
        <v>5103.125</v>
      </c>
      <c r="DFD53" s="7">
        <f t="shared" si="592"/>
        <v>5103.125</v>
      </c>
      <c r="DFE53" s="7">
        <f t="shared" si="592"/>
        <v>5103.125</v>
      </c>
      <c r="DFF53" s="7">
        <f t="shared" si="592"/>
        <v>5103.125</v>
      </c>
      <c r="DFG53" s="7">
        <f t="shared" si="592"/>
        <v>5103.125</v>
      </c>
      <c r="DFH53" s="7">
        <f t="shared" si="592"/>
        <v>5103.125</v>
      </c>
      <c r="DFI53" s="7">
        <f t="shared" si="592"/>
        <v>5103.125</v>
      </c>
      <c r="DFJ53" s="7">
        <f t="shared" si="592"/>
        <v>5103.125</v>
      </c>
      <c r="DFK53" s="7">
        <f t="shared" si="592"/>
        <v>5103.125</v>
      </c>
      <c r="DFL53" s="7">
        <f t="shared" si="592"/>
        <v>5103.125</v>
      </c>
      <c r="DFM53" s="7">
        <f t="shared" si="592"/>
        <v>5103.125</v>
      </c>
      <c r="DFN53" s="7">
        <f t="shared" si="592"/>
        <v>5103.125</v>
      </c>
      <c r="DFO53" s="7">
        <f t="shared" si="592"/>
        <v>5103.125</v>
      </c>
      <c r="DFP53" s="7">
        <f t="shared" si="592"/>
        <v>5103.125</v>
      </c>
      <c r="DFQ53" s="7">
        <f t="shared" si="592"/>
        <v>5103.125</v>
      </c>
      <c r="DFR53" s="7">
        <f t="shared" si="592"/>
        <v>5103.125</v>
      </c>
      <c r="DFS53" s="7">
        <f t="shared" si="592"/>
        <v>5103.125</v>
      </c>
      <c r="DFT53" s="7">
        <f t="shared" si="592"/>
        <v>5103.125</v>
      </c>
      <c r="DFU53" s="7">
        <f t="shared" si="592"/>
        <v>5103.125</v>
      </c>
      <c r="DFV53" s="7">
        <f t="shared" si="592"/>
        <v>5103.125</v>
      </c>
      <c r="DFW53" s="7">
        <f t="shared" si="592"/>
        <v>5103.125</v>
      </c>
      <c r="DFX53" s="7">
        <f t="shared" si="592"/>
        <v>5103.125</v>
      </c>
      <c r="DFY53" s="7">
        <f t="shared" si="592"/>
        <v>5103.125</v>
      </c>
      <c r="DFZ53" s="7">
        <f t="shared" si="592"/>
        <v>5103.125</v>
      </c>
      <c r="DGA53" s="7">
        <f t="shared" si="592"/>
        <v>5103.125</v>
      </c>
      <c r="DGB53" s="7">
        <f t="shared" si="592"/>
        <v>5103.125</v>
      </c>
      <c r="DGC53" s="7">
        <f t="shared" si="592"/>
        <v>5103.125</v>
      </c>
      <c r="DGD53" s="7">
        <f t="shared" ref="DGD53:DIO53" si="593">DGD48+DGC53</f>
        <v>5103.125</v>
      </c>
      <c r="DGE53" s="7">
        <f t="shared" si="593"/>
        <v>5103.125</v>
      </c>
      <c r="DGF53" s="7">
        <f t="shared" si="593"/>
        <v>5103.125</v>
      </c>
      <c r="DGG53" s="7">
        <f t="shared" si="593"/>
        <v>5103.125</v>
      </c>
      <c r="DGH53" s="7">
        <f t="shared" si="593"/>
        <v>5103.125</v>
      </c>
      <c r="DGI53" s="7">
        <f t="shared" si="593"/>
        <v>5103.125</v>
      </c>
      <c r="DGJ53" s="7">
        <f t="shared" si="593"/>
        <v>5103.125</v>
      </c>
      <c r="DGK53" s="7">
        <f t="shared" si="593"/>
        <v>5103.125</v>
      </c>
      <c r="DGL53" s="7">
        <f t="shared" si="593"/>
        <v>5103.125</v>
      </c>
      <c r="DGM53" s="7">
        <f t="shared" si="593"/>
        <v>5103.125</v>
      </c>
      <c r="DGN53" s="7">
        <f t="shared" si="593"/>
        <v>5103.125</v>
      </c>
      <c r="DGO53" s="7">
        <f t="shared" si="593"/>
        <v>5103.125</v>
      </c>
      <c r="DGP53" s="7">
        <f t="shared" si="593"/>
        <v>5103.125</v>
      </c>
      <c r="DGQ53" s="7">
        <f t="shared" si="593"/>
        <v>5103.125</v>
      </c>
      <c r="DGR53" s="7">
        <f t="shared" si="593"/>
        <v>5103.125</v>
      </c>
      <c r="DGS53" s="7">
        <f t="shared" si="593"/>
        <v>5103.125</v>
      </c>
      <c r="DGT53" s="7">
        <f t="shared" si="593"/>
        <v>5103.125</v>
      </c>
      <c r="DGU53" s="7">
        <f t="shared" si="593"/>
        <v>5103.125</v>
      </c>
      <c r="DGV53" s="7">
        <f t="shared" si="593"/>
        <v>5103.125</v>
      </c>
      <c r="DGW53" s="7">
        <f t="shared" si="593"/>
        <v>5103.125</v>
      </c>
      <c r="DGX53" s="7">
        <f t="shared" si="593"/>
        <v>5103.125</v>
      </c>
      <c r="DGY53" s="7">
        <f t="shared" si="593"/>
        <v>5103.125</v>
      </c>
      <c r="DGZ53" s="7">
        <f t="shared" si="593"/>
        <v>5103.125</v>
      </c>
      <c r="DHA53" s="7">
        <f t="shared" si="593"/>
        <v>5103.125</v>
      </c>
      <c r="DHB53" s="7">
        <f t="shared" si="593"/>
        <v>5103.125</v>
      </c>
      <c r="DHC53" s="7">
        <f t="shared" si="593"/>
        <v>5103.125</v>
      </c>
      <c r="DHD53" s="7">
        <f t="shared" si="593"/>
        <v>5103.125</v>
      </c>
      <c r="DHE53" s="7">
        <f t="shared" si="593"/>
        <v>5103.125</v>
      </c>
      <c r="DHF53" s="7">
        <f t="shared" si="593"/>
        <v>5103.125</v>
      </c>
      <c r="DHG53" s="7">
        <f t="shared" si="593"/>
        <v>5103.125</v>
      </c>
      <c r="DHH53" s="7">
        <f t="shared" si="593"/>
        <v>5103.125</v>
      </c>
      <c r="DHI53" s="7">
        <f t="shared" si="593"/>
        <v>5103.125</v>
      </c>
      <c r="DHJ53" s="7">
        <f t="shared" si="593"/>
        <v>5103.125</v>
      </c>
      <c r="DHK53" s="7">
        <f t="shared" si="593"/>
        <v>5103.125</v>
      </c>
      <c r="DHL53" s="7">
        <f t="shared" si="593"/>
        <v>5103.125</v>
      </c>
      <c r="DHM53" s="7">
        <f t="shared" si="593"/>
        <v>5103.125</v>
      </c>
      <c r="DHN53" s="7">
        <f t="shared" si="593"/>
        <v>5103.125</v>
      </c>
      <c r="DHO53" s="7">
        <f t="shared" si="593"/>
        <v>5103.125</v>
      </c>
      <c r="DHP53" s="7">
        <f t="shared" si="593"/>
        <v>5103.125</v>
      </c>
      <c r="DHQ53" s="7">
        <f t="shared" si="593"/>
        <v>5103.125</v>
      </c>
      <c r="DHR53" s="7">
        <f t="shared" si="593"/>
        <v>5103.125</v>
      </c>
      <c r="DHS53" s="7">
        <f t="shared" si="593"/>
        <v>5103.125</v>
      </c>
      <c r="DHT53" s="7">
        <f t="shared" si="593"/>
        <v>5103.125</v>
      </c>
      <c r="DHU53" s="7">
        <f t="shared" si="593"/>
        <v>5103.125</v>
      </c>
      <c r="DHV53" s="7">
        <f t="shared" si="593"/>
        <v>5103.125</v>
      </c>
      <c r="DHW53" s="7">
        <f t="shared" si="593"/>
        <v>5103.125</v>
      </c>
      <c r="DHX53" s="7">
        <f t="shared" si="593"/>
        <v>5103.125</v>
      </c>
      <c r="DHY53" s="7">
        <f t="shared" si="593"/>
        <v>5103.125</v>
      </c>
      <c r="DHZ53" s="7">
        <f t="shared" si="593"/>
        <v>5103.125</v>
      </c>
      <c r="DIA53" s="7">
        <f t="shared" si="593"/>
        <v>5103.125</v>
      </c>
      <c r="DIB53" s="7">
        <f t="shared" si="593"/>
        <v>5103.125</v>
      </c>
      <c r="DIC53" s="7">
        <f t="shared" si="593"/>
        <v>5103.125</v>
      </c>
      <c r="DID53" s="7">
        <f t="shared" si="593"/>
        <v>5103.125</v>
      </c>
      <c r="DIE53" s="7">
        <f t="shared" si="593"/>
        <v>5103.125</v>
      </c>
      <c r="DIF53" s="7">
        <f t="shared" si="593"/>
        <v>5103.125</v>
      </c>
      <c r="DIG53" s="7">
        <f t="shared" si="593"/>
        <v>5103.125</v>
      </c>
      <c r="DIH53" s="7">
        <f t="shared" si="593"/>
        <v>5103.125</v>
      </c>
      <c r="DII53" s="7">
        <f t="shared" si="593"/>
        <v>5103.125</v>
      </c>
      <c r="DIJ53" s="7">
        <f t="shared" si="593"/>
        <v>5103.125</v>
      </c>
      <c r="DIK53" s="7">
        <f t="shared" si="593"/>
        <v>5103.125</v>
      </c>
      <c r="DIL53" s="7">
        <f t="shared" si="593"/>
        <v>5103.125</v>
      </c>
      <c r="DIM53" s="7">
        <f t="shared" si="593"/>
        <v>5103.125</v>
      </c>
      <c r="DIN53" s="7">
        <f t="shared" si="593"/>
        <v>5103.125</v>
      </c>
      <c r="DIO53" s="7">
        <f t="shared" si="593"/>
        <v>5103.125</v>
      </c>
      <c r="DIP53" s="7">
        <f t="shared" ref="DIP53:DLA53" si="594">DIP48+DIO53</f>
        <v>5103.125</v>
      </c>
      <c r="DIQ53" s="7">
        <f t="shared" si="594"/>
        <v>5103.125</v>
      </c>
      <c r="DIR53" s="7">
        <f t="shared" si="594"/>
        <v>5103.125</v>
      </c>
      <c r="DIS53" s="7">
        <f t="shared" si="594"/>
        <v>5103.125</v>
      </c>
      <c r="DIT53" s="7">
        <f t="shared" si="594"/>
        <v>5103.125</v>
      </c>
      <c r="DIU53" s="7">
        <f t="shared" si="594"/>
        <v>5103.125</v>
      </c>
      <c r="DIV53" s="7">
        <f t="shared" si="594"/>
        <v>5103.125</v>
      </c>
      <c r="DIW53" s="7">
        <f t="shared" si="594"/>
        <v>5103.125</v>
      </c>
      <c r="DIX53" s="7">
        <f t="shared" si="594"/>
        <v>5103.125</v>
      </c>
      <c r="DIY53" s="7">
        <f t="shared" si="594"/>
        <v>5103.125</v>
      </c>
      <c r="DIZ53" s="7">
        <f t="shared" si="594"/>
        <v>5103.125</v>
      </c>
      <c r="DJA53" s="7">
        <f t="shared" si="594"/>
        <v>5103.125</v>
      </c>
      <c r="DJB53" s="7">
        <f t="shared" si="594"/>
        <v>5103.125</v>
      </c>
      <c r="DJC53" s="7">
        <f t="shared" si="594"/>
        <v>5103.125</v>
      </c>
      <c r="DJD53" s="7">
        <f t="shared" si="594"/>
        <v>5103.125</v>
      </c>
      <c r="DJE53" s="7">
        <f t="shared" si="594"/>
        <v>5103.125</v>
      </c>
      <c r="DJF53" s="7">
        <f t="shared" si="594"/>
        <v>5103.125</v>
      </c>
      <c r="DJG53" s="7">
        <f t="shared" si="594"/>
        <v>5103.125</v>
      </c>
      <c r="DJH53" s="7">
        <f t="shared" si="594"/>
        <v>5103.125</v>
      </c>
      <c r="DJI53" s="7">
        <f t="shared" si="594"/>
        <v>5103.125</v>
      </c>
      <c r="DJJ53" s="7">
        <f t="shared" si="594"/>
        <v>5103.125</v>
      </c>
      <c r="DJK53" s="7">
        <f t="shared" si="594"/>
        <v>5103.125</v>
      </c>
      <c r="DJL53" s="7">
        <f t="shared" si="594"/>
        <v>5103.125</v>
      </c>
      <c r="DJM53" s="7">
        <f t="shared" si="594"/>
        <v>5103.125</v>
      </c>
      <c r="DJN53" s="7">
        <f t="shared" si="594"/>
        <v>5103.125</v>
      </c>
      <c r="DJO53" s="7">
        <f t="shared" si="594"/>
        <v>5103.125</v>
      </c>
      <c r="DJP53" s="7">
        <f t="shared" si="594"/>
        <v>5103.125</v>
      </c>
      <c r="DJQ53" s="7">
        <f t="shared" si="594"/>
        <v>5103.125</v>
      </c>
      <c r="DJR53" s="7">
        <f t="shared" si="594"/>
        <v>5103.125</v>
      </c>
      <c r="DJS53" s="7">
        <f t="shared" si="594"/>
        <v>5103.125</v>
      </c>
      <c r="DJT53" s="7">
        <f t="shared" si="594"/>
        <v>5103.125</v>
      </c>
      <c r="DJU53" s="7">
        <f t="shared" si="594"/>
        <v>5103.125</v>
      </c>
      <c r="DJV53" s="7">
        <f t="shared" si="594"/>
        <v>5103.125</v>
      </c>
      <c r="DJW53" s="7">
        <f t="shared" si="594"/>
        <v>5103.125</v>
      </c>
      <c r="DJX53" s="7">
        <f t="shared" si="594"/>
        <v>5103.125</v>
      </c>
      <c r="DJY53" s="7">
        <f t="shared" si="594"/>
        <v>5103.125</v>
      </c>
      <c r="DJZ53" s="7">
        <f t="shared" si="594"/>
        <v>5103.125</v>
      </c>
      <c r="DKA53" s="7">
        <f t="shared" si="594"/>
        <v>5103.125</v>
      </c>
      <c r="DKB53" s="7">
        <f t="shared" si="594"/>
        <v>5103.125</v>
      </c>
      <c r="DKC53" s="7">
        <f t="shared" si="594"/>
        <v>5103.125</v>
      </c>
      <c r="DKD53" s="7">
        <f t="shared" si="594"/>
        <v>5103.125</v>
      </c>
      <c r="DKE53" s="7">
        <f t="shared" si="594"/>
        <v>5103.125</v>
      </c>
      <c r="DKF53" s="7">
        <f t="shared" si="594"/>
        <v>5103.125</v>
      </c>
      <c r="DKG53" s="7">
        <f t="shared" si="594"/>
        <v>5103.125</v>
      </c>
      <c r="DKH53" s="7">
        <f t="shared" si="594"/>
        <v>5103.125</v>
      </c>
      <c r="DKI53" s="7">
        <f t="shared" si="594"/>
        <v>5103.125</v>
      </c>
      <c r="DKJ53" s="7">
        <f t="shared" si="594"/>
        <v>5103.125</v>
      </c>
      <c r="DKK53" s="7">
        <f t="shared" si="594"/>
        <v>5103.125</v>
      </c>
      <c r="DKL53" s="7">
        <f t="shared" si="594"/>
        <v>5103.125</v>
      </c>
      <c r="DKM53" s="7">
        <f t="shared" si="594"/>
        <v>5103.125</v>
      </c>
      <c r="DKN53" s="7">
        <f t="shared" si="594"/>
        <v>5103.125</v>
      </c>
      <c r="DKO53" s="7">
        <f t="shared" si="594"/>
        <v>5103.125</v>
      </c>
      <c r="DKP53" s="7">
        <f t="shared" si="594"/>
        <v>5103.125</v>
      </c>
      <c r="DKQ53" s="7">
        <f t="shared" si="594"/>
        <v>5103.125</v>
      </c>
      <c r="DKR53" s="7">
        <f t="shared" si="594"/>
        <v>5103.125</v>
      </c>
      <c r="DKS53" s="7">
        <f t="shared" si="594"/>
        <v>5103.125</v>
      </c>
      <c r="DKT53" s="7">
        <f t="shared" si="594"/>
        <v>5103.125</v>
      </c>
      <c r="DKU53" s="7">
        <f t="shared" si="594"/>
        <v>5103.125</v>
      </c>
      <c r="DKV53" s="7">
        <f t="shared" si="594"/>
        <v>5103.125</v>
      </c>
      <c r="DKW53" s="7">
        <f t="shared" si="594"/>
        <v>5103.125</v>
      </c>
      <c r="DKX53" s="7">
        <f t="shared" si="594"/>
        <v>5103.125</v>
      </c>
      <c r="DKY53" s="7">
        <f t="shared" si="594"/>
        <v>5103.125</v>
      </c>
      <c r="DKZ53" s="7">
        <f t="shared" si="594"/>
        <v>5103.125</v>
      </c>
      <c r="DLA53" s="7">
        <f t="shared" si="594"/>
        <v>5103.125</v>
      </c>
      <c r="DLB53" s="7">
        <f t="shared" ref="DLB53:DNM53" si="595">DLB48+DLA53</f>
        <v>5103.125</v>
      </c>
      <c r="DLC53" s="7">
        <f t="shared" si="595"/>
        <v>5103.125</v>
      </c>
      <c r="DLD53" s="7">
        <f t="shared" si="595"/>
        <v>5103.125</v>
      </c>
      <c r="DLE53" s="7">
        <f t="shared" si="595"/>
        <v>5103.125</v>
      </c>
      <c r="DLF53" s="7">
        <f t="shared" si="595"/>
        <v>5103.125</v>
      </c>
      <c r="DLG53" s="7">
        <f t="shared" si="595"/>
        <v>5103.125</v>
      </c>
      <c r="DLH53" s="7">
        <f t="shared" si="595"/>
        <v>5103.125</v>
      </c>
      <c r="DLI53" s="7">
        <f t="shared" si="595"/>
        <v>5103.125</v>
      </c>
      <c r="DLJ53" s="7">
        <f t="shared" si="595"/>
        <v>5103.125</v>
      </c>
      <c r="DLK53" s="7">
        <f t="shared" si="595"/>
        <v>5103.125</v>
      </c>
      <c r="DLL53" s="7">
        <f t="shared" si="595"/>
        <v>5103.125</v>
      </c>
      <c r="DLM53" s="7">
        <f t="shared" si="595"/>
        <v>5103.125</v>
      </c>
      <c r="DLN53" s="7">
        <f t="shared" si="595"/>
        <v>5103.125</v>
      </c>
      <c r="DLO53" s="7">
        <f t="shared" si="595"/>
        <v>5103.125</v>
      </c>
      <c r="DLP53" s="7">
        <f t="shared" si="595"/>
        <v>5103.125</v>
      </c>
      <c r="DLQ53" s="7">
        <f t="shared" si="595"/>
        <v>5103.125</v>
      </c>
      <c r="DLR53" s="7">
        <f t="shared" si="595"/>
        <v>5103.125</v>
      </c>
      <c r="DLS53" s="7">
        <f t="shared" si="595"/>
        <v>5103.125</v>
      </c>
      <c r="DLT53" s="7">
        <f t="shared" si="595"/>
        <v>5103.125</v>
      </c>
      <c r="DLU53" s="7">
        <f t="shared" si="595"/>
        <v>5103.125</v>
      </c>
      <c r="DLV53" s="7">
        <f t="shared" si="595"/>
        <v>5103.125</v>
      </c>
      <c r="DLW53" s="7">
        <f t="shared" si="595"/>
        <v>5103.125</v>
      </c>
      <c r="DLX53" s="7">
        <f t="shared" si="595"/>
        <v>5103.125</v>
      </c>
      <c r="DLY53" s="7">
        <f t="shared" si="595"/>
        <v>5103.125</v>
      </c>
      <c r="DLZ53" s="7">
        <f t="shared" si="595"/>
        <v>5103.125</v>
      </c>
      <c r="DMA53" s="7">
        <f t="shared" si="595"/>
        <v>5103.125</v>
      </c>
      <c r="DMB53" s="7">
        <f t="shared" si="595"/>
        <v>5103.125</v>
      </c>
      <c r="DMC53" s="7">
        <f t="shared" si="595"/>
        <v>5103.125</v>
      </c>
      <c r="DMD53" s="7">
        <f t="shared" si="595"/>
        <v>5103.125</v>
      </c>
      <c r="DME53" s="7">
        <f t="shared" si="595"/>
        <v>5103.125</v>
      </c>
      <c r="DMF53" s="7">
        <f t="shared" si="595"/>
        <v>5103.125</v>
      </c>
      <c r="DMG53" s="7">
        <f t="shared" si="595"/>
        <v>5103.125</v>
      </c>
      <c r="DMH53" s="7">
        <f t="shared" si="595"/>
        <v>5103.125</v>
      </c>
      <c r="DMI53" s="7">
        <f t="shared" si="595"/>
        <v>5103.125</v>
      </c>
      <c r="DMJ53" s="7">
        <f t="shared" si="595"/>
        <v>5103.125</v>
      </c>
      <c r="DMK53" s="7">
        <f t="shared" si="595"/>
        <v>5103.125</v>
      </c>
      <c r="DML53" s="7">
        <f t="shared" si="595"/>
        <v>5103.125</v>
      </c>
      <c r="DMM53" s="7">
        <f t="shared" si="595"/>
        <v>5103.125</v>
      </c>
      <c r="DMN53" s="7">
        <f t="shared" si="595"/>
        <v>5103.125</v>
      </c>
      <c r="DMO53" s="7">
        <f t="shared" si="595"/>
        <v>5103.125</v>
      </c>
      <c r="DMP53" s="7">
        <f t="shared" si="595"/>
        <v>5103.125</v>
      </c>
      <c r="DMQ53" s="7">
        <f t="shared" si="595"/>
        <v>5103.125</v>
      </c>
      <c r="DMR53" s="7">
        <f t="shared" si="595"/>
        <v>5103.125</v>
      </c>
      <c r="DMS53" s="7">
        <f t="shared" si="595"/>
        <v>5103.125</v>
      </c>
      <c r="DMT53" s="7">
        <f t="shared" si="595"/>
        <v>5103.125</v>
      </c>
      <c r="DMU53" s="7">
        <f t="shared" si="595"/>
        <v>5103.125</v>
      </c>
      <c r="DMV53" s="7">
        <f t="shared" si="595"/>
        <v>5103.125</v>
      </c>
      <c r="DMW53" s="7">
        <f t="shared" si="595"/>
        <v>5103.125</v>
      </c>
      <c r="DMX53" s="7">
        <f t="shared" si="595"/>
        <v>5103.125</v>
      </c>
      <c r="DMY53" s="7">
        <f t="shared" si="595"/>
        <v>5103.125</v>
      </c>
      <c r="DMZ53" s="7">
        <f t="shared" si="595"/>
        <v>5103.125</v>
      </c>
      <c r="DNA53" s="7">
        <f t="shared" si="595"/>
        <v>5103.125</v>
      </c>
      <c r="DNB53" s="7">
        <f t="shared" si="595"/>
        <v>5103.125</v>
      </c>
      <c r="DNC53" s="7">
        <f t="shared" si="595"/>
        <v>5103.125</v>
      </c>
      <c r="DND53" s="7">
        <f t="shared" si="595"/>
        <v>5103.125</v>
      </c>
      <c r="DNE53" s="7">
        <f t="shared" si="595"/>
        <v>5103.125</v>
      </c>
      <c r="DNF53" s="7">
        <f t="shared" si="595"/>
        <v>5103.125</v>
      </c>
      <c r="DNG53" s="7">
        <f t="shared" si="595"/>
        <v>5103.125</v>
      </c>
      <c r="DNH53" s="7">
        <f t="shared" si="595"/>
        <v>5103.125</v>
      </c>
      <c r="DNI53" s="7">
        <f t="shared" si="595"/>
        <v>5103.125</v>
      </c>
      <c r="DNJ53" s="7">
        <f t="shared" si="595"/>
        <v>5103.125</v>
      </c>
      <c r="DNK53" s="7">
        <f t="shared" si="595"/>
        <v>5103.125</v>
      </c>
      <c r="DNL53" s="7">
        <f t="shared" si="595"/>
        <v>5103.125</v>
      </c>
      <c r="DNM53" s="7">
        <f t="shared" si="595"/>
        <v>5103.125</v>
      </c>
      <c r="DNN53" s="7">
        <f t="shared" ref="DNN53:DPY53" si="596">DNN48+DNM53</f>
        <v>5103.125</v>
      </c>
      <c r="DNO53" s="7">
        <f t="shared" si="596"/>
        <v>5103.125</v>
      </c>
      <c r="DNP53" s="7">
        <f t="shared" si="596"/>
        <v>5103.125</v>
      </c>
      <c r="DNQ53" s="7">
        <f t="shared" si="596"/>
        <v>5103.125</v>
      </c>
      <c r="DNR53" s="7">
        <f t="shared" si="596"/>
        <v>5103.125</v>
      </c>
      <c r="DNS53" s="7">
        <f t="shared" si="596"/>
        <v>5103.125</v>
      </c>
      <c r="DNT53" s="7">
        <f t="shared" si="596"/>
        <v>5103.125</v>
      </c>
      <c r="DNU53" s="7">
        <f t="shared" si="596"/>
        <v>5103.125</v>
      </c>
      <c r="DNV53" s="7">
        <f t="shared" si="596"/>
        <v>5103.125</v>
      </c>
      <c r="DNW53" s="7">
        <f t="shared" si="596"/>
        <v>5103.125</v>
      </c>
      <c r="DNX53" s="7">
        <f t="shared" si="596"/>
        <v>5103.125</v>
      </c>
      <c r="DNY53" s="7">
        <f t="shared" si="596"/>
        <v>5103.125</v>
      </c>
      <c r="DNZ53" s="7">
        <f t="shared" si="596"/>
        <v>5103.125</v>
      </c>
      <c r="DOA53" s="7">
        <f t="shared" si="596"/>
        <v>5103.125</v>
      </c>
      <c r="DOB53" s="7">
        <f t="shared" si="596"/>
        <v>5103.125</v>
      </c>
      <c r="DOC53" s="7">
        <f t="shared" si="596"/>
        <v>5103.125</v>
      </c>
      <c r="DOD53" s="7">
        <f t="shared" si="596"/>
        <v>5103.125</v>
      </c>
      <c r="DOE53" s="7">
        <f t="shared" si="596"/>
        <v>5103.125</v>
      </c>
      <c r="DOF53" s="7">
        <f t="shared" si="596"/>
        <v>5103.125</v>
      </c>
      <c r="DOG53" s="7">
        <f t="shared" si="596"/>
        <v>5103.125</v>
      </c>
      <c r="DOH53" s="7">
        <f t="shared" si="596"/>
        <v>5103.125</v>
      </c>
      <c r="DOI53" s="7">
        <f t="shared" si="596"/>
        <v>5103.125</v>
      </c>
      <c r="DOJ53" s="7">
        <f t="shared" si="596"/>
        <v>5103.125</v>
      </c>
      <c r="DOK53" s="7">
        <f t="shared" si="596"/>
        <v>5103.125</v>
      </c>
      <c r="DOL53" s="7">
        <f t="shared" si="596"/>
        <v>5103.125</v>
      </c>
      <c r="DOM53" s="7">
        <f t="shared" si="596"/>
        <v>5103.125</v>
      </c>
      <c r="DON53" s="7">
        <f t="shared" si="596"/>
        <v>5103.125</v>
      </c>
      <c r="DOO53" s="7">
        <f t="shared" si="596"/>
        <v>5103.125</v>
      </c>
      <c r="DOP53" s="7">
        <f t="shared" si="596"/>
        <v>5103.125</v>
      </c>
      <c r="DOQ53" s="7">
        <f t="shared" si="596"/>
        <v>5103.125</v>
      </c>
      <c r="DOR53" s="7">
        <f t="shared" si="596"/>
        <v>5103.125</v>
      </c>
      <c r="DOS53" s="7">
        <f t="shared" si="596"/>
        <v>5103.125</v>
      </c>
      <c r="DOT53" s="7">
        <f t="shared" si="596"/>
        <v>5103.125</v>
      </c>
      <c r="DOU53" s="7">
        <f t="shared" si="596"/>
        <v>5103.125</v>
      </c>
      <c r="DOV53" s="7">
        <f t="shared" si="596"/>
        <v>5103.125</v>
      </c>
      <c r="DOW53" s="7">
        <f t="shared" si="596"/>
        <v>5103.125</v>
      </c>
      <c r="DOX53" s="7">
        <f t="shared" si="596"/>
        <v>5103.125</v>
      </c>
      <c r="DOY53" s="7">
        <f t="shared" si="596"/>
        <v>5103.125</v>
      </c>
      <c r="DOZ53" s="7">
        <f t="shared" si="596"/>
        <v>5103.125</v>
      </c>
      <c r="DPA53" s="7">
        <f t="shared" si="596"/>
        <v>5103.125</v>
      </c>
      <c r="DPB53" s="7">
        <f t="shared" si="596"/>
        <v>5103.125</v>
      </c>
      <c r="DPC53" s="7">
        <f t="shared" si="596"/>
        <v>5103.125</v>
      </c>
      <c r="DPD53" s="7">
        <f t="shared" si="596"/>
        <v>5103.125</v>
      </c>
      <c r="DPE53" s="7">
        <f t="shared" si="596"/>
        <v>5103.125</v>
      </c>
      <c r="DPF53" s="7">
        <f t="shared" si="596"/>
        <v>5103.125</v>
      </c>
      <c r="DPG53" s="7">
        <f t="shared" si="596"/>
        <v>5103.125</v>
      </c>
      <c r="DPH53" s="7">
        <f t="shared" si="596"/>
        <v>5103.125</v>
      </c>
      <c r="DPI53" s="7">
        <f t="shared" si="596"/>
        <v>5103.125</v>
      </c>
      <c r="DPJ53" s="7">
        <f t="shared" si="596"/>
        <v>5103.125</v>
      </c>
      <c r="DPK53" s="7">
        <f t="shared" si="596"/>
        <v>5103.125</v>
      </c>
      <c r="DPL53" s="7">
        <f t="shared" si="596"/>
        <v>5103.125</v>
      </c>
      <c r="DPM53" s="7">
        <f t="shared" si="596"/>
        <v>5103.125</v>
      </c>
      <c r="DPN53" s="7">
        <f t="shared" si="596"/>
        <v>5103.125</v>
      </c>
      <c r="DPO53" s="7">
        <f t="shared" si="596"/>
        <v>5103.125</v>
      </c>
      <c r="DPP53" s="7">
        <f t="shared" si="596"/>
        <v>5103.125</v>
      </c>
      <c r="DPQ53" s="7">
        <f t="shared" si="596"/>
        <v>5103.125</v>
      </c>
      <c r="DPR53" s="7">
        <f t="shared" si="596"/>
        <v>5103.125</v>
      </c>
      <c r="DPS53" s="7">
        <f t="shared" si="596"/>
        <v>5103.125</v>
      </c>
      <c r="DPT53" s="7">
        <f t="shared" si="596"/>
        <v>5103.125</v>
      </c>
      <c r="DPU53" s="7">
        <f t="shared" si="596"/>
        <v>5103.125</v>
      </c>
      <c r="DPV53" s="7">
        <f t="shared" si="596"/>
        <v>5103.125</v>
      </c>
      <c r="DPW53" s="7">
        <f t="shared" si="596"/>
        <v>5103.125</v>
      </c>
      <c r="DPX53" s="7">
        <f t="shared" si="596"/>
        <v>5103.125</v>
      </c>
      <c r="DPY53" s="7">
        <f t="shared" si="596"/>
        <v>5103.125</v>
      </c>
      <c r="DPZ53" s="7">
        <f t="shared" ref="DPZ53:DSK53" si="597">DPZ48+DPY53</f>
        <v>5103.125</v>
      </c>
      <c r="DQA53" s="7">
        <f t="shared" si="597"/>
        <v>5103.125</v>
      </c>
      <c r="DQB53" s="7">
        <f t="shared" si="597"/>
        <v>5103.125</v>
      </c>
      <c r="DQC53" s="7">
        <f t="shared" si="597"/>
        <v>5103.125</v>
      </c>
      <c r="DQD53" s="7">
        <f t="shared" si="597"/>
        <v>5103.125</v>
      </c>
      <c r="DQE53" s="7">
        <f t="shared" si="597"/>
        <v>5103.125</v>
      </c>
      <c r="DQF53" s="7">
        <f t="shared" si="597"/>
        <v>5103.125</v>
      </c>
      <c r="DQG53" s="7">
        <f t="shared" si="597"/>
        <v>5103.125</v>
      </c>
      <c r="DQH53" s="7">
        <f t="shared" si="597"/>
        <v>5103.125</v>
      </c>
      <c r="DQI53" s="7">
        <f t="shared" si="597"/>
        <v>5103.125</v>
      </c>
      <c r="DQJ53" s="7">
        <f t="shared" si="597"/>
        <v>5103.125</v>
      </c>
      <c r="DQK53" s="7">
        <f t="shared" si="597"/>
        <v>5103.125</v>
      </c>
      <c r="DQL53" s="7">
        <f t="shared" si="597"/>
        <v>5103.125</v>
      </c>
      <c r="DQM53" s="7">
        <f t="shared" si="597"/>
        <v>5103.125</v>
      </c>
      <c r="DQN53" s="7">
        <f t="shared" si="597"/>
        <v>5103.125</v>
      </c>
      <c r="DQO53" s="7">
        <f t="shared" si="597"/>
        <v>5103.125</v>
      </c>
      <c r="DQP53" s="7">
        <f t="shared" si="597"/>
        <v>5103.125</v>
      </c>
      <c r="DQQ53" s="7">
        <f t="shared" si="597"/>
        <v>5103.125</v>
      </c>
      <c r="DQR53" s="7">
        <f t="shared" si="597"/>
        <v>5103.125</v>
      </c>
      <c r="DQS53" s="7">
        <f t="shared" si="597"/>
        <v>5103.125</v>
      </c>
      <c r="DQT53" s="7">
        <f t="shared" si="597"/>
        <v>5103.125</v>
      </c>
      <c r="DQU53" s="7">
        <f t="shared" si="597"/>
        <v>5103.125</v>
      </c>
      <c r="DQV53" s="7">
        <f t="shared" si="597"/>
        <v>5103.125</v>
      </c>
      <c r="DQW53" s="7">
        <f t="shared" si="597"/>
        <v>5103.125</v>
      </c>
      <c r="DQX53" s="7">
        <f t="shared" si="597"/>
        <v>5103.125</v>
      </c>
      <c r="DQY53" s="7">
        <f t="shared" si="597"/>
        <v>5103.125</v>
      </c>
      <c r="DQZ53" s="7">
        <f t="shared" si="597"/>
        <v>5103.125</v>
      </c>
      <c r="DRA53" s="7">
        <f t="shared" si="597"/>
        <v>5103.125</v>
      </c>
      <c r="DRB53" s="7">
        <f t="shared" si="597"/>
        <v>5103.125</v>
      </c>
      <c r="DRC53" s="7">
        <f t="shared" si="597"/>
        <v>5103.125</v>
      </c>
      <c r="DRD53" s="7">
        <f t="shared" si="597"/>
        <v>5103.125</v>
      </c>
      <c r="DRE53" s="7">
        <f t="shared" si="597"/>
        <v>5103.125</v>
      </c>
      <c r="DRF53" s="7">
        <f t="shared" si="597"/>
        <v>5103.125</v>
      </c>
      <c r="DRG53" s="7">
        <f t="shared" si="597"/>
        <v>5103.125</v>
      </c>
      <c r="DRH53" s="7">
        <f t="shared" si="597"/>
        <v>5103.125</v>
      </c>
      <c r="DRI53" s="7">
        <f t="shared" si="597"/>
        <v>5103.125</v>
      </c>
      <c r="DRJ53" s="7">
        <f t="shared" si="597"/>
        <v>5103.125</v>
      </c>
      <c r="DRK53" s="7">
        <f t="shared" si="597"/>
        <v>5103.125</v>
      </c>
      <c r="DRL53" s="7">
        <f t="shared" si="597"/>
        <v>5103.125</v>
      </c>
      <c r="DRM53" s="7">
        <f t="shared" si="597"/>
        <v>5103.125</v>
      </c>
      <c r="DRN53" s="7">
        <f t="shared" si="597"/>
        <v>5103.125</v>
      </c>
      <c r="DRO53" s="7">
        <f t="shared" si="597"/>
        <v>5103.125</v>
      </c>
      <c r="DRP53" s="7">
        <f t="shared" si="597"/>
        <v>5103.125</v>
      </c>
      <c r="DRQ53" s="7">
        <f t="shared" si="597"/>
        <v>5103.125</v>
      </c>
      <c r="DRR53" s="7">
        <f t="shared" si="597"/>
        <v>5103.125</v>
      </c>
      <c r="DRS53" s="7">
        <f t="shared" si="597"/>
        <v>5103.125</v>
      </c>
      <c r="DRT53" s="7">
        <f t="shared" si="597"/>
        <v>5103.125</v>
      </c>
      <c r="DRU53" s="7">
        <f t="shared" si="597"/>
        <v>5103.125</v>
      </c>
      <c r="DRV53" s="7">
        <f t="shared" si="597"/>
        <v>5103.125</v>
      </c>
      <c r="DRW53" s="7">
        <f t="shared" si="597"/>
        <v>5103.125</v>
      </c>
      <c r="DRX53" s="7">
        <f t="shared" si="597"/>
        <v>5103.125</v>
      </c>
      <c r="DRY53" s="7">
        <f t="shared" si="597"/>
        <v>5103.125</v>
      </c>
      <c r="DRZ53" s="7">
        <f t="shared" si="597"/>
        <v>5103.125</v>
      </c>
      <c r="DSA53" s="7">
        <f t="shared" si="597"/>
        <v>5103.125</v>
      </c>
      <c r="DSB53" s="7">
        <f t="shared" si="597"/>
        <v>5103.125</v>
      </c>
      <c r="DSC53" s="7">
        <f t="shared" si="597"/>
        <v>5103.125</v>
      </c>
      <c r="DSD53" s="7">
        <f t="shared" si="597"/>
        <v>5103.125</v>
      </c>
      <c r="DSE53" s="7">
        <f t="shared" si="597"/>
        <v>5103.125</v>
      </c>
      <c r="DSF53" s="7">
        <f t="shared" si="597"/>
        <v>5103.125</v>
      </c>
      <c r="DSG53" s="7">
        <f t="shared" si="597"/>
        <v>5103.125</v>
      </c>
      <c r="DSH53" s="7">
        <f t="shared" si="597"/>
        <v>5103.125</v>
      </c>
      <c r="DSI53" s="7">
        <f t="shared" si="597"/>
        <v>5103.125</v>
      </c>
      <c r="DSJ53" s="7">
        <f t="shared" si="597"/>
        <v>5103.125</v>
      </c>
      <c r="DSK53" s="7">
        <f t="shared" si="597"/>
        <v>5103.125</v>
      </c>
      <c r="DSL53" s="7">
        <f t="shared" ref="DSL53:DUW53" si="598">DSL48+DSK53</f>
        <v>5103.125</v>
      </c>
      <c r="DSM53" s="7">
        <f t="shared" si="598"/>
        <v>5103.125</v>
      </c>
      <c r="DSN53" s="7">
        <f t="shared" si="598"/>
        <v>5103.125</v>
      </c>
      <c r="DSO53" s="7">
        <f t="shared" si="598"/>
        <v>5103.125</v>
      </c>
      <c r="DSP53" s="7">
        <f t="shared" si="598"/>
        <v>5103.125</v>
      </c>
      <c r="DSQ53" s="7">
        <f t="shared" si="598"/>
        <v>5103.125</v>
      </c>
      <c r="DSR53" s="7">
        <f t="shared" si="598"/>
        <v>5103.125</v>
      </c>
      <c r="DSS53" s="7">
        <f t="shared" si="598"/>
        <v>5103.125</v>
      </c>
      <c r="DST53" s="7">
        <f t="shared" si="598"/>
        <v>5103.125</v>
      </c>
      <c r="DSU53" s="7">
        <f t="shared" si="598"/>
        <v>5103.125</v>
      </c>
      <c r="DSV53" s="7">
        <f t="shared" si="598"/>
        <v>5103.125</v>
      </c>
      <c r="DSW53" s="7">
        <f t="shared" si="598"/>
        <v>5103.125</v>
      </c>
      <c r="DSX53" s="7">
        <f t="shared" si="598"/>
        <v>5103.125</v>
      </c>
      <c r="DSY53" s="7">
        <f t="shared" si="598"/>
        <v>5103.125</v>
      </c>
      <c r="DSZ53" s="7">
        <f t="shared" si="598"/>
        <v>5103.125</v>
      </c>
      <c r="DTA53" s="7">
        <f t="shared" si="598"/>
        <v>5103.125</v>
      </c>
      <c r="DTB53" s="7">
        <f t="shared" si="598"/>
        <v>5103.125</v>
      </c>
      <c r="DTC53" s="7">
        <f t="shared" si="598"/>
        <v>5103.125</v>
      </c>
      <c r="DTD53" s="7">
        <f t="shared" si="598"/>
        <v>5103.125</v>
      </c>
      <c r="DTE53" s="7">
        <f t="shared" si="598"/>
        <v>5103.125</v>
      </c>
      <c r="DTF53" s="7">
        <f t="shared" si="598"/>
        <v>5103.125</v>
      </c>
      <c r="DTG53" s="7">
        <f t="shared" si="598"/>
        <v>5103.125</v>
      </c>
      <c r="DTH53" s="7">
        <f t="shared" si="598"/>
        <v>5103.125</v>
      </c>
      <c r="DTI53" s="7">
        <f t="shared" si="598"/>
        <v>5103.125</v>
      </c>
      <c r="DTJ53" s="7">
        <f t="shared" si="598"/>
        <v>5103.125</v>
      </c>
      <c r="DTK53" s="7">
        <f t="shared" si="598"/>
        <v>5103.125</v>
      </c>
      <c r="DTL53" s="7">
        <f t="shared" si="598"/>
        <v>5103.125</v>
      </c>
      <c r="DTM53" s="7">
        <f t="shared" si="598"/>
        <v>5103.125</v>
      </c>
      <c r="DTN53" s="7">
        <f t="shared" si="598"/>
        <v>5103.125</v>
      </c>
      <c r="DTO53" s="7">
        <f t="shared" si="598"/>
        <v>5103.125</v>
      </c>
      <c r="DTP53" s="7">
        <f t="shared" si="598"/>
        <v>5103.125</v>
      </c>
      <c r="DTQ53" s="7">
        <f t="shared" si="598"/>
        <v>5103.125</v>
      </c>
      <c r="DTR53" s="7">
        <f t="shared" si="598"/>
        <v>5103.125</v>
      </c>
      <c r="DTS53" s="7">
        <f t="shared" si="598"/>
        <v>5103.125</v>
      </c>
      <c r="DTT53" s="7">
        <f t="shared" si="598"/>
        <v>5103.125</v>
      </c>
      <c r="DTU53" s="7">
        <f t="shared" si="598"/>
        <v>5103.125</v>
      </c>
      <c r="DTV53" s="7">
        <f t="shared" si="598"/>
        <v>5103.125</v>
      </c>
      <c r="DTW53" s="7">
        <f t="shared" si="598"/>
        <v>5103.125</v>
      </c>
      <c r="DTX53" s="7">
        <f t="shared" si="598"/>
        <v>5103.125</v>
      </c>
      <c r="DTY53" s="7">
        <f t="shared" si="598"/>
        <v>5103.125</v>
      </c>
      <c r="DTZ53" s="7">
        <f t="shared" si="598"/>
        <v>5103.125</v>
      </c>
      <c r="DUA53" s="7">
        <f t="shared" si="598"/>
        <v>5103.125</v>
      </c>
      <c r="DUB53" s="7">
        <f t="shared" si="598"/>
        <v>5103.125</v>
      </c>
      <c r="DUC53" s="7">
        <f t="shared" si="598"/>
        <v>5103.125</v>
      </c>
      <c r="DUD53" s="7">
        <f t="shared" si="598"/>
        <v>5103.125</v>
      </c>
      <c r="DUE53" s="7">
        <f t="shared" si="598"/>
        <v>5103.125</v>
      </c>
      <c r="DUF53" s="7">
        <f t="shared" si="598"/>
        <v>5103.125</v>
      </c>
      <c r="DUG53" s="7">
        <f t="shared" si="598"/>
        <v>5103.125</v>
      </c>
      <c r="DUH53" s="7">
        <f t="shared" si="598"/>
        <v>5103.125</v>
      </c>
      <c r="DUI53" s="7">
        <f t="shared" si="598"/>
        <v>5103.125</v>
      </c>
      <c r="DUJ53" s="7">
        <f t="shared" si="598"/>
        <v>5103.125</v>
      </c>
      <c r="DUK53" s="7">
        <f t="shared" si="598"/>
        <v>5103.125</v>
      </c>
      <c r="DUL53" s="7">
        <f t="shared" si="598"/>
        <v>5103.125</v>
      </c>
      <c r="DUM53" s="7">
        <f t="shared" si="598"/>
        <v>5103.125</v>
      </c>
      <c r="DUN53" s="7">
        <f t="shared" si="598"/>
        <v>5103.125</v>
      </c>
      <c r="DUO53" s="7">
        <f t="shared" si="598"/>
        <v>5103.125</v>
      </c>
      <c r="DUP53" s="7">
        <f t="shared" si="598"/>
        <v>5103.125</v>
      </c>
      <c r="DUQ53" s="7">
        <f t="shared" si="598"/>
        <v>5103.125</v>
      </c>
      <c r="DUR53" s="7">
        <f t="shared" si="598"/>
        <v>5103.125</v>
      </c>
      <c r="DUS53" s="7">
        <f t="shared" si="598"/>
        <v>5103.125</v>
      </c>
      <c r="DUT53" s="7">
        <f t="shared" si="598"/>
        <v>5103.125</v>
      </c>
      <c r="DUU53" s="7">
        <f t="shared" si="598"/>
        <v>5103.125</v>
      </c>
      <c r="DUV53" s="7">
        <f t="shared" si="598"/>
        <v>5103.125</v>
      </c>
      <c r="DUW53" s="7">
        <f t="shared" si="598"/>
        <v>5103.125</v>
      </c>
      <c r="DUX53" s="7">
        <f t="shared" ref="DUX53:DXI53" si="599">DUX48+DUW53</f>
        <v>5103.125</v>
      </c>
      <c r="DUY53" s="7">
        <f t="shared" si="599"/>
        <v>5103.125</v>
      </c>
      <c r="DUZ53" s="7">
        <f t="shared" si="599"/>
        <v>5103.125</v>
      </c>
      <c r="DVA53" s="7">
        <f t="shared" si="599"/>
        <v>5103.125</v>
      </c>
      <c r="DVB53" s="7">
        <f t="shared" si="599"/>
        <v>5103.125</v>
      </c>
      <c r="DVC53" s="7">
        <f t="shared" si="599"/>
        <v>5103.125</v>
      </c>
      <c r="DVD53" s="7">
        <f t="shared" si="599"/>
        <v>5103.125</v>
      </c>
      <c r="DVE53" s="7">
        <f t="shared" si="599"/>
        <v>5103.125</v>
      </c>
      <c r="DVF53" s="7">
        <f t="shared" si="599"/>
        <v>5103.125</v>
      </c>
      <c r="DVG53" s="7">
        <f t="shared" si="599"/>
        <v>5103.125</v>
      </c>
      <c r="DVH53" s="7">
        <f t="shared" si="599"/>
        <v>5103.125</v>
      </c>
      <c r="DVI53" s="7">
        <f t="shared" si="599"/>
        <v>5103.125</v>
      </c>
      <c r="DVJ53" s="7">
        <f t="shared" si="599"/>
        <v>5103.125</v>
      </c>
      <c r="DVK53" s="7">
        <f t="shared" si="599"/>
        <v>5103.125</v>
      </c>
      <c r="DVL53" s="7">
        <f t="shared" si="599"/>
        <v>5103.125</v>
      </c>
      <c r="DVM53" s="7">
        <f t="shared" si="599"/>
        <v>5103.125</v>
      </c>
      <c r="DVN53" s="7">
        <f t="shared" si="599"/>
        <v>5103.125</v>
      </c>
      <c r="DVO53" s="7">
        <f t="shared" si="599"/>
        <v>5103.125</v>
      </c>
      <c r="DVP53" s="7">
        <f t="shared" si="599"/>
        <v>5103.125</v>
      </c>
      <c r="DVQ53" s="7">
        <f t="shared" si="599"/>
        <v>5103.125</v>
      </c>
      <c r="DVR53" s="7">
        <f t="shared" si="599"/>
        <v>5103.125</v>
      </c>
      <c r="DVS53" s="7">
        <f t="shared" si="599"/>
        <v>5103.125</v>
      </c>
      <c r="DVT53" s="7">
        <f t="shared" si="599"/>
        <v>5103.125</v>
      </c>
      <c r="DVU53" s="7">
        <f t="shared" si="599"/>
        <v>5103.125</v>
      </c>
      <c r="DVV53" s="7">
        <f t="shared" si="599"/>
        <v>5103.125</v>
      </c>
      <c r="DVW53" s="7">
        <f t="shared" si="599"/>
        <v>5103.125</v>
      </c>
      <c r="DVX53" s="7">
        <f t="shared" si="599"/>
        <v>5103.125</v>
      </c>
      <c r="DVY53" s="7">
        <f t="shared" si="599"/>
        <v>5103.125</v>
      </c>
      <c r="DVZ53" s="7">
        <f t="shared" si="599"/>
        <v>5103.125</v>
      </c>
      <c r="DWA53" s="7">
        <f t="shared" si="599"/>
        <v>5103.125</v>
      </c>
      <c r="DWB53" s="7">
        <f t="shared" si="599"/>
        <v>5103.125</v>
      </c>
      <c r="DWC53" s="7">
        <f t="shared" si="599"/>
        <v>5103.125</v>
      </c>
      <c r="DWD53" s="7">
        <f t="shared" si="599"/>
        <v>5103.125</v>
      </c>
      <c r="DWE53" s="7">
        <f t="shared" si="599"/>
        <v>5103.125</v>
      </c>
      <c r="DWF53" s="7">
        <f t="shared" si="599"/>
        <v>5103.125</v>
      </c>
      <c r="DWG53" s="7">
        <f t="shared" si="599"/>
        <v>5103.125</v>
      </c>
      <c r="DWH53" s="7">
        <f t="shared" si="599"/>
        <v>5103.125</v>
      </c>
      <c r="DWI53" s="7">
        <f t="shared" si="599"/>
        <v>5103.125</v>
      </c>
      <c r="DWJ53" s="7">
        <f t="shared" si="599"/>
        <v>5103.125</v>
      </c>
      <c r="DWK53" s="7">
        <f t="shared" si="599"/>
        <v>5103.125</v>
      </c>
      <c r="DWL53" s="7">
        <f t="shared" si="599"/>
        <v>5103.125</v>
      </c>
      <c r="DWM53" s="7">
        <f t="shared" si="599"/>
        <v>5103.125</v>
      </c>
      <c r="DWN53" s="7">
        <f t="shared" si="599"/>
        <v>5103.125</v>
      </c>
      <c r="DWO53" s="7">
        <f t="shared" si="599"/>
        <v>5103.125</v>
      </c>
      <c r="DWP53" s="7">
        <f t="shared" si="599"/>
        <v>5103.125</v>
      </c>
      <c r="DWQ53" s="7">
        <f t="shared" si="599"/>
        <v>5103.125</v>
      </c>
      <c r="DWR53" s="7">
        <f t="shared" si="599"/>
        <v>5103.125</v>
      </c>
      <c r="DWS53" s="7">
        <f t="shared" si="599"/>
        <v>5103.125</v>
      </c>
      <c r="DWT53" s="7">
        <f t="shared" si="599"/>
        <v>5103.125</v>
      </c>
      <c r="DWU53" s="7">
        <f t="shared" si="599"/>
        <v>5103.125</v>
      </c>
      <c r="DWV53" s="7">
        <f t="shared" si="599"/>
        <v>5103.125</v>
      </c>
      <c r="DWW53" s="7">
        <f t="shared" si="599"/>
        <v>5103.125</v>
      </c>
      <c r="DWX53" s="7">
        <f t="shared" si="599"/>
        <v>5103.125</v>
      </c>
      <c r="DWY53" s="7">
        <f t="shared" si="599"/>
        <v>5103.125</v>
      </c>
      <c r="DWZ53" s="7">
        <f t="shared" si="599"/>
        <v>5103.125</v>
      </c>
      <c r="DXA53" s="7">
        <f t="shared" si="599"/>
        <v>5103.125</v>
      </c>
      <c r="DXB53" s="7">
        <f t="shared" si="599"/>
        <v>5103.125</v>
      </c>
      <c r="DXC53" s="7">
        <f t="shared" si="599"/>
        <v>5103.125</v>
      </c>
      <c r="DXD53" s="7">
        <f t="shared" si="599"/>
        <v>5103.125</v>
      </c>
      <c r="DXE53" s="7">
        <f t="shared" si="599"/>
        <v>5103.125</v>
      </c>
      <c r="DXF53" s="7">
        <f t="shared" si="599"/>
        <v>5103.125</v>
      </c>
      <c r="DXG53" s="7">
        <f t="shared" si="599"/>
        <v>5103.125</v>
      </c>
      <c r="DXH53" s="7">
        <f t="shared" si="599"/>
        <v>5103.125</v>
      </c>
      <c r="DXI53" s="7">
        <f t="shared" si="599"/>
        <v>5103.125</v>
      </c>
      <c r="DXJ53" s="7">
        <f t="shared" ref="DXJ53:DZU53" si="600">DXJ48+DXI53</f>
        <v>5103.125</v>
      </c>
      <c r="DXK53" s="7">
        <f t="shared" si="600"/>
        <v>5103.125</v>
      </c>
      <c r="DXL53" s="7">
        <f t="shared" si="600"/>
        <v>5103.125</v>
      </c>
      <c r="DXM53" s="7">
        <f t="shared" si="600"/>
        <v>5103.125</v>
      </c>
      <c r="DXN53" s="7">
        <f t="shared" si="600"/>
        <v>5103.125</v>
      </c>
      <c r="DXO53" s="7">
        <f t="shared" si="600"/>
        <v>5103.125</v>
      </c>
      <c r="DXP53" s="7">
        <f t="shared" si="600"/>
        <v>5103.125</v>
      </c>
      <c r="DXQ53" s="7">
        <f t="shared" si="600"/>
        <v>5103.125</v>
      </c>
      <c r="DXR53" s="7">
        <f t="shared" si="600"/>
        <v>5103.125</v>
      </c>
      <c r="DXS53" s="7">
        <f t="shared" si="600"/>
        <v>5103.125</v>
      </c>
      <c r="DXT53" s="7">
        <f t="shared" si="600"/>
        <v>5103.125</v>
      </c>
      <c r="DXU53" s="7">
        <f t="shared" si="600"/>
        <v>5103.125</v>
      </c>
      <c r="DXV53" s="7">
        <f t="shared" si="600"/>
        <v>5103.125</v>
      </c>
      <c r="DXW53" s="7">
        <f t="shared" si="600"/>
        <v>5103.125</v>
      </c>
      <c r="DXX53" s="7">
        <f t="shared" si="600"/>
        <v>5103.125</v>
      </c>
      <c r="DXY53" s="7">
        <f t="shared" si="600"/>
        <v>5103.125</v>
      </c>
      <c r="DXZ53" s="7">
        <f t="shared" si="600"/>
        <v>5103.125</v>
      </c>
      <c r="DYA53" s="7">
        <f t="shared" si="600"/>
        <v>5103.125</v>
      </c>
      <c r="DYB53" s="7">
        <f t="shared" si="600"/>
        <v>5103.125</v>
      </c>
      <c r="DYC53" s="7">
        <f t="shared" si="600"/>
        <v>5103.125</v>
      </c>
      <c r="DYD53" s="7">
        <f t="shared" si="600"/>
        <v>5103.125</v>
      </c>
      <c r="DYE53" s="7">
        <f t="shared" si="600"/>
        <v>5103.125</v>
      </c>
      <c r="DYF53" s="7">
        <f t="shared" si="600"/>
        <v>5103.125</v>
      </c>
      <c r="DYG53" s="7">
        <f t="shared" si="600"/>
        <v>5103.125</v>
      </c>
      <c r="DYH53" s="7">
        <f t="shared" si="600"/>
        <v>5103.125</v>
      </c>
      <c r="DYI53" s="7">
        <f t="shared" si="600"/>
        <v>5103.125</v>
      </c>
      <c r="DYJ53" s="7">
        <f t="shared" si="600"/>
        <v>5103.125</v>
      </c>
      <c r="DYK53" s="7">
        <f t="shared" si="600"/>
        <v>5103.125</v>
      </c>
      <c r="DYL53" s="7">
        <f t="shared" si="600"/>
        <v>5103.125</v>
      </c>
      <c r="DYM53" s="7">
        <f t="shared" si="600"/>
        <v>5103.125</v>
      </c>
      <c r="DYN53" s="7">
        <f t="shared" si="600"/>
        <v>5103.125</v>
      </c>
      <c r="DYO53" s="7">
        <f t="shared" si="600"/>
        <v>5103.125</v>
      </c>
      <c r="DYP53" s="7">
        <f t="shared" si="600"/>
        <v>5103.125</v>
      </c>
      <c r="DYQ53" s="7">
        <f t="shared" si="600"/>
        <v>5103.125</v>
      </c>
      <c r="DYR53" s="7">
        <f t="shared" si="600"/>
        <v>5103.125</v>
      </c>
      <c r="DYS53" s="7">
        <f t="shared" si="600"/>
        <v>5103.125</v>
      </c>
      <c r="DYT53" s="7">
        <f t="shared" si="600"/>
        <v>5103.125</v>
      </c>
      <c r="DYU53" s="7">
        <f t="shared" si="600"/>
        <v>5103.125</v>
      </c>
      <c r="DYV53" s="7">
        <f t="shared" si="600"/>
        <v>5103.125</v>
      </c>
      <c r="DYW53" s="7">
        <f t="shared" si="600"/>
        <v>5103.125</v>
      </c>
      <c r="DYX53" s="7">
        <f t="shared" si="600"/>
        <v>5103.125</v>
      </c>
      <c r="DYY53" s="7">
        <f t="shared" si="600"/>
        <v>5103.125</v>
      </c>
      <c r="DYZ53" s="7">
        <f t="shared" si="600"/>
        <v>5103.125</v>
      </c>
      <c r="DZA53" s="7">
        <f t="shared" si="600"/>
        <v>5103.125</v>
      </c>
      <c r="DZB53" s="7">
        <f t="shared" si="600"/>
        <v>5103.125</v>
      </c>
      <c r="DZC53" s="7">
        <f t="shared" si="600"/>
        <v>5103.125</v>
      </c>
      <c r="DZD53" s="7">
        <f t="shared" si="600"/>
        <v>5103.125</v>
      </c>
      <c r="DZE53" s="7">
        <f t="shared" si="600"/>
        <v>5103.125</v>
      </c>
      <c r="DZF53" s="7">
        <f t="shared" si="600"/>
        <v>5103.125</v>
      </c>
      <c r="DZG53" s="7">
        <f t="shared" si="600"/>
        <v>5103.125</v>
      </c>
      <c r="DZH53" s="7">
        <f t="shared" si="600"/>
        <v>5103.125</v>
      </c>
      <c r="DZI53" s="7">
        <f t="shared" si="600"/>
        <v>5103.125</v>
      </c>
      <c r="DZJ53" s="7">
        <f t="shared" si="600"/>
        <v>5103.125</v>
      </c>
      <c r="DZK53" s="7">
        <f t="shared" si="600"/>
        <v>5103.125</v>
      </c>
      <c r="DZL53" s="7">
        <f t="shared" si="600"/>
        <v>5103.125</v>
      </c>
      <c r="DZM53" s="7">
        <f t="shared" si="600"/>
        <v>5103.125</v>
      </c>
      <c r="DZN53" s="7">
        <f t="shared" si="600"/>
        <v>5103.125</v>
      </c>
      <c r="DZO53" s="7">
        <f t="shared" si="600"/>
        <v>5103.125</v>
      </c>
      <c r="DZP53" s="7">
        <f t="shared" si="600"/>
        <v>5103.125</v>
      </c>
      <c r="DZQ53" s="7">
        <f t="shared" si="600"/>
        <v>5103.125</v>
      </c>
      <c r="DZR53" s="7">
        <f t="shared" si="600"/>
        <v>5103.125</v>
      </c>
      <c r="DZS53" s="7">
        <f t="shared" si="600"/>
        <v>5103.125</v>
      </c>
      <c r="DZT53" s="7">
        <f t="shared" si="600"/>
        <v>5103.125</v>
      </c>
      <c r="DZU53" s="7">
        <f t="shared" si="600"/>
        <v>5103.125</v>
      </c>
      <c r="DZV53" s="7">
        <f t="shared" ref="DZV53:ECG53" si="601">DZV48+DZU53</f>
        <v>5103.125</v>
      </c>
      <c r="DZW53" s="7">
        <f t="shared" si="601"/>
        <v>5103.125</v>
      </c>
      <c r="DZX53" s="7">
        <f t="shared" si="601"/>
        <v>5103.125</v>
      </c>
      <c r="DZY53" s="7">
        <f t="shared" si="601"/>
        <v>5103.125</v>
      </c>
      <c r="DZZ53" s="7">
        <f t="shared" si="601"/>
        <v>5103.125</v>
      </c>
      <c r="EAA53" s="7">
        <f t="shared" si="601"/>
        <v>5103.125</v>
      </c>
      <c r="EAB53" s="7">
        <f t="shared" si="601"/>
        <v>5103.125</v>
      </c>
      <c r="EAC53" s="7">
        <f t="shared" si="601"/>
        <v>5103.125</v>
      </c>
      <c r="EAD53" s="7">
        <f t="shared" si="601"/>
        <v>5103.125</v>
      </c>
      <c r="EAE53" s="7">
        <f t="shared" si="601"/>
        <v>5103.125</v>
      </c>
      <c r="EAF53" s="7">
        <f t="shared" si="601"/>
        <v>5103.125</v>
      </c>
      <c r="EAG53" s="7">
        <f t="shared" si="601"/>
        <v>5103.125</v>
      </c>
      <c r="EAH53" s="7">
        <f t="shared" si="601"/>
        <v>5103.125</v>
      </c>
      <c r="EAI53" s="7">
        <f t="shared" si="601"/>
        <v>5103.125</v>
      </c>
      <c r="EAJ53" s="7">
        <f t="shared" si="601"/>
        <v>5103.125</v>
      </c>
      <c r="EAK53" s="7">
        <f t="shared" si="601"/>
        <v>5103.125</v>
      </c>
      <c r="EAL53" s="7">
        <f t="shared" si="601"/>
        <v>5103.125</v>
      </c>
      <c r="EAM53" s="7">
        <f t="shared" si="601"/>
        <v>5103.125</v>
      </c>
      <c r="EAN53" s="7">
        <f t="shared" si="601"/>
        <v>5103.125</v>
      </c>
      <c r="EAO53" s="7">
        <f t="shared" si="601"/>
        <v>5103.125</v>
      </c>
      <c r="EAP53" s="7">
        <f t="shared" si="601"/>
        <v>5103.125</v>
      </c>
      <c r="EAQ53" s="7">
        <f t="shared" si="601"/>
        <v>5103.125</v>
      </c>
      <c r="EAR53" s="7">
        <f t="shared" si="601"/>
        <v>5103.125</v>
      </c>
      <c r="EAS53" s="7">
        <f t="shared" si="601"/>
        <v>5103.125</v>
      </c>
      <c r="EAT53" s="7">
        <f t="shared" si="601"/>
        <v>5103.125</v>
      </c>
      <c r="EAU53" s="7">
        <f t="shared" si="601"/>
        <v>5103.125</v>
      </c>
      <c r="EAV53" s="7">
        <f t="shared" si="601"/>
        <v>5103.125</v>
      </c>
      <c r="EAW53" s="7">
        <f t="shared" si="601"/>
        <v>5103.125</v>
      </c>
      <c r="EAX53" s="7">
        <f t="shared" si="601"/>
        <v>5103.125</v>
      </c>
      <c r="EAY53" s="7">
        <f t="shared" si="601"/>
        <v>5103.125</v>
      </c>
      <c r="EAZ53" s="7">
        <f t="shared" si="601"/>
        <v>5103.125</v>
      </c>
      <c r="EBA53" s="7">
        <f t="shared" si="601"/>
        <v>5103.125</v>
      </c>
      <c r="EBB53" s="7">
        <f t="shared" si="601"/>
        <v>5103.125</v>
      </c>
      <c r="EBC53" s="7">
        <f t="shared" si="601"/>
        <v>5103.125</v>
      </c>
      <c r="EBD53" s="7">
        <f t="shared" si="601"/>
        <v>5103.125</v>
      </c>
      <c r="EBE53" s="7">
        <f t="shared" si="601"/>
        <v>5103.125</v>
      </c>
      <c r="EBF53" s="7">
        <f t="shared" si="601"/>
        <v>5103.125</v>
      </c>
      <c r="EBG53" s="7">
        <f t="shared" si="601"/>
        <v>5103.125</v>
      </c>
      <c r="EBH53" s="7">
        <f t="shared" si="601"/>
        <v>5103.125</v>
      </c>
      <c r="EBI53" s="7">
        <f t="shared" si="601"/>
        <v>5103.125</v>
      </c>
      <c r="EBJ53" s="7">
        <f t="shared" si="601"/>
        <v>5103.125</v>
      </c>
      <c r="EBK53" s="7">
        <f t="shared" si="601"/>
        <v>5103.125</v>
      </c>
      <c r="EBL53" s="7">
        <f t="shared" si="601"/>
        <v>5103.125</v>
      </c>
      <c r="EBM53" s="7">
        <f t="shared" si="601"/>
        <v>5103.125</v>
      </c>
      <c r="EBN53" s="7">
        <f t="shared" si="601"/>
        <v>5103.125</v>
      </c>
      <c r="EBO53" s="7">
        <f t="shared" si="601"/>
        <v>5103.125</v>
      </c>
      <c r="EBP53" s="7">
        <f t="shared" si="601"/>
        <v>5103.125</v>
      </c>
      <c r="EBQ53" s="7">
        <f t="shared" si="601"/>
        <v>5103.125</v>
      </c>
      <c r="EBR53" s="7">
        <f t="shared" si="601"/>
        <v>5103.125</v>
      </c>
      <c r="EBS53" s="7">
        <f t="shared" si="601"/>
        <v>5103.125</v>
      </c>
      <c r="EBT53" s="7">
        <f t="shared" si="601"/>
        <v>5103.125</v>
      </c>
      <c r="EBU53" s="7">
        <f t="shared" si="601"/>
        <v>5103.125</v>
      </c>
      <c r="EBV53" s="7">
        <f t="shared" si="601"/>
        <v>5103.125</v>
      </c>
      <c r="EBW53" s="7">
        <f t="shared" si="601"/>
        <v>5103.125</v>
      </c>
      <c r="EBX53" s="7">
        <f t="shared" si="601"/>
        <v>5103.125</v>
      </c>
      <c r="EBY53" s="7">
        <f t="shared" si="601"/>
        <v>5103.125</v>
      </c>
      <c r="EBZ53" s="7">
        <f t="shared" si="601"/>
        <v>5103.125</v>
      </c>
      <c r="ECA53" s="7">
        <f t="shared" si="601"/>
        <v>5103.125</v>
      </c>
      <c r="ECB53" s="7">
        <f t="shared" si="601"/>
        <v>5103.125</v>
      </c>
      <c r="ECC53" s="7">
        <f t="shared" si="601"/>
        <v>5103.125</v>
      </c>
      <c r="ECD53" s="7">
        <f t="shared" si="601"/>
        <v>5103.125</v>
      </c>
      <c r="ECE53" s="7">
        <f t="shared" si="601"/>
        <v>5103.125</v>
      </c>
      <c r="ECF53" s="7">
        <f t="shared" si="601"/>
        <v>5103.125</v>
      </c>
      <c r="ECG53" s="7">
        <f t="shared" si="601"/>
        <v>5103.125</v>
      </c>
      <c r="ECH53" s="7">
        <f t="shared" ref="ECH53:EES53" si="602">ECH48+ECG53</f>
        <v>5103.125</v>
      </c>
      <c r="ECI53" s="7">
        <f t="shared" si="602"/>
        <v>5103.125</v>
      </c>
      <c r="ECJ53" s="7">
        <f t="shared" si="602"/>
        <v>5103.125</v>
      </c>
      <c r="ECK53" s="7">
        <f t="shared" si="602"/>
        <v>5103.125</v>
      </c>
      <c r="ECL53" s="7">
        <f t="shared" si="602"/>
        <v>5103.125</v>
      </c>
      <c r="ECM53" s="7">
        <f t="shared" si="602"/>
        <v>5103.125</v>
      </c>
      <c r="ECN53" s="7">
        <f t="shared" si="602"/>
        <v>5103.125</v>
      </c>
      <c r="ECO53" s="7">
        <f t="shared" si="602"/>
        <v>5103.125</v>
      </c>
      <c r="ECP53" s="7">
        <f t="shared" si="602"/>
        <v>5103.125</v>
      </c>
      <c r="ECQ53" s="7">
        <f t="shared" si="602"/>
        <v>5103.125</v>
      </c>
      <c r="ECR53" s="7">
        <f t="shared" si="602"/>
        <v>5103.125</v>
      </c>
      <c r="ECS53" s="7">
        <f t="shared" si="602"/>
        <v>5103.125</v>
      </c>
      <c r="ECT53" s="7">
        <f t="shared" si="602"/>
        <v>5103.125</v>
      </c>
      <c r="ECU53" s="7">
        <f t="shared" si="602"/>
        <v>5103.125</v>
      </c>
      <c r="ECV53" s="7">
        <f t="shared" si="602"/>
        <v>5103.125</v>
      </c>
      <c r="ECW53" s="7">
        <f t="shared" si="602"/>
        <v>5103.125</v>
      </c>
      <c r="ECX53" s="7">
        <f t="shared" si="602"/>
        <v>5103.125</v>
      </c>
      <c r="ECY53" s="7">
        <f t="shared" si="602"/>
        <v>5103.125</v>
      </c>
      <c r="ECZ53" s="7">
        <f t="shared" si="602"/>
        <v>5103.125</v>
      </c>
      <c r="EDA53" s="7">
        <f t="shared" si="602"/>
        <v>5103.125</v>
      </c>
      <c r="EDB53" s="7">
        <f t="shared" si="602"/>
        <v>5103.125</v>
      </c>
      <c r="EDC53" s="7">
        <f t="shared" si="602"/>
        <v>5103.125</v>
      </c>
      <c r="EDD53" s="7">
        <f t="shared" si="602"/>
        <v>5103.125</v>
      </c>
      <c r="EDE53" s="7">
        <f t="shared" si="602"/>
        <v>5103.125</v>
      </c>
      <c r="EDF53" s="7">
        <f t="shared" si="602"/>
        <v>5103.125</v>
      </c>
      <c r="EDG53" s="7">
        <f t="shared" si="602"/>
        <v>5103.125</v>
      </c>
      <c r="EDH53" s="7">
        <f t="shared" si="602"/>
        <v>5103.125</v>
      </c>
      <c r="EDI53" s="7">
        <f t="shared" si="602"/>
        <v>5103.125</v>
      </c>
      <c r="EDJ53" s="7">
        <f t="shared" si="602"/>
        <v>5103.125</v>
      </c>
      <c r="EDK53" s="7">
        <f t="shared" si="602"/>
        <v>5103.125</v>
      </c>
      <c r="EDL53" s="7">
        <f t="shared" si="602"/>
        <v>5103.125</v>
      </c>
      <c r="EDM53" s="7">
        <f t="shared" si="602"/>
        <v>5103.125</v>
      </c>
      <c r="EDN53" s="7">
        <f t="shared" si="602"/>
        <v>5103.125</v>
      </c>
      <c r="EDO53" s="7">
        <f t="shared" si="602"/>
        <v>5103.125</v>
      </c>
      <c r="EDP53" s="7">
        <f t="shared" si="602"/>
        <v>5103.125</v>
      </c>
      <c r="EDQ53" s="7">
        <f t="shared" si="602"/>
        <v>5103.125</v>
      </c>
      <c r="EDR53" s="7">
        <f t="shared" si="602"/>
        <v>5103.125</v>
      </c>
      <c r="EDS53" s="7">
        <f t="shared" si="602"/>
        <v>5103.125</v>
      </c>
      <c r="EDT53" s="7">
        <f t="shared" si="602"/>
        <v>5103.125</v>
      </c>
      <c r="EDU53" s="7">
        <f t="shared" si="602"/>
        <v>5103.125</v>
      </c>
      <c r="EDV53" s="7">
        <f t="shared" si="602"/>
        <v>5103.125</v>
      </c>
      <c r="EDW53" s="7">
        <f t="shared" si="602"/>
        <v>5103.125</v>
      </c>
      <c r="EDX53" s="7">
        <f t="shared" si="602"/>
        <v>5103.125</v>
      </c>
      <c r="EDY53" s="7">
        <f t="shared" si="602"/>
        <v>5103.125</v>
      </c>
      <c r="EDZ53" s="7">
        <f t="shared" si="602"/>
        <v>5103.125</v>
      </c>
      <c r="EEA53" s="7">
        <f t="shared" si="602"/>
        <v>5103.125</v>
      </c>
      <c r="EEB53" s="7">
        <f t="shared" si="602"/>
        <v>5103.125</v>
      </c>
      <c r="EEC53" s="7">
        <f t="shared" si="602"/>
        <v>5103.125</v>
      </c>
      <c r="EED53" s="7">
        <f t="shared" si="602"/>
        <v>5103.125</v>
      </c>
      <c r="EEE53" s="7">
        <f t="shared" si="602"/>
        <v>5103.125</v>
      </c>
      <c r="EEF53" s="7">
        <f t="shared" si="602"/>
        <v>5103.125</v>
      </c>
      <c r="EEG53" s="7">
        <f t="shared" si="602"/>
        <v>5103.125</v>
      </c>
      <c r="EEH53" s="7">
        <f t="shared" si="602"/>
        <v>5103.125</v>
      </c>
      <c r="EEI53" s="7">
        <f t="shared" si="602"/>
        <v>5103.125</v>
      </c>
      <c r="EEJ53" s="7">
        <f t="shared" si="602"/>
        <v>5103.125</v>
      </c>
      <c r="EEK53" s="7">
        <f t="shared" si="602"/>
        <v>5103.125</v>
      </c>
      <c r="EEL53" s="7">
        <f t="shared" si="602"/>
        <v>5103.125</v>
      </c>
      <c r="EEM53" s="7">
        <f t="shared" si="602"/>
        <v>5103.125</v>
      </c>
      <c r="EEN53" s="7">
        <f t="shared" si="602"/>
        <v>5103.125</v>
      </c>
      <c r="EEO53" s="7">
        <f t="shared" si="602"/>
        <v>5103.125</v>
      </c>
      <c r="EEP53" s="7">
        <f t="shared" si="602"/>
        <v>5103.125</v>
      </c>
      <c r="EEQ53" s="7">
        <f t="shared" si="602"/>
        <v>5103.125</v>
      </c>
      <c r="EER53" s="7">
        <f t="shared" si="602"/>
        <v>5103.125</v>
      </c>
      <c r="EES53" s="7">
        <f t="shared" si="602"/>
        <v>5103.125</v>
      </c>
      <c r="EET53" s="7">
        <f t="shared" ref="EET53:EHE53" si="603">EET48+EES53</f>
        <v>5103.125</v>
      </c>
      <c r="EEU53" s="7">
        <f t="shared" si="603"/>
        <v>5103.125</v>
      </c>
      <c r="EEV53" s="7">
        <f t="shared" si="603"/>
        <v>5103.125</v>
      </c>
      <c r="EEW53" s="7">
        <f t="shared" si="603"/>
        <v>5103.125</v>
      </c>
      <c r="EEX53" s="7">
        <f t="shared" si="603"/>
        <v>5103.125</v>
      </c>
      <c r="EEY53" s="7">
        <f t="shared" si="603"/>
        <v>5103.125</v>
      </c>
      <c r="EEZ53" s="7">
        <f t="shared" si="603"/>
        <v>5103.125</v>
      </c>
      <c r="EFA53" s="7">
        <f t="shared" si="603"/>
        <v>5103.125</v>
      </c>
      <c r="EFB53" s="7">
        <f t="shared" si="603"/>
        <v>5103.125</v>
      </c>
      <c r="EFC53" s="7">
        <f t="shared" si="603"/>
        <v>5103.125</v>
      </c>
      <c r="EFD53" s="7">
        <f t="shared" si="603"/>
        <v>5103.125</v>
      </c>
      <c r="EFE53" s="7">
        <f t="shared" si="603"/>
        <v>5103.125</v>
      </c>
      <c r="EFF53" s="7">
        <f t="shared" si="603"/>
        <v>5103.125</v>
      </c>
      <c r="EFG53" s="7">
        <f t="shared" si="603"/>
        <v>5103.125</v>
      </c>
      <c r="EFH53" s="7">
        <f t="shared" si="603"/>
        <v>5103.125</v>
      </c>
      <c r="EFI53" s="7">
        <f t="shared" si="603"/>
        <v>5103.125</v>
      </c>
      <c r="EFJ53" s="7">
        <f t="shared" si="603"/>
        <v>5103.125</v>
      </c>
      <c r="EFK53" s="7">
        <f t="shared" si="603"/>
        <v>5103.125</v>
      </c>
      <c r="EFL53" s="7">
        <f t="shared" si="603"/>
        <v>5103.125</v>
      </c>
      <c r="EFM53" s="7">
        <f t="shared" si="603"/>
        <v>5103.125</v>
      </c>
      <c r="EFN53" s="7">
        <f t="shared" si="603"/>
        <v>5103.125</v>
      </c>
      <c r="EFO53" s="7">
        <f t="shared" si="603"/>
        <v>5103.125</v>
      </c>
      <c r="EFP53" s="7">
        <f t="shared" si="603"/>
        <v>5103.125</v>
      </c>
      <c r="EFQ53" s="7">
        <f t="shared" si="603"/>
        <v>5103.125</v>
      </c>
      <c r="EFR53" s="7">
        <f t="shared" si="603"/>
        <v>5103.125</v>
      </c>
      <c r="EFS53" s="7">
        <f t="shared" si="603"/>
        <v>5103.125</v>
      </c>
      <c r="EFT53" s="7">
        <f t="shared" si="603"/>
        <v>5103.125</v>
      </c>
      <c r="EFU53" s="7">
        <f t="shared" si="603"/>
        <v>5103.125</v>
      </c>
      <c r="EFV53" s="7">
        <f t="shared" si="603"/>
        <v>5103.125</v>
      </c>
      <c r="EFW53" s="7">
        <f t="shared" si="603"/>
        <v>5103.125</v>
      </c>
      <c r="EFX53" s="7">
        <f t="shared" si="603"/>
        <v>5103.125</v>
      </c>
      <c r="EFY53" s="7">
        <f t="shared" si="603"/>
        <v>5103.125</v>
      </c>
      <c r="EFZ53" s="7">
        <f t="shared" si="603"/>
        <v>5103.125</v>
      </c>
      <c r="EGA53" s="7">
        <f t="shared" si="603"/>
        <v>5103.125</v>
      </c>
      <c r="EGB53" s="7">
        <f t="shared" si="603"/>
        <v>5103.125</v>
      </c>
      <c r="EGC53" s="7">
        <f t="shared" si="603"/>
        <v>5103.125</v>
      </c>
      <c r="EGD53" s="7">
        <f t="shared" si="603"/>
        <v>5103.125</v>
      </c>
      <c r="EGE53" s="7">
        <f t="shared" si="603"/>
        <v>5103.125</v>
      </c>
      <c r="EGF53" s="7">
        <f t="shared" si="603"/>
        <v>5103.125</v>
      </c>
      <c r="EGG53" s="7">
        <f t="shared" si="603"/>
        <v>5103.125</v>
      </c>
      <c r="EGH53" s="7">
        <f t="shared" si="603"/>
        <v>5103.125</v>
      </c>
      <c r="EGI53" s="7">
        <f t="shared" si="603"/>
        <v>5103.125</v>
      </c>
      <c r="EGJ53" s="7">
        <f t="shared" si="603"/>
        <v>5103.125</v>
      </c>
      <c r="EGK53" s="7">
        <f t="shared" si="603"/>
        <v>5103.125</v>
      </c>
      <c r="EGL53" s="7">
        <f t="shared" si="603"/>
        <v>5103.125</v>
      </c>
      <c r="EGM53" s="7">
        <f t="shared" si="603"/>
        <v>5103.125</v>
      </c>
      <c r="EGN53" s="7">
        <f t="shared" si="603"/>
        <v>5103.125</v>
      </c>
      <c r="EGO53" s="7">
        <f t="shared" si="603"/>
        <v>5103.125</v>
      </c>
      <c r="EGP53" s="7">
        <f t="shared" si="603"/>
        <v>5103.125</v>
      </c>
      <c r="EGQ53" s="7">
        <f t="shared" si="603"/>
        <v>5103.125</v>
      </c>
      <c r="EGR53" s="7">
        <f t="shared" si="603"/>
        <v>5103.125</v>
      </c>
      <c r="EGS53" s="7">
        <f t="shared" si="603"/>
        <v>5103.125</v>
      </c>
      <c r="EGT53" s="7">
        <f t="shared" si="603"/>
        <v>5103.125</v>
      </c>
      <c r="EGU53" s="7">
        <f t="shared" si="603"/>
        <v>5103.125</v>
      </c>
      <c r="EGV53" s="7">
        <f t="shared" si="603"/>
        <v>5103.125</v>
      </c>
      <c r="EGW53" s="7">
        <f t="shared" si="603"/>
        <v>5103.125</v>
      </c>
      <c r="EGX53" s="7">
        <f t="shared" si="603"/>
        <v>5103.125</v>
      </c>
      <c r="EGY53" s="7">
        <f t="shared" si="603"/>
        <v>5103.125</v>
      </c>
      <c r="EGZ53" s="7">
        <f t="shared" si="603"/>
        <v>5103.125</v>
      </c>
      <c r="EHA53" s="7">
        <f t="shared" si="603"/>
        <v>5103.125</v>
      </c>
      <c r="EHB53" s="7">
        <f t="shared" si="603"/>
        <v>5103.125</v>
      </c>
      <c r="EHC53" s="7">
        <f t="shared" si="603"/>
        <v>5103.125</v>
      </c>
      <c r="EHD53" s="7">
        <f t="shared" si="603"/>
        <v>5103.125</v>
      </c>
      <c r="EHE53" s="7">
        <f t="shared" si="603"/>
        <v>5103.125</v>
      </c>
      <c r="EHF53" s="7">
        <f t="shared" ref="EHF53:EJQ53" si="604">EHF48+EHE53</f>
        <v>5103.125</v>
      </c>
      <c r="EHG53" s="7">
        <f t="shared" si="604"/>
        <v>5103.125</v>
      </c>
      <c r="EHH53" s="7">
        <f t="shared" si="604"/>
        <v>5103.125</v>
      </c>
      <c r="EHI53" s="7">
        <f t="shared" si="604"/>
        <v>5103.125</v>
      </c>
      <c r="EHJ53" s="7">
        <f t="shared" si="604"/>
        <v>5103.125</v>
      </c>
      <c r="EHK53" s="7">
        <f t="shared" si="604"/>
        <v>5103.125</v>
      </c>
      <c r="EHL53" s="7">
        <f t="shared" si="604"/>
        <v>5103.125</v>
      </c>
      <c r="EHM53" s="7">
        <f t="shared" si="604"/>
        <v>5103.125</v>
      </c>
      <c r="EHN53" s="7">
        <f t="shared" si="604"/>
        <v>5103.125</v>
      </c>
      <c r="EHO53" s="7">
        <f t="shared" si="604"/>
        <v>5103.125</v>
      </c>
      <c r="EHP53" s="7">
        <f t="shared" si="604"/>
        <v>5103.125</v>
      </c>
      <c r="EHQ53" s="7">
        <f t="shared" si="604"/>
        <v>5103.125</v>
      </c>
      <c r="EHR53" s="7">
        <f t="shared" si="604"/>
        <v>5103.125</v>
      </c>
      <c r="EHS53" s="7">
        <f t="shared" si="604"/>
        <v>5103.125</v>
      </c>
      <c r="EHT53" s="7">
        <f t="shared" si="604"/>
        <v>5103.125</v>
      </c>
      <c r="EHU53" s="7">
        <f t="shared" si="604"/>
        <v>5103.125</v>
      </c>
      <c r="EHV53" s="7">
        <f t="shared" si="604"/>
        <v>5103.125</v>
      </c>
      <c r="EHW53" s="7">
        <f t="shared" si="604"/>
        <v>5103.125</v>
      </c>
      <c r="EHX53" s="7">
        <f t="shared" si="604"/>
        <v>5103.125</v>
      </c>
      <c r="EHY53" s="7">
        <f t="shared" si="604"/>
        <v>5103.125</v>
      </c>
      <c r="EHZ53" s="7">
        <f t="shared" si="604"/>
        <v>5103.125</v>
      </c>
      <c r="EIA53" s="7">
        <f t="shared" si="604"/>
        <v>5103.125</v>
      </c>
      <c r="EIB53" s="7">
        <f t="shared" si="604"/>
        <v>5103.125</v>
      </c>
      <c r="EIC53" s="7">
        <f t="shared" si="604"/>
        <v>5103.125</v>
      </c>
      <c r="EID53" s="7">
        <f t="shared" si="604"/>
        <v>5103.125</v>
      </c>
      <c r="EIE53" s="7">
        <f t="shared" si="604"/>
        <v>5103.125</v>
      </c>
      <c r="EIF53" s="7">
        <f t="shared" si="604"/>
        <v>5103.125</v>
      </c>
      <c r="EIG53" s="7">
        <f t="shared" si="604"/>
        <v>5103.125</v>
      </c>
      <c r="EIH53" s="7">
        <f t="shared" si="604"/>
        <v>5103.125</v>
      </c>
      <c r="EII53" s="7">
        <f t="shared" si="604"/>
        <v>5103.125</v>
      </c>
      <c r="EIJ53" s="7">
        <f t="shared" si="604"/>
        <v>5103.125</v>
      </c>
      <c r="EIK53" s="7">
        <f t="shared" si="604"/>
        <v>5103.125</v>
      </c>
      <c r="EIL53" s="7">
        <f t="shared" si="604"/>
        <v>5103.125</v>
      </c>
      <c r="EIM53" s="7">
        <f t="shared" si="604"/>
        <v>5103.125</v>
      </c>
      <c r="EIN53" s="7">
        <f t="shared" si="604"/>
        <v>5103.125</v>
      </c>
      <c r="EIO53" s="7">
        <f t="shared" si="604"/>
        <v>5103.125</v>
      </c>
      <c r="EIP53" s="7">
        <f t="shared" si="604"/>
        <v>5103.125</v>
      </c>
      <c r="EIQ53" s="7">
        <f t="shared" si="604"/>
        <v>5103.125</v>
      </c>
      <c r="EIR53" s="7">
        <f t="shared" si="604"/>
        <v>5103.125</v>
      </c>
      <c r="EIS53" s="7">
        <f t="shared" si="604"/>
        <v>5103.125</v>
      </c>
      <c r="EIT53" s="7">
        <f t="shared" si="604"/>
        <v>5103.125</v>
      </c>
      <c r="EIU53" s="7">
        <f t="shared" si="604"/>
        <v>5103.125</v>
      </c>
      <c r="EIV53" s="7">
        <f t="shared" si="604"/>
        <v>5103.125</v>
      </c>
      <c r="EIW53" s="7">
        <f t="shared" si="604"/>
        <v>5103.125</v>
      </c>
      <c r="EIX53" s="7">
        <f t="shared" si="604"/>
        <v>5103.125</v>
      </c>
      <c r="EIY53" s="7">
        <f t="shared" si="604"/>
        <v>5103.125</v>
      </c>
      <c r="EIZ53" s="7">
        <f t="shared" si="604"/>
        <v>5103.125</v>
      </c>
      <c r="EJA53" s="7">
        <f t="shared" si="604"/>
        <v>5103.125</v>
      </c>
      <c r="EJB53" s="7">
        <f t="shared" si="604"/>
        <v>5103.125</v>
      </c>
      <c r="EJC53" s="7">
        <f t="shared" si="604"/>
        <v>5103.125</v>
      </c>
      <c r="EJD53" s="7">
        <f t="shared" si="604"/>
        <v>5103.125</v>
      </c>
      <c r="EJE53" s="7">
        <f t="shared" si="604"/>
        <v>5103.125</v>
      </c>
      <c r="EJF53" s="7">
        <f t="shared" si="604"/>
        <v>5103.125</v>
      </c>
      <c r="EJG53" s="7">
        <f t="shared" si="604"/>
        <v>5103.125</v>
      </c>
      <c r="EJH53" s="7">
        <f t="shared" si="604"/>
        <v>5103.125</v>
      </c>
      <c r="EJI53" s="7">
        <f t="shared" si="604"/>
        <v>5103.125</v>
      </c>
      <c r="EJJ53" s="7">
        <f t="shared" si="604"/>
        <v>5103.125</v>
      </c>
      <c r="EJK53" s="7">
        <f t="shared" si="604"/>
        <v>5103.125</v>
      </c>
      <c r="EJL53" s="7">
        <f t="shared" si="604"/>
        <v>5103.125</v>
      </c>
      <c r="EJM53" s="7">
        <f t="shared" si="604"/>
        <v>5103.125</v>
      </c>
      <c r="EJN53" s="7">
        <f t="shared" si="604"/>
        <v>5103.125</v>
      </c>
      <c r="EJO53" s="7">
        <f t="shared" si="604"/>
        <v>5103.125</v>
      </c>
      <c r="EJP53" s="7">
        <f t="shared" si="604"/>
        <v>5103.125</v>
      </c>
      <c r="EJQ53" s="7">
        <f t="shared" si="604"/>
        <v>5103.125</v>
      </c>
      <c r="EJR53" s="7">
        <f t="shared" ref="EJR53:EMC53" si="605">EJR48+EJQ53</f>
        <v>5103.125</v>
      </c>
      <c r="EJS53" s="7">
        <f t="shared" si="605"/>
        <v>5103.125</v>
      </c>
      <c r="EJT53" s="7">
        <f t="shared" si="605"/>
        <v>5103.125</v>
      </c>
      <c r="EJU53" s="7">
        <f t="shared" si="605"/>
        <v>5103.125</v>
      </c>
      <c r="EJV53" s="7">
        <f t="shared" si="605"/>
        <v>5103.125</v>
      </c>
      <c r="EJW53" s="7">
        <f t="shared" si="605"/>
        <v>5103.125</v>
      </c>
      <c r="EJX53" s="7">
        <f t="shared" si="605"/>
        <v>5103.125</v>
      </c>
      <c r="EJY53" s="7">
        <f t="shared" si="605"/>
        <v>5103.125</v>
      </c>
      <c r="EJZ53" s="7">
        <f t="shared" si="605"/>
        <v>5103.125</v>
      </c>
      <c r="EKA53" s="7">
        <f t="shared" si="605"/>
        <v>5103.125</v>
      </c>
      <c r="EKB53" s="7">
        <f t="shared" si="605"/>
        <v>5103.125</v>
      </c>
      <c r="EKC53" s="7">
        <f t="shared" si="605"/>
        <v>5103.125</v>
      </c>
      <c r="EKD53" s="7">
        <f t="shared" si="605"/>
        <v>5103.125</v>
      </c>
      <c r="EKE53" s="7">
        <f t="shared" si="605"/>
        <v>5103.125</v>
      </c>
      <c r="EKF53" s="7">
        <f t="shared" si="605"/>
        <v>5103.125</v>
      </c>
      <c r="EKG53" s="7">
        <f t="shared" si="605"/>
        <v>5103.125</v>
      </c>
      <c r="EKH53" s="7">
        <f t="shared" si="605"/>
        <v>5103.125</v>
      </c>
      <c r="EKI53" s="7">
        <f t="shared" si="605"/>
        <v>5103.125</v>
      </c>
      <c r="EKJ53" s="7">
        <f t="shared" si="605"/>
        <v>5103.125</v>
      </c>
      <c r="EKK53" s="7">
        <f t="shared" si="605"/>
        <v>5103.125</v>
      </c>
      <c r="EKL53" s="7">
        <f t="shared" si="605"/>
        <v>5103.125</v>
      </c>
      <c r="EKM53" s="7">
        <f t="shared" si="605"/>
        <v>5103.125</v>
      </c>
      <c r="EKN53" s="7">
        <f t="shared" si="605"/>
        <v>5103.125</v>
      </c>
      <c r="EKO53" s="7">
        <f t="shared" si="605"/>
        <v>5103.125</v>
      </c>
      <c r="EKP53" s="7">
        <f t="shared" si="605"/>
        <v>5103.125</v>
      </c>
      <c r="EKQ53" s="7">
        <f t="shared" si="605"/>
        <v>5103.125</v>
      </c>
      <c r="EKR53" s="7">
        <f t="shared" si="605"/>
        <v>5103.125</v>
      </c>
      <c r="EKS53" s="7">
        <f t="shared" si="605"/>
        <v>5103.125</v>
      </c>
      <c r="EKT53" s="7">
        <f t="shared" si="605"/>
        <v>5103.125</v>
      </c>
      <c r="EKU53" s="7">
        <f t="shared" si="605"/>
        <v>5103.125</v>
      </c>
      <c r="EKV53" s="7">
        <f t="shared" si="605"/>
        <v>5103.125</v>
      </c>
      <c r="EKW53" s="7">
        <f t="shared" si="605"/>
        <v>5103.125</v>
      </c>
      <c r="EKX53" s="7">
        <f t="shared" si="605"/>
        <v>5103.125</v>
      </c>
      <c r="EKY53" s="7">
        <f t="shared" si="605"/>
        <v>5103.125</v>
      </c>
      <c r="EKZ53" s="7">
        <f t="shared" si="605"/>
        <v>5103.125</v>
      </c>
      <c r="ELA53" s="7">
        <f t="shared" si="605"/>
        <v>5103.125</v>
      </c>
      <c r="ELB53" s="7">
        <f t="shared" si="605"/>
        <v>5103.125</v>
      </c>
      <c r="ELC53" s="7">
        <f t="shared" si="605"/>
        <v>5103.125</v>
      </c>
      <c r="ELD53" s="7">
        <f t="shared" si="605"/>
        <v>5103.125</v>
      </c>
      <c r="ELE53" s="7">
        <f t="shared" si="605"/>
        <v>5103.125</v>
      </c>
      <c r="ELF53" s="7">
        <f t="shared" si="605"/>
        <v>5103.125</v>
      </c>
      <c r="ELG53" s="7">
        <f t="shared" si="605"/>
        <v>5103.125</v>
      </c>
      <c r="ELH53" s="7">
        <f t="shared" si="605"/>
        <v>5103.125</v>
      </c>
      <c r="ELI53" s="7">
        <f t="shared" si="605"/>
        <v>5103.125</v>
      </c>
      <c r="ELJ53" s="7">
        <f t="shared" si="605"/>
        <v>5103.125</v>
      </c>
      <c r="ELK53" s="7">
        <f t="shared" si="605"/>
        <v>5103.125</v>
      </c>
      <c r="ELL53" s="7">
        <f t="shared" si="605"/>
        <v>5103.125</v>
      </c>
      <c r="ELM53" s="7">
        <f t="shared" si="605"/>
        <v>5103.125</v>
      </c>
      <c r="ELN53" s="7">
        <f t="shared" si="605"/>
        <v>5103.125</v>
      </c>
      <c r="ELO53" s="7">
        <f t="shared" si="605"/>
        <v>5103.125</v>
      </c>
      <c r="ELP53" s="7">
        <f t="shared" si="605"/>
        <v>5103.125</v>
      </c>
      <c r="ELQ53" s="7">
        <f t="shared" si="605"/>
        <v>5103.125</v>
      </c>
      <c r="ELR53" s="7">
        <f t="shared" si="605"/>
        <v>5103.125</v>
      </c>
      <c r="ELS53" s="7">
        <f t="shared" si="605"/>
        <v>5103.125</v>
      </c>
      <c r="ELT53" s="7">
        <f t="shared" si="605"/>
        <v>5103.125</v>
      </c>
      <c r="ELU53" s="7">
        <f t="shared" si="605"/>
        <v>5103.125</v>
      </c>
      <c r="ELV53" s="7">
        <f t="shared" si="605"/>
        <v>5103.125</v>
      </c>
      <c r="ELW53" s="7">
        <f t="shared" si="605"/>
        <v>5103.125</v>
      </c>
      <c r="ELX53" s="7">
        <f t="shared" si="605"/>
        <v>5103.125</v>
      </c>
      <c r="ELY53" s="7">
        <f t="shared" si="605"/>
        <v>5103.125</v>
      </c>
      <c r="ELZ53" s="7">
        <f t="shared" si="605"/>
        <v>5103.125</v>
      </c>
      <c r="EMA53" s="7">
        <f t="shared" si="605"/>
        <v>5103.125</v>
      </c>
      <c r="EMB53" s="7">
        <f t="shared" si="605"/>
        <v>5103.125</v>
      </c>
      <c r="EMC53" s="7">
        <f t="shared" si="605"/>
        <v>5103.125</v>
      </c>
      <c r="EMD53" s="7">
        <f t="shared" ref="EMD53:EOO53" si="606">EMD48+EMC53</f>
        <v>5103.125</v>
      </c>
      <c r="EME53" s="7">
        <f t="shared" si="606"/>
        <v>5103.125</v>
      </c>
      <c r="EMF53" s="7">
        <f t="shared" si="606"/>
        <v>5103.125</v>
      </c>
      <c r="EMG53" s="7">
        <f t="shared" si="606"/>
        <v>5103.125</v>
      </c>
      <c r="EMH53" s="7">
        <f t="shared" si="606"/>
        <v>5103.125</v>
      </c>
      <c r="EMI53" s="7">
        <f t="shared" si="606"/>
        <v>5103.125</v>
      </c>
      <c r="EMJ53" s="7">
        <f t="shared" si="606"/>
        <v>5103.125</v>
      </c>
      <c r="EMK53" s="7">
        <f t="shared" si="606"/>
        <v>5103.125</v>
      </c>
      <c r="EML53" s="7">
        <f t="shared" si="606"/>
        <v>5103.125</v>
      </c>
      <c r="EMM53" s="7">
        <f t="shared" si="606"/>
        <v>5103.125</v>
      </c>
      <c r="EMN53" s="7">
        <f t="shared" si="606"/>
        <v>5103.125</v>
      </c>
      <c r="EMO53" s="7">
        <f t="shared" si="606"/>
        <v>5103.125</v>
      </c>
      <c r="EMP53" s="7">
        <f t="shared" si="606"/>
        <v>5103.125</v>
      </c>
      <c r="EMQ53" s="7">
        <f t="shared" si="606"/>
        <v>5103.125</v>
      </c>
      <c r="EMR53" s="7">
        <f t="shared" si="606"/>
        <v>5103.125</v>
      </c>
      <c r="EMS53" s="7">
        <f t="shared" si="606"/>
        <v>5103.125</v>
      </c>
      <c r="EMT53" s="7">
        <f t="shared" si="606"/>
        <v>5103.125</v>
      </c>
      <c r="EMU53" s="7">
        <f t="shared" si="606"/>
        <v>5103.125</v>
      </c>
      <c r="EMV53" s="7">
        <f t="shared" si="606"/>
        <v>5103.125</v>
      </c>
      <c r="EMW53" s="7">
        <f t="shared" si="606"/>
        <v>5103.125</v>
      </c>
      <c r="EMX53" s="7">
        <f t="shared" si="606"/>
        <v>5103.125</v>
      </c>
      <c r="EMY53" s="7">
        <f t="shared" si="606"/>
        <v>5103.125</v>
      </c>
      <c r="EMZ53" s="7">
        <f t="shared" si="606"/>
        <v>5103.125</v>
      </c>
      <c r="ENA53" s="7">
        <f t="shared" si="606"/>
        <v>5103.125</v>
      </c>
      <c r="ENB53" s="7">
        <f t="shared" si="606"/>
        <v>5103.125</v>
      </c>
      <c r="ENC53" s="7">
        <f t="shared" si="606"/>
        <v>5103.125</v>
      </c>
      <c r="END53" s="7">
        <f t="shared" si="606"/>
        <v>5103.125</v>
      </c>
      <c r="ENE53" s="7">
        <f t="shared" si="606"/>
        <v>5103.125</v>
      </c>
      <c r="ENF53" s="7">
        <f t="shared" si="606"/>
        <v>5103.125</v>
      </c>
      <c r="ENG53" s="7">
        <f t="shared" si="606"/>
        <v>5103.125</v>
      </c>
      <c r="ENH53" s="7">
        <f t="shared" si="606"/>
        <v>5103.125</v>
      </c>
      <c r="ENI53" s="7">
        <f t="shared" si="606"/>
        <v>5103.125</v>
      </c>
      <c r="ENJ53" s="7">
        <f t="shared" si="606"/>
        <v>5103.125</v>
      </c>
      <c r="ENK53" s="7">
        <f t="shared" si="606"/>
        <v>5103.125</v>
      </c>
      <c r="ENL53" s="7">
        <f t="shared" si="606"/>
        <v>5103.125</v>
      </c>
      <c r="ENM53" s="7">
        <f t="shared" si="606"/>
        <v>5103.125</v>
      </c>
      <c r="ENN53" s="7">
        <f t="shared" si="606"/>
        <v>5103.125</v>
      </c>
      <c r="ENO53" s="7">
        <f t="shared" si="606"/>
        <v>5103.125</v>
      </c>
      <c r="ENP53" s="7">
        <f t="shared" si="606"/>
        <v>5103.125</v>
      </c>
      <c r="ENQ53" s="7">
        <f t="shared" si="606"/>
        <v>5103.125</v>
      </c>
      <c r="ENR53" s="7">
        <f t="shared" si="606"/>
        <v>5103.125</v>
      </c>
      <c r="ENS53" s="7">
        <f t="shared" si="606"/>
        <v>5103.125</v>
      </c>
      <c r="ENT53" s="7">
        <f t="shared" si="606"/>
        <v>5103.125</v>
      </c>
      <c r="ENU53" s="7">
        <f t="shared" si="606"/>
        <v>5103.125</v>
      </c>
      <c r="ENV53" s="7">
        <f t="shared" si="606"/>
        <v>5103.125</v>
      </c>
      <c r="ENW53" s="7">
        <f t="shared" si="606"/>
        <v>5103.125</v>
      </c>
      <c r="ENX53" s="7">
        <f t="shared" si="606"/>
        <v>5103.125</v>
      </c>
      <c r="ENY53" s="7">
        <f t="shared" si="606"/>
        <v>5103.125</v>
      </c>
      <c r="ENZ53" s="7">
        <f t="shared" si="606"/>
        <v>5103.125</v>
      </c>
      <c r="EOA53" s="7">
        <f t="shared" si="606"/>
        <v>5103.125</v>
      </c>
      <c r="EOB53" s="7">
        <f t="shared" si="606"/>
        <v>5103.125</v>
      </c>
      <c r="EOC53" s="7">
        <f t="shared" si="606"/>
        <v>5103.125</v>
      </c>
      <c r="EOD53" s="7">
        <f t="shared" si="606"/>
        <v>5103.125</v>
      </c>
      <c r="EOE53" s="7">
        <f t="shared" si="606"/>
        <v>5103.125</v>
      </c>
      <c r="EOF53" s="7">
        <f t="shared" si="606"/>
        <v>5103.125</v>
      </c>
      <c r="EOG53" s="7">
        <f t="shared" si="606"/>
        <v>5103.125</v>
      </c>
      <c r="EOH53" s="7">
        <f t="shared" si="606"/>
        <v>5103.125</v>
      </c>
      <c r="EOI53" s="7">
        <f t="shared" si="606"/>
        <v>5103.125</v>
      </c>
      <c r="EOJ53" s="7">
        <f t="shared" si="606"/>
        <v>5103.125</v>
      </c>
      <c r="EOK53" s="7">
        <f t="shared" si="606"/>
        <v>5103.125</v>
      </c>
      <c r="EOL53" s="7">
        <f t="shared" si="606"/>
        <v>5103.125</v>
      </c>
      <c r="EOM53" s="7">
        <f t="shared" si="606"/>
        <v>5103.125</v>
      </c>
      <c r="EON53" s="7">
        <f t="shared" si="606"/>
        <v>5103.125</v>
      </c>
      <c r="EOO53" s="7">
        <f t="shared" si="606"/>
        <v>5103.125</v>
      </c>
      <c r="EOP53" s="7">
        <f t="shared" ref="EOP53:ERA53" si="607">EOP48+EOO53</f>
        <v>5103.125</v>
      </c>
      <c r="EOQ53" s="7">
        <f t="shared" si="607"/>
        <v>5103.125</v>
      </c>
      <c r="EOR53" s="7">
        <f t="shared" si="607"/>
        <v>5103.125</v>
      </c>
      <c r="EOS53" s="7">
        <f t="shared" si="607"/>
        <v>5103.125</v>
      </c>
      <c r="EOT53" s="7">
        <f t="shared" si="607"/>
        <v>5103.125</v>
      </c>
      <c r="EOU53" s="7">
        <f t="shared" si="607"/>
        <v>5103.125</v>
      </c>
      <c r="EOV53" s="7">
        <f t="shared" si="607"/>
        <v>5103.125</v>
      </c>
      <c r="EOW53" s="7">
        <f t="shared" si="607"/>
        <v>5103.125</v>
      </c>
      <c r="EOX53" s="7">
        <f t="shared" si="607"/>
        <v>5103.125</v>
      </c>
      <c r="EOY53" s="7">
        <f t="shared" si="607"/>
        <v>5103.125</v>
      </c>
      <c r="EOZ53" s="7">
        <f t="shared" si="607"/>
        <v>5103.125</v>
      </c>
      <c r="EPA53" s="7">
        <f t="shared" si="607"/>
        <v>5103.125</v>
      </c>
      <c r="EPB53" s="7">
        <f t="shared" si="607"/>
        <v>5103.125</v>
      </c>
      <c r="EPC53" s="7">
        <f t="shared" si="607"/>
        <v>5103.125</v>
      </c>
      <c r="EPD53" s="7">
        <f t="shared" si="607"/>
        <v>5103.125</v>
      </c>
      <c r="EPE53" s="7">
        <f t="shared" si="607"/>
        <v>5103.125</v>
      </c>
      <c r="EPF53" s="7">
        <f t="shared" si="607"/>
        <v>5103.125</v>
      </c>
      <c r="EPG53" s="7">
        <f t="shared" si="607"/>
        <v>5103.125</v>
      </c>
      <c r="EPH53" s="7">
        <f t="shared" si="607"/>
        <v>5103.125</v>
      </c>
      <c r="EPI53" s="7">
        <f t="shared" si="607"/>
        <v>5103.125</v>
      </c>
      <c r="EPJ53" s="7">
        <f t="shared" si="607"/>
        <v>5103.125</v>
      </c>
      <c r="EPK53" s="7">
        <f t="shared" si="607"/>
        <v>5103.125</v>
      </c>
      <c r="EPL53" s="7">
        <f t="shared" si="607"/>
        <v>5103.125</v>
      </c>
      <c r="EPM53" s="7">
        <f t="shared" si="607"/>
        <v>5103.125</v>
      </c>
      <c r="EPN53" s="7">
        <f t="shared" si="607"/>
        <v>5103.125</v>
      </c>
      <c r="EPO53" s="7">
        <f t="shared" si="607"/>
        <v>5103.125</v>
      </c>
      <c r="EPP53" s="7">
        <f t="shared" si="607"/>
        <v>5103.125</v>
      </c>
      <c r="EPQ53" s="7">
        <f t="shared" si="607"/>
        <v>5103.125</v>
      </c>
      <c r="EPR53" s="7">
        <f t="shared" si="607"/>
        <v>5103.125</v>
      </c>
      <c r="EPS53" s="7">
        <f t="shared" si="607"/>
        <v>5103.125</v>
      </c>
      <c r="EPT53" s="7">
        <f t="shared" si="607"/>
        <v>5103.125</v>
      </c>
      <c r="EPU53" s="7">
        <f t="shared" si="607"/>
        <v>5103.125</v>
      </c>
      <c r="EPV53" s="7">
        <f t="shared" si="607"/>
        <v>5103.125</v>
      </c>
      <c r="EPW53" s="7">
        <f t="shared" si="607"/>
        <v>5103.125</v>
      </c>
      <c r="EPX53" s="7">
        <f t="shared" si="607"/>
        <v>5103.125</v>
      </c>
      <c r="EPY53" s="7">
        <f t="shared" si="607"/>
        <v>5103.125</v>
      </c>
      <c r="EPZ53" s="7">
        <f t="shared" si="607"/>
        <v>5103.125</v>
      </c>
      <c r="EQA53" s="7">
        <f t="shared" si="607"/>
        <v>5103.125</v>
      </c>
      <c r="EQB53" s="7">
        <f t="shared" si="607"/>
        <v>5103.125</v>
      </c>
      <c r="EQC53" s="7">
        <f t="shared" si="607"/>
        <v>5103.125</v>
      </c>
      <c r="EQD53" s="7">
        <f t="shared" si="607"/>
        <v>5103.125</v>
      </c>
      <c r="EQE53" s="7">
        <f t="shared" si="607"/>
        <v>5103.125</v>
      </c>
      <c r="EQF53" s="7">
        <f t="shared" si="607"/>
        <v>5103.125</v>
      </c>
      <c r="EQG53" s="7">
        <f t="shared" si="607"/>
        <v>5103.125</v>
      </c>
      <c r="EQH53" s="7">
        <f t="shared" si="607"/>
        <v>5103.125</v>
      </c>
      <c r="EQI53" s="7">
        <f t="shared" si="607"/>
        <v>5103.125</v>
      </c>
      <c r="EQJ53" s="7">
        <f t="shared" si="607"/>
        <v>5103.125</v>
      </c>
      <c r="EQK53" s="7">
        <f t="shared" si="607"/>
        <v>5103.125</v>
      </c>
      <c r="EQL53" s="7">
        <f t="shared" si="607"/>
        <v>5103.125</v>
      </c>
      <c r="EQM53" s="7">
        <f t="shared" si="607"/>
        <v>5103.125</v>
      </c>
      <c r="EQN53" s="7">
        <f t="shared" si="607"/>
        <v>5103.125</v>
      </c>
      <c r="EQO53" s="7">
        <f t="shared" si="607"/>
        <v>5103.125</v>
      </c>
      <c r="EQP53" s="7">
        <f t="shared" si="607"/>
        <v>5103.125</v>
      </c>
      <c r="EQQ53" s="7">
        <f t="shared" si="607"/>
        <v>5103.125</v>
      </c>
      <c r="EQR53" s="7">
        <f t="shared" si="607"/>
        <v>5103.125</v>
      </c>
      <c r="EQS53" s="7">
        <f t="shared" si="607"/>
        <v>5103.125</v>
      </c>
      <c r="EQT53" s="7">
        <f t="shared" si="607"/>
        <v>5103.125</v>
      </c>
      <c r="EQU53" s="7">
        <f t="shared" si="607"/>
        <v>5103.125</v>
      </c>
      <c r="EQV53" s="7">
        <f t="shared" si="607"/>
        <v>5103.125</v>
      </c>
      <c r="EQW53" s="7">
        <f t="shared" si="607"/>
        <v>5103.125</v>
      </c>
      <c r="EQX53" s="7">
        <f t="shared" si="607"/>
        <v>5103.125</v>
      </c>
      <c r="EQY53" s="7">
        <f t="shared" si="607"/>
        <v>5103.125</v>
      </c>
      <c r="EQZ53" s="7">
        <f t="shared" si="607"/>
        <v>5103.125</v>
      </c>
      <c r="ERA53" s="7">
        <f t="shared" si="607"/>
        <v>5103.125</v>
      </c>
      <c r="ERB53" s="7">
        <f t="shared" ref="ERB53:ETM53" si="608">ERB48+ERA53</f>
        <v>5103.125</v>
      </c>
      <c r="ERC53" s="7">
        <f t="shared" si="608"/>
        <v>5103.125</v>
      </c>
      <c r="ERD53" s="7">
        <f t="shared" si="608"/>
        <v>5103.125</v>
      </c>
      <c r="ERE53" s="7">
        <f t="shared" si="608"/>
        <v>5103.125</v>
      </c>
      <c r="ERF53" s="7">
        <f t="shared" si="608"/>
        <v>5103.125</v>
      </c>
      <c r="ERG53" s="7">
        <f t="shared" si="608"/>
        <v>5103.125</v>
      </c>
      <c r="ERH53" s="7">
        <f t="shared" si="608"/>
        <v>5103.125</v>
      </c>
      <c r="ERI53" s="7">
        <f t="shared" si="608"/>
        <v>5103.125</v>
      </c>
      <c r="ERJ53" s="7">
        <f t="shared" si="608"/>
        <v>5103.125</v>
      </c>
      <c r="ERK53" s="7">
        <f t="shared" si="608"/>
        <v>5103.125</v>
      </c>
      <c r="ERL53" s="7">
        <f t="shared" si="608"/>
        <v>5103.125</v>
      </c>
      <c r="ERM53" s="7">
        <f t="shared" si="608"/>
        <v>5103.125</v>
      </c>
      <c r="ERN53" s="7">
        <f t="shared" si="608"/>
        <v>5103.125</v>
      </c>
      <c r="ERO53" s="7">
        <f t="shared" si="608"/>
        <v>5103.125</v>
      </c>
      <c r="ERP53" s="7">
        <f t="shared" si="608"/>
        <v>5103.125</v>
      </c>
      <c r="ERQ53" s="7">
        <f t="shared" si="608"/>
        <v>5103.125</v>
      </c>
      <c r="ERR53" s="7">
        <f t="shared" si="608"/>
        <v>5103.125</v>
      </c>
      <c r="ERS53" s="7">
        <f t="shared" si="608"/>
        <v>5103.125</v>
      </c>
      <c r="ERT53" s="7">
        <f t="shared" si="608"/>
        <v>5103.125</v>
      </c>
      <c r="ERU53" s="7">
        <f t="shared" si="608"/>
        <v>5103.125</v>
      </c>
      <c r="ERV53" s="7">
        <f t="shared" si="608"/>
        <v>5103.125</v>
      </c>
      <c r="ERW53" s="7">
        <f t="shared" si="608"/>
        <v>5103.125</v>
      </c>
      <c r="ERX53" s="7">
        <f t="shared" si="608"/>
        <v>5103.125</v>
      </c>
      <c r="ERY53" s="7">
        <f t="shared" si="608"/>
        <v>5103.125</v>
      </c>
      <c r="ERZ53" s="7">
        <f t="shared" si="608"/>
        <v>5103.125</v>
      </c>
      <c r="ESA53" s="7">
        <f t="shared" si="608"/>
        <v>5103.125</v>
      </c>
      <c r="ESB53" s="7">
        <f t="shared" si="608"/>
        <v>5103.125</v>
      </c>
      <c r="ESC53" s="7">
        <f t="shared" si="608"/>
        <v>5103.125</v>
      </c>
      <c r="ESD53" s="7">
        <f t="shared" si="608"/>
        <v>5103.125</v>
      </c>
      <c r="ESE53" s="7">
        <f t="shared" si="608"/>
        <v>5103.125</v>
      </c>
      <c r="ESF53" s="7">
        <f t="shared" si="608"/>
        <v>5103.125</v>
      </c>
      <c r="ESG53" s="7">
        <f t="shared" si="608"/>
        <v>5103.125</v>
      </c>
      <c r="ESH53" s="7">
        <f t="shared" si="608"/>
        <v>5103.125</v>
      </c>
      <c r="ESI53" s="7">
        <f t="shared" si="608"/>
        <v>5103.125</v>
      </c>
      <c r="ESJ53" s="7">
        <f t="shared" si="608"/>
        <v>5103.125</v>
      </c>
      <c r="ESK53" s="7">
        <f t="shared" si="608"/>
        <v>5103.125</v>
      </c>
      <c r="ESL53" s="7">
        <f t="shared" si="608"/>
        <v>5103.125</v>
      </c>
      <c r="ESM53" s="7">
        <f t="shared" si="608"/>
        <v>5103.125</v>
      </c>
      <c r="ESN53" s="7">
        <f t="shared" si="608"/>
        <v>5103.125</v>
      </c>
      <c r="ESO53" s="7">
        <f t="shared" si="608"/>
        <v>5103.125</v>
      </c>
      <c r="ESP53" s="7">
        <f t="shared" si="608"/>
        <v>5103.125</v>
      </c>
      <c r="ESQ53" s="7">
        <f t="shared" si="608"/>
        <v>5103.125</v>
      </c>
      <c r="ESR53" s="7">
        <f t="shared" si="608"/>
        <v>5103.125</v>
      </c>
      <c r="ESS53" s="7">
        <f t="shared" si="608"/>
        <v>5103.125</v>
      </c>
      <c r="EST53" s="7">
        <f t="shared" si="608"/>
        <v>5103.125</v>
      </c>
      <c r="ESU53" s="7">
        <f t="shared" si="608"/>
        <v>5103.125</v>
      </c>
      <c r="ESV53" s="7">
        <f t="shared" si="608"/>
        <v>5103.125</v>
      </c>
      <c r="ESW53" s="7">
        <f t="shared" si="608"/>
        <v>5103.125</v>
      </c>
      <c r="ESX53" s="7">
        <f t="shared" si="608"/>
        <v>5103.125</v>
      </c>
      <c r="ESY53" s="7">
        <f t="shared" si="608"/>
        <v>5103.125</v>
      </c>
      <c r="ESZ53" s="7">
        <f t="shared" si="608"/>
        <v>5103.125</v>
      </c>
      <c r="ETA53" s="7">
        <f t="shared" si="608"/>
        <v>5103.125</v>
      </c>
      <c r="ETB53" s="7">
        <f t="shared" si="608"/>
        <v>5103.125</v>
      </c>
      <c r="ETC53" s="7">
        <f t="shared" si="608"/>
        <v>5103.125</v>
      </c>
      <c r="ETD53" s="7">
        <f t="shared" si="608"/>
        <v>5103.125</v>
      </c>
      <c r="ETE53" s="7">
        <f t="shared" si="608"/>
        <v>5103.125</v>
      </c>
      <c r="ETF53" s="7">
        <f t="shared" si="608"/>
        <v>5103.125</v>
      </c>
      <c r="ETG53" s="7">
        <f t="shared" si="608"/>
        <v>5103.125</v>
      </c>
      <c r="ETH53" s="7">
        <f t="shared" si="608"/>
        <v>5103.125</v>
      </c>
      <c r="ETI53" s="7">
        <f t="shared" si="608"/>
        <v>5103.125</v>
      </c>
      <c r="ETJ53" s="7">
        <f t="shared" si="608"/>
        <v>5103.125</v>
      </c>
      <c r="ETK53" s="7">
        <f t="shared" si="608"/>
        <v>5103.125</v>
      </c>
      <c r="ETL53" s="7">
        <f t="shared" si="608"/>
        <v>5103.125</v>
      </c>
      <c r="ETM53" s="7">
        <f t="shared" si="608"/>
        <v>5103.125</v>
      </c>
      <c r="ETN53" s="7">
        <f t="shared" ref="ETN53:EVY53" si="609">ETN48+ETM53</f>
        <v>5103.125</v>
      </c>
      <c r="ETO53" s="7">
        <f t="shared" si="609"/>
        <v>5103.125</v>
      </c>
      <c r="ETP53" s="7">
        <f t="shared" si="609"/>
        <v>5103.125</v>
      </c>
      <c r="ETQ53" s="7">
        <f t="shared" si="609"/>
        <v>5103.125</v>
      </c>
      <c r="ETR53" s="7">
        <f t="shared" si="609"/>
        <v>5103.125</v>
      </c>
      <c r="ETS53" s="7">
        <f t="shared" si="609"/>
        <v>5103.125</v>
      </c>
      <c r="ETT53" s="7">
        <f t="shared" si="609"/>
        <v>5103.125</v>
      </c>
      <c r="ETU53" s="7">
        <f t="shared" si="609"/>
        <v>5103.125</v>
      </c>
      <c r="ETV53" s="7">
        <f t="shared" si="609"/>
        <v>5103.125</v>
      </c>
      <c r="ETW53" s="7">
        <f t="shared" si="609"/>
        <v>5103.125</v>
      </c>
      <c r="ETX53" s="7">
        <f t="shared" si="609"/>
        <v>5103.125</v>
      </c>
      <c r="ETY53" s="7">
        <f t="shared" si="609"/>
        <v>5103.125</v>
      </c>
      <c r="ETZ53" s="7">
        <f t="shared" si="609"/>
        <v>5103.125</v>
      </c>
      <c r="EUA53" s="7">
        <f t="shared" si="609"/>
        <v>5103.125</v>
      </c>
      <c r="EUB53" s="7">
        <f t="shared" si="609"/>
        <v>5103.125</v>
      </c>
      <c r="EUC53" s="7">
        <f t="shared" si="609"/>
        <v>5103.125</v>
      </c>
      <c r="EUD53" s="7">
        <f t="shared" si="609"/>
        <v>5103.125</v>
      </c>
      <c r="EUE53" s="7">
        <f t="shared" si="609"/>
        <v>5103.125</v>
      </c>
      <c r="EUF53" s="7">
        <f t="shared" si="609"/>
        <v>5103.125</v>
      </c>
      <c r="EUG53" s="7">
        <f t="shared" si="609"/>
        <v>5103.125</v>
      </c>
      <c r="EUH53" s="7">
        <f t="shared" si="609"/>
        <v>5103.125</v>
      </c>
      <c r="EUI53" s="7">
        <f t="shared" si="609"/>
        <v>5103.125</v>
      </c>
      <c r="EUJ53" s="7">
        <f t="shared" si="609"/>
        <v>5103.125</v>
      </c>
      <c r="EUK53" s="7">
        <f t="shared" si="609"/>
        <v>5103.125</v>
      </c>
      <c r="EUL53" s="7">
        <f t="shared" si="609"/>
        <v>5103.125</v>
      </c>
      <c r="EUM53" s="7">
        <f t="shared" si="609"/>
        <v>5103.125</v>
      </c>
      <c r="EUN53" s="7">
        <f t="shared" si="609"/>
        <v>5103.125</v>
      </c>
      <c r="EUO53" s="7">
        <f t="shared" si="609"/>
        <v>5103.125</v>
      </c>
      <c r="EUP53" s="7">
        <f t="shared" si="609"/>
        <v>5103.125</v>
      </c>
      <c r="EUQ53" s="7">
        <f t="shared" si="609"/>
        <v>5103.125</v>
      </c>
      <c r="EUR53" s="7">
        <f t="shared" si="609"/>
        <v>5103.125</v>
      </c>
      <c r="EUS53" s="7">
        <f t="shared" si="609"/>
        <v>5103.125</v>
      </c>
      <c r="EUT53" s="7">
        <f t="shared" si="609"/>
        <v>5103.125</v>
      </c>
      <c r="EUU53" s="7">
        <f t="shared" si="609"/>
        <v>5103.125</v>
      </c>
      <c r="EUV53" s="7">
        <f t="shared" si="609"/>
        <v>5103.125</v>
      </c>
      <c r="EUW53" s="7">
        <f t="shared" si="609"/>
        <v>5103.125</v>
      </c>
      <c r="EUX53" s="7">
        <f t="shared" si="609"/>
        <v>5103.125</v>
      </c>
      <c r="EUY53" s="7">
        <f t="shared" si="609"/>
        <v>5103.125</v>
      </c>
      <c r="EUZ53" s="7">
        <f t="shared" si="609"/>
        <v>5103.125</v>
      </c>
      <c r="EVA53" s="7">
        <f t="shared" si="609"/>
        <v>5103.125</v>
      </c>
      <c r="EVB53" s="7">
        <f t="shared" si="609"/>
        <v>5103.125</v>
      </c>
      <c r="EVC53" s="7">
        <f t="shared" si="609"/>
        <v>5103.125</v>
      </c>
      <c r="EVD53" s="7">
        <f t="shared" si="609"/>
        <v>5103.125</v>
      </c>
      <c r="EVE53" s="7">
        <f t="shared" si="609"/>
        <v>5103.125</v>
      </c>
      <c r="EVF53" s="7">
        <f t="shared" si="609"/>
        <v>5103.125</v>
      </c>
      <c r="EVG53" s="7">
        <f t="shared" si="609"/>
        <v>5103.125</v>
      </c>
      <c r="EVH53" s="7">
        <f t="shared" si="609"/>
        <v>5103.125</v>
      </c>
      <c r="EVI53" s="7">
        <f t="shared" si="609"/>
        <v>5103.125</v>
      </c>
      <c r="EVJ53" s="7">
        <f t="shared" si="609"/>
        <v>5103.125</v>
      </c>
      <c r="EVK53" s="7">
        <f t="shared" si="609"/>
        <v>5103.125</v>
      </c>
      <c r="EVL53" s="7">
        <f t="shared" si="609"/>
        <v>5103.125</v>
      </c>
      <c r="EVM53" s="7">
        <f t="shared" si="609"/>
        <v>5103.125</v>
      </c>
      <c r="EVN53" s="7">
        <f t="shared" si="609"/>
        <v>5103.125</v>
      </c>
      <c r="EVO53" s="7">
        <f t="shared" si="609"/>
        <v>5103.125</v>
      </c>
      <c r="EVP53" s="7">
        <f t="shared" si="609"/>
        <v>5103.125</v>
      </c>
      <c r="EVQ53" s="7">
        <f t="shared" si="609"/>
        <v>5103.125</v>
      </c>
      <c r="EVR53" s="7">
        <f t="shared" si="609"/>
        <v>5103.125</v>
      </c>
      <c r="EVS53" s="7">
        <f t="shared" si="609"/>
        <v>5103.125</v>
      </c>
      <c r="EVT53" s="7">
        <f t="shared" si="609"/>
        <v>5103.125</v>
      </c>
      <c r="EVU53" s="7">
        <f t="shared" si="609"/>
        <v>5103.125</v>
      </c>
      <c r="EVV53" s="7">
        <f t="shared" si="609"/>
        <v>5103.125</v>
      </c>
      <c r="EVW53" s="7">
        <f t="shared" si="609"/>
        <v>5103.125</v>
      </c>
      <c r="EVX53" s="7">
        <f t="shared" si="609"/>
        <v>5103.125</v>
      </c>
      <c r="EVY53" s="7">
        <f t="shared" si="609"/>
        <v>5103.125</v>
      </c>
      <c r="EVZ53" s="7">
        <f t="shared" ref="EVZ53:EYK53" si="610">EVZ48+EVY53</f>
        <v>5103.125</v>
      </c>
      <c r="EWA53" s="7">
        <f t="shared" si="610"/>
        <v>5103.125</v>
      </c>
      <c r="EWB53" s="7">
        <f t="shared" si="610"/>
        <v>5103.125</v>
      </c>
      <c r="EWC53" s="7">
        <f t="shared" si="610"/>
        <v>5103.125</v>
      </c>
      <c r="EWD53" s="7">
        <f t="shared" si="610"/>
        <v>5103.125</v>
      </c>
      <c r="EWE53" s="7">
        <f t="shared" si="610"/>
        <v>5103.125</v>
      </c>
      <c r="EWF53" s="7">
        <f t="shared" si="610"/>
        <v>5103.125</v>
      </c>
      <c r="EWG53" s="7">
        <f t="shared" si="610"/>
        <v>5103.125</v>
      </c>
      <c r="EWH53" s="7">
        <f t="shared" si="610"/>
        <v>5103.125</v>
      </c>
      <c r="EWI53" s="7">
        <f t="shared" si="610"/>
        <v>5103.125</v>
      </c>
      <c r="EWJ53" s="7">
        <f t="shared" si="610"/>
        <v>5103.125</v>
      </c>
      <c r="EWK53" s="7">
        <f t="shared" si="610"/>
        <v>5103.125</v>
      </c>
      <c r="EWL53" s="7">
        <f t="shared" si="610"/>
        <v>5103.125</v>
      </c>
      <c r="EWM53" s="7">
        <f t="shared" si="610"/>
        <v>5103.125</v>
      </c>
      <c r="EWN53" s="7">
        <f t="shared" si="610"/>
        <v>5103.125</v>
      </c>
      <c r="EWO53" s="7">
        <f t="shared" si="610"/>
        <v>5103.125</v>
      </c>
      <c r="EWP53" s="7">
        <f t="shared" si="610"/>
        <v>5103.125</v>
      </c>
      <c r="EWQ53" s="7">
        <f t="shared" si="610"/>
        <v>5103.125</v>
      </c>
      <c r="EWR53" s="7">
        <f t="shared" si="610"/>
        <v>5103.125</v>
      </c>
      <c r="EWS53" s="7">
        <f t="shared" si="610"/>
        <v>5103.125</v>
      </c>
      <c r="EWT53" s="7">
        <f t="shared" si="610"/>
        <v>5103.125</v>
      </c>
      <c r="EWU53" s="7">
        <f t="shared" si="610"/>
        <v>5103.125</v>
      </c>
      <c r="EWV53" s="7">
        <f t="shared" si="610"/>
        <v>5103.125</v>
      </c>
      <c r="EWW53" s="7">
        <f t="shared" si="610"/>
        <v>5103.125</v>
      </c>
      <c r="EWX53" s="7">
        <f t="shared" si="610"/>
        <v>5103.125</v>
      </c>
      <c r="EWY53" s="7">
        <f t="shared" si="610"/>
        <v>5103.125</v>
      </c>
      <c r="EWZ53" s="7">
        <f t="shared" si="610"/>
        <v>5103.125</v>
      </c>
      <c r="EXA53" s="7">
        <f t="shared" si="610"/>
        <v>5103.125</v>
      </c>
      <c r="EXB53" s="7">
        <f t="shared" si="610"/>
        <v>5103.125</v>
      </c>
      <c r="EXC53" s="7">
        <f t="shared" si="610"/>
        <v>5103.125</v>
      </c>
      <c r="EXD53" s="7">
        <f t="shared" si="610"/>
        <v>5103.125</v>
      </c>
      <c r="EXE53" s="7">
        <f t="shared" si="610"/>
        <v>5103.125</v>
      </c>
      <c r="EXF53" s="7">
        <f t="shared" si="610"/>
        <v>5103.125</v>
      </c>
      <c r="EXG53" s="7">
        <f t="shared" si="610"/>
        <v>5103.125</v>
      </c>
      <c r="EXH53" s="7">
        <f t="shared" si="610"/>
        <v>5103.125</v>
      </c>
      <c r="EXI53" s="7">
        <f t="shared" si="610"/>
        <v>5103.125</v>
      </c>
      <c r="EXJ53" s="7">
        <f t="shared" si="610"/>
        <v>5103.125</v>
      </c>
      <c r="EXK53" s="7">
        <f t="shared" si="610"/>
        <v>5103.125</v>
      </c>
      <c r="EXL53" s="7">
        <f t="shared" si="610"/>
        <v>5103.125</v>
      </c>
      <c r="EXM53" s="7">
        <f t="shared" si="610"/>
        <v>5103.125</v>
      </c>
      <c r="EXN53" s="7">
        <f t="shared" si="610"/>
        <v>5103.125</v>
      </c>
      <c r="EXO53" s="7">
        <f t="shared" si="610"/>
        <v>5103.125</v>
      </c>
      <c r="EXP53" s="7">
        <f t="shared" si="610"/>
        <v>5103.125</v>
      </c>
      <c r="EXQ53" s="7">
        <f t="shared" si="610"/>
        <v>5103.125</v>
      </c>
      <c r="EXR53" s="7">
        <f t="shared" si="610"/>
        <v>5103.125</v>
      </c>
      <c r="EXS53" s="7">
        <f t="shared" si="610"/>
        <v>5103.125</v>
      </c>
      <c r="EXT53" s="7">
        <f t="shared" si="610"/>
        <v>5103.125</v>
      </c>
      <c r="EXU53" s="7">
        <f t="shared" si="610"/>
        <v>5103.125</v>
      </c>
      <c r="EXV53" s="7">
        <f t="shared" si="610"/>
        <v>5103.125</v>
      </c>
      <c r="EXW53" s="7">
        <f t="shared" si="610"/>
        <v>5103.125</v>
      </c>
      <c r="EXX53" s="7">
        <f t="shared" si="610"/>
        <v>5103.125</v>
      </c>
      <c r="EXY53" s="7">
        <f t="shared" si="610"/>
        <v>5103.125</v>
      </c>
      <c r="EXZ53" s="7">
        <f t="shared" si="610"/>
        <v>5103.125</v>
      </c>
      <c r="EYA53" s="7">
        <f t="shared" si="610"/>
        <v>5103.125</v>
      </c>
      <c r="EYB53" s="7">
        <f t="shared" si="610"/>
        <v>5103.125</v>
      </c>
      <c r="EYC53" s="7">
        <f t="shared" si="610"/>
        <v>5103.125</v>
      </c>
      <c r="EYD53" s="7">
        <f t="shared" si="610"/>
        <v>5103.125</v>
      </c>
      <c r="EYE53" s="7">
        <f t="shared" si="610"/>
        <v>5103.125</v>
      </c>
      <c r="EYF53" s="7">
        <f t="shared" si="610"/>
        <v>5103.125</v>
      </c>
      <c r="EYG53" s="7">
        <f t="shared" si="610"/>
        <v>5103.125</v>
      </c>
      <c r="EYH53" s="7">
        <f t="shared" si="610"/>
        <v>5103.125</v>
      </c>
      <c r="EYI53" s="7">
        <f t="shared" si="610"/>
        <v>5103.125</v>
      </c>
      <c r="EYJ53" s="7">
        <f t="shared" si="610"/>
        <v>5103.125</v>
      </c>
      <c r="EYK53" s="7">
        <f t="shared" si="610"/>
        <v>5103.125</v>
      </c>
      <c r="EYL53" s="7">
        <f t="shared" ref="EYL53:FAW53" si="611">EYL48+EYK53</f>
        <v>5103.125</v>
      </c>
      <c r="EYM53" s="7">
        <f t="shared" si="611"/>
        <v>5103.125</v>
      </c>
      <c r="EYN53" s="7">
        <f t="shared" si="611"/>
        <v>5103.125</v>
      </c>
      <c r="EYO53" s="7">
        <f t="shared" si="611"/>
        <v>5103.125</v>
      </c>
      <c r="EYP53" s="7">
        <f t="shared" si="611"/>
        <v>5103.125</v>
      </c>
      <c r="EYQ53" s="7">
        <f t="shared" si="611"/>
        <v>5103.125</v>
      </c>
      <c r="EYR53" s="7">
        <f t="shared" si="611"/>
        <v>5103.125</v>
      </c>
      <c r="EYS53" s="7">
        <f t="shared" si="611"/>
        <v>5103.125</v>
      </c>
      <c r="EYT53" s="7">
        <f t="shared" si="611"/>
        <v>5103.125</v>
      </c>
      <c r="EYU53" s="7">
        <f t="shared" si="611"/>
        <v>5103.125</v>
      </c>
      <c r="EYV53" s="7">
        <f t="shared" si="611"/>
        <v>5103.125</v>
      </c>
      <c r="EYW53" s="7">
        <f t="shared" si="611"/>
        <v>5103.125</v>
      </c>
      <c r="EYX53" s="7">
        <f t="shared" si="611"/>
        <v>5103.125</v>
      </c>
      <c r="EYY53" s="7">
        <f t="shared" si="611"/>
        <v>5103.125</v>
      </c>
      <c r="EYZ53" s="7">
        <f t="shared" si="611"/>
        <v>5103.125</v>
      </c>
      <c r="EZA53" s="7">
        <f t="shared" si="611"/>
        <v>5103.125</v>
      </c>
      <c r="EZB53" s="7">
        <f t="shared" si="611"/>
        <v>5103.125</v>
      </c>
      <c r="EZC53" s="7">
        <f t="shared" si="611"/>
        <v>5103.125</v>
      </c>
      <c r="EZD53" s="7">
        <f t="shared" si="611"/>
        <v>5103.125</v>
      </c>
      <c r="EZE53" s="7">
        <f t="shared" si="611"/>
        <v>5103.125</v>
      </c>
      <c r="EZF53" s="7">
        <f t="shared" si="611"/>
        <v>5103.125</v>
      </c>
      <c r="EZG53" s="7">
        <f t="shared" si="611"/>
        <v>5103.125</v>
      </c>
      <c r="EZH53" s="7">
        <f t="shared" si="611"/>
        <v>5103.125</v>
      </c>
      <c r="EZI53" s="7">
        <f t="shared" si="611"/>
        <v>5103.125</v>
      </c>
      <c r="EZJ53" s="7">
        <f t="shared" si="611"/>
        <v>5103.125</v>
      </c>
      <c r="EZK53" s="7">
        <f t="shared" si="611"/>
        <v>5103.125</v>
      </c>
      <c r="EZL53" s="7">
        <f t="shared" si="611"/>
        <v>5103.125</v>
      </c>
      <c r="EZM53" s="7">
        <f t="shared" si="611"/>
        <v>5103.125</v>
      </c>
      <c r="EZN53" s="7">
        <f t="shared" si="611"/>
        <v>5103.125</v>
      </c>
      <c r="EZO53" s="7">
        <f t="shared" si="611"/>
        <v>5103.125</v>
      </c>
      <c r="EZP53" s="7">
        <f t="shared" si="611"/>
        <v>5103.125</v>
      </c>
      <c r="EZQ53" s="7">
        <f t="shared" si="611"/>
        <v>5103.125</v>
      </c>
      <c r="EZR53" s="7">
        <f t="shared" si="611"/>
        <v>5103.125</v>
      </c>
      <c r="EZS53" s="7">
        <f t="shared" si="611"/>
        <v>5103.125</v>
      </c>
      <c r="EZT53" s="7">
        <f t="shared" si="611"/>
        <v>5103.125</v>
      </c>
      <c r="EZU53" s="7">
        <f t="shared" si="611"/>
        <v>5103.125</v>
      </c>
      <c r="EZV53" s="7">
        <f t="shared" si="611"/>
        <v>5103.125</v>
      </c>
      <c r="EZW53" s="7">
        <f t="shared" si="611"/>
        <v>5103.125</v>
      </c>
      <c r="EZX53" s="7">
        <f t="shared" si="611"/>
        <v>5103.125</v>
      </c>
      <c r="EZY53" s="7">
        <f t="shared" si="611"/>
        <v>5103.125</v>
      </c>
      <c r="EZZ53" s="7">
        <f t="shared" si="611"/>
        <v>5103.125</v>
      </c>
      <c r="FAA53" s="7">
        <f t="shared" si="611"/>
        <v>5103.125</v>
      </c>
      <c r="FAB53" s="7">
        <f t="shared" si="611"/>
        <v>5103.125</v>
      </c>
      <c r="FAC53" s="7">
        <f t="shared" si="611"/>
        <v>5103.125</v>
      </c>
      <c r="FAD53" s="7">
        <f t="shared" si="611"/>
        <v>5103.125</v>
      </c>
      <c r="FAE53" s="7">
        <f t="shared" si="611"/>
        <v>5103.125</v>
      </c>
      <c r="FAF53" s="7">
        <f t="shared" si="611"/>
        <v>5103.125</v>
      </c>
      <c r="FAG53" s="7">
        <f t="shared" si="611"/>
        <v>5103.125</v>
      </c>
      <c r="FAH53" s="7">
        <f t="shared" si="611"/>
        <v>5103.125</v>
      </c>
      <c r="FAI53" s="7">
        <f t="shared" si="611"/>
        <v>5103.125</v>
      </c>
      <c r="FAJ53" s="7">
        <f t="shared" si="611"/>
        <v>5103.125</v>
      </c>
      <c r="FAK53" s="7">
        <f t="shared" si="611"/>
        <v>5103.125</v>
      </c>
      <c r="FAL53" s="7">
        <f t="shared" si="611"/>
        <v>5103.125</v>
      </c>
      <c r="FAM53" s="7">
        <f t="shared" si="611"/>
        <v>5103.125</v>
      </c>
      <c r="FAN53" s="7">
        <f t="shared" si="611"/>
        <v>5103.125</v>
      </c>
      <c r="FAO53" s="7">
        <f t="shared" si="611"/>
        <v>5103.125</v>
      </c>
      <c r="FAP53" s="7">
        <f t="shared" si="611"/>
        <v>5103.125</v>
      </c>
      <c r="FAQ53" s="7">
        <f t="shared" si="611"/>
        <v>5103.125</v>
      </c>
      <c r="FAR53" s="7">
        <f t="shared" si="611"/>
        <v>5103.125</v>
      </c>
      <c r="FAS53" s="7">
        <f t="shared" si="611"/>
        <v>5103.125</v>
      </c>
      <c r="FAT53" s="7">
        <f t="shared" si="611"/>
        <v>5103.125</v>
      </c>
      <c r="FAU53" s="7">
        <f t="shared" si="611"/>
        <v>5103.125</v>
      </c>
      <c r="FAV53" s="7">
        <f t="shared" si="611"/>
        <v>5103.125</v>
      </c>
      <c r="FAW53" s="7">
        <f t="shared" si="611"/>
        <v>5103.125</v>
      </c>
      <c r="FAX53" s="7">
        <f t="shared" ref="FAX53:FDI53" si="612">FAX48+FAW53</f>
        <v>5103.125</v>
      </c>
      <c r="FAY53" s="7">
        <f t="shared" si="612"/>
        <v>5103.125</v>
      </c>
      <c r="FAZ53" s="7">
        <f t="shared" si="612"/>
        <v>5103.125</v>
      </c>
      <c r="FBA53" s="7">
        <f t="shared" si="612"/>
        <v>5103.125</v>
      </c>
      <c r="FBB53" s="7">
        <f t="shared" si="612"/>
        <v>5103.125</v>
      </c>
      <c r="FBC53" s="7">
        <f t="shared" si="612"/>
        <v>5103.125</v>
      </c>
      <c r="FBD53" s="7">
        <f t="shared" si="612"/>
        <v>5103.125</v>
      </c>
      <c r="FBE53" s="7">
        <f t="shared" si="612"/>
        <v>5103.125</v>
      </c>
      <c r="FBF53" s="7">
        <f t="shared" si="612"/>
        <v>5103.125</v>
      </c>
      <c r="FBG53" s="7">
        <f t="shared" si="612"/>
        <v>5103.125</v>
      </c>
      <c r="FBH53" s="7">
        <f t="shared" si="612"/>
        <v>5103.125</v>
      </c>
      <c r="FBI53" s="7">
        <f t="shared" si="612"/>
        <v>5103.125</v>
      </c>
      <c r="FBJ53" s="7">
        <f t="shared" si="612"/>
        <v>5103.125</v>
      </c>
      <c r="FBK53" s="7">
        <f t="shared" si="612"/>
        <v>5103.125</v>
      </c>
      <c r="FBL53" s="7">
        <f t="shared" si="612"/>
        <v>5103.125</v>
      </c>
      <c r="FBM53" s="7">
        <f t="shared" si="612"/>
        <v>5103.125</v>
      </c>
      <c r="FBN53" s="7">
        <f t="shared" si="612"/>
        <v>5103.125</v>
      </c>
      <c r="FBO53" s="7">
        <f t="shared" si="612"/>
        <v>5103.125</v>
      </c>
      <c r="FBP53" s="7">
        <f t="shared" si="612"/>
        <v>5103.125</v>
      </c>
      <c r="FBQ53" s="7">
        <f t="shared" si="612"/>
        <v>5103.125</v>
      </c>
      <c r="FBR53" s="7">
        <f t="shared" si="612"/>
        <v>5103.125</v>
      </c>
      <c r="FBS53" s="7">
        <f t="shared" si="612"/>
        <v>5103.125</v>
      </c>
      <c r="FBT53" s="7">
        <f t="shared" si="612"/>
        <v>5103.125</v>
      </c>
      <c r="FBU53" s="7">
        <f t="shared" si="612"/>
        <v>5103.125</v>
      </c>
      <c r="FBV53" s="7">
        <f t="shared" si="612"/>
        <v>5103.125</v>
      </c>
      <c r="FBW53" s="7">
        <f t="shared" si="612"/>
        <v>5103.125</v>
      </c>
      <c r="FBX53" s="7">
        <f t="shared" si="612"/>
        <v>5103.125</v>
      </c>
      <c r="FBY53" s="7">
        <f t="shared" si="612"/>
        <v>5103.125</v>
      </c>
      <c r="FBZ53" s="7">
        <f t="shared" si="612"/>
        <v>5103.125</v>
      </c>
      <c r="FCA53" s="7">
        <f t="shared" si="612"/>
        <v>5103.125</v>
      </c>
      <c r="FCB53" s="7">
        <f t="shared" si="612"/>
        <v>5103.125</v>
      </c>
      <c r="FCC53" s="7">
        <f t="shared" si="612"/>
        <v>5103.125</v>
      </c>
      <c r="FCD53" s="7">
        <f t="shared" si="612"/>
        <v>5103.125</v>
      </c>
      <c r="FCE53" s="7">
        <f t="shared" si="612"/>
        <v>5103.125</v>
      </c>
      <c r="FCF53" s="7">
        <f t="shared" si="612"/>
        <v>5103.125</v>
      </c>
      <c r="FCG53" s="7">
        <f t="shared" si="612"/>
        <v>5103.125</v>
      </c>
      <c r="FCH53" s="7">
        <f t="shared" si="612"/>
        <v>5103.125</v>
      </c>
      <c r="FCI53" s="7">
        <f t="shared" si="612"/>
        <v>5103.125</v>
      </c>
      <c r="FCJ53" s="7">
        <f t="shared" si="612"/>
        <v>5103.125</v>
      </c>
      <c r="FCK53" s="7">
        <f t="shared" si="612"/>
        <v>5103.125</v>
      </c>
      <c r="FCL53" s="7">
        <f t="shared" si="612"/>
        <v>5103.125</v>
      </c>
      <c r="FCM53" s="7">
        <f t="shared" si="612"/>
        <v>5103.125</v>
      </c>
      <c r="FCN53" s="7">
        <f t="shared" si="612"/>
        <v>5103.125</v>
      </c>
      <c r="FCO53" s="7">
        <f t="shared" si="612"/>
        <v>5103.125</v>
      </c>
      <c r="FCP53" s="7">
        <f t="shared" si="612"/>
        <v>5103.125</v>
      </c>
      <c r="FCQ53" s="7">
        <f t="shared" si="612"/>
        <v>5103.125</v>
      </c>
      <c r="FCR53" s="7">
        <f t="shared" si="612"/>
        <v>5103.125</v>
      </c>
      <c r="FCS53" s="7">
        <f t="shared" si="612"/>
        <v>5103.125</v>
      </c>
      <c r="FCT53" s="7">
        <f t="shared" si="612"/>
        <v>5103.125</v>
      </c>
      <c r="FCU53" s="7">
        <f t="shared" si="612"/>
        <v>5103.125</v>
      </c>
      <c r="FCV53" s="7">
        <f t="shared" si="612"/>
        <v>5103.125</v>
      </c>
      <c r="FCW53" s="7">
        <f t="shared" si="612"/>
        <v>5103.125</v>
      </c>
      <c r="FCX53" s="7">
        <f t="shared" si="612"/>
        <v>5103.125</v>
      </c>
      <c r="FCY53" s="7">
        <f t="shared" si="612"/>
        <v>5103.125</v>
      </c>
      <c r="FCZ53" s="7">
        <f t="shared" si="612"/>
        <v>5103.125</v>
      </c>
      <c r="FDA53" s="7">
        <f t="shared" si="612"/>
        <v>5103.125</v>
      </c>
      <c r="FDB53" s="7">
        <f t="shared" si="612"/>
        <v>5103.125</v>
      </c>
      <c r="FDC53" s="7">
        <f t="shared" si="612"/>
        <v>5103.125</v>
      </c>
      <c r="FDD53" s="7">
        <f t="shared" si="612"/>
        <v>5103.125</v>
      </c>
      <c r="FDE53" s="7">
        <f t="shared" si="612"/>
        <v>5103.125</v>
      </c>
      <c r="FDF53" s="7">
        <f t="shared" si="612"/>
        <v>5103.125</v>
      </c>
      <c r="FDG53" s="7">
        <f t="shared" si="612"/>
        <v>5103.125</v>
      </c>
      <c r="FDH53" s="7">
        <f t="shared" si="612"/>
        <v>5103.125</v>
      </c>
      <c r="FDI53" s="7">
        <f t="shared" si="612"/>
        <v>5103.125</v>
      </c>
      <c r="FDJ53" s="7">
        <f t="shared" ref="FDJ53:FFU53" si="613">FDJ48+FDI53</f>
        <v>5103.125</v>
      </c>
      <c r="FDK53" s="7">
        <f t="shared" si="613"/>
        <v>5103.125</v>
      </c>
      <c r="FDL53" s="7">
        <f t="shared" si="613"/>
        <v>5103.125</v>
      </c>
      <c r="FDM53" s="7">
        <f t="shared" si="613"/>
        <v>5103.125</v>
      </c>
      <c r="FDN53" s="7">
        <f t="shared" si="613"/>
        <v>5103.125</v>
      </c>
      <c r="FDO53" s="7">
        <f t="shared" si="613"/>
        <v>5103.125</v>
      </c>
      <c r="FDP53" s="7">
        <f t="shared" si="613"/>
        <v>5103.125</v>
      </c>
      <c r="FDQ53" s="7">
        <f t="shared" si="613"/>
        <v>5103.125</v>
      </c>
      <c r="FDR53" s="7">
        <f t="shared" si="613"/>
        <v>5103.125</v>
      </c>
      <c r="FDS53" s="7">
        <f t="shared" si="613"/>
        <v>5103.125</v>
      </c>
      <c r="FDT53" s="7">
        <f t="shared" si="613"/>
        <v>5103.125</v>
      </c>
      <c r="FDU53" s="7">
        <f t="shared" si="613"/>
        <v>5103.125</v>
      </c>
      <c r="FDV53" s="7">
        <f t="shared" si="613"/>
        <v>5103.125</v>
      </c>
      <c r="FDW53" s="7">
        <f t="shared" si="613"/>
        <v>5103.125</v>
      </c>
      <c r="FDX53" s="7">
        <f t="shared" si="613"/>
        <v>5103.125</v>
      </c>
      <c r="FDY53" s="7">
        <f t="shared" si="613"/>
        <v>5103.125</v>
      </c>
      <c r="FDZ53" s="7">
        <f t="shared" si="613"/>
        <v>5103.125</v>
      </c>
      <c r="FEA53" s="7">
        <f t="shared" si="613"/>
        <v>5103.125</v>
      </c>
      <c r="FEB53" s="7">
        <f t="shared" si="613"/>
        <v>5103.125</v>
      </c>
      <c r="FEC53" s="7">
        <f t="shared" si="613"/>
        <v>5103.125</v>
      </c>
      <c r="FED53" s="7">
        <f t="shared" si="613"/>
        <v>5103.125</v>
      </c>
      <c r="FEE53" s="7">
        <f t="shared" si="613"/>
        <v>5103.125</v>
      </c>
      <c r="FEF53" s="7">
        <f t="shared" si="613"/>
        <v>5103.125</v>
      </c>
      <c r="FEG53" s="7">
        <f t="shared" si="613"/>
        <v>5103.125</v>
      </c>
      <c r="FEH53" s="7">
        <f t="shared" si="613"/>
        <v>5103.125</v>
      </c>
      <c r="FEI53" s="7">
        <f t="shared" si="613"/>
        <v>5103.125</v>
      </c>
      <c r="FEJ53" s="7">
        <f t="shared" si="613"/>
        <v>5103.125</v>
      </c>
      <c r="FEK53" s="7">
        <f t="shared" si="613"/>
        <v>5103.125</v>
      </c>
      <c r="FEL53" s="7">
        <f t="shared" si="613"/>
        <v>5103.125</v>
      </c>
      <c r="FEM53" s="7">
        <f t="shared" si="613"/>
        <v>5103.125</v>
      </c>
      <c r="FEN53" s="7">
        <f t="shared" si="613"/>
        <v>5103.125</v>
      </c>
      <c r="FEO53" s="7">
        <f t="shared" si="613"/>
        <v>5103.125</v>
      </c>
      <c r="FEP53" s="7">
        <f t="shared" si="613"/>
        <v>5103.125</v>
      </c>
      <c r="FEQ53" s="7">
        <f t="shared" si="613"/>
        <v>5103.125</v>
      </c>
      <c r="FER53" s="7">
        <f t="shared" si="613"/>
        <v>5103.125</v>
      </c>
      <c r="FES53" s="7">
        <f t="shared" si="613"/>
        <v>5103.125</v>
      </c>
      <c r="FET53" s="7">
        <f t="shared" si="613"/>
        <v>5103.125</v>
      </c>
      <c r="FEU53" s="7">
        <f t="shared" si="613"/>
        <v>5103.125</v>
      </c>
      <c r="FEV53" s="7">
        <f t="shared" si="613"/>
        <v>5103.125</v>
      </c>
      <c r="FEW53" s="7">
        <f t="shared" si="613"/>
        <v>5103.125</v>
      </c>
      <c r="FEX53" s="7">
        <f t="shared" si="613"/>
        <v>5103.125</v>
      </c>
      <c r="FEY53" s="7">
        <f t="shared" si="613"/>
        <v>5103.125</v>
      </c>
      <c r="FEZ53" s="7">
        <f t="shared" si="613"/>
        <v>5103.125</v>
      </c>
      <c r="FFA53" s="7">
        <f t="shared" si="613"/>
        <v>5103.125</v>
      </c>
      <c r="FFB53" s="7">
        <f t="shared" si="613"/>
        <v>5103.125</v>
      </c>
      <c r="FFC53" s="7">
        <f t="shared" si="613"/>
        <v>5103.125</v>
      </c>
      <c r="FFD53" s="7">
        <f t="shared" si="613"/>
        <v>5103.125</v>
      </c>
      <c r="FFE53" s="7">
        <f t="shared" si="613"/>
        <v>5103.125</v>
      </c>
      <c r="FFF53" s="7">
        <f t="shared" si="613"/>
        <v>5103.125</v>
      </c>
      <c r="FFG53" s="7">
        <f t="shared" si="613"/>
        <v>5103.125</v>
      </c>
      <c r="FFH53" s="7">
        <f t="shared" si="613"/>
        <v>5103.125</v>
      </c>
      <c r="FFI53" s="7">
        <f t="shared" si="613"/>
        <v>5103.125</v>
      </c>
      <c r="FFJ53" s="7">
        <f t="shared" si="613"/>
        <v>5103.125</v>
      </c>
      <c r="FFK53" s="7">
        <f t="shared" si="613"/>
        <v>5103.125</v>
      </c>
      <c r="FFL53" s="7">
        <f t="shared" si="613"/>
        <v>5103.125</v>
      </c>
      <c r="FFM53" s="7">
        <f t="shared" si="613"/>
        <v>5103.125</v>
      </c>
      <c r="FFN53" s="7">
        <f t="shared" si="613"/>
        <v>5103.125</v>
      </c>
      <c r="FFO53" s="7">
        <f t="shared" si="613"/>
        <v>5103.125</v>
      </c>
      <c r="FFP53" s="7">
        <f t="shared" si="613"/>
        <v>5103.125</v>
      </c>
      <c r="FFQ53" s="7">
        <f t="shared" si="613"/>
        <v>5103.125</v>
      </c>
      <c r="FFR53" s="7">
        <f t="shared" si="613"/>
        <v>5103.125</v>
      </c>
      <c r="FFS53" s="7">
        <f t="shared" si="613"/>
        <v>5103.125</v>
      </c>
      <c r="FFT53" s="7">
        <f t="shared" si="613"/>
        <v>5103.125</v>
      </c>
      <c r="FFU53" s="7">
        <f t="shared" si="613"/>
        <v>5103.125</v>
      </c>
      <c r="FFV53" s="7">
        <f t="shared" ref="FFV53:FIG53" si="614">FFV48+FFU53</f>
        <v>5103.125</v>
      </c>
      <c r="FFW53" s="7">
        <f t="shared" si="614"/>
        <v>5103.125</v>
      </c>
      <c r="FFX53" s="7">
        <f t="shared" si="614"/>
        <v>5103.125</v>
      </c>
      <c r="FFY53" s="7">
        <f t="shared" si="614"/>
        <v>5103.125</v>
      </c>
      <c r="FFZ53" s="7">
        <f t="shared" si="614"/>
        <v>5103.125</v>
      </c>
      <c r="FGA53" s="7">
        <f t="shared" si="614"/>
        <v>5103.125</v>
      </c>
      <c r="FGB53" s="7">
        <f t="shared" si="614"/>
        <v>5103.125</v>
      </c>
      <c r="FGC53" s="7">
        <f t="shared" si="614"/>
        <v>5103.125</v>
      </c>
      <c r="FGD53" s="7">
        <f t="shared" si="614"/>
        <v>5103.125</v>
      </c>
      <c r="FGE53" s="7">
        <f t="shared" si="614"/>
        <v>5103.125</v>
      </c>
      <c r="FGF53" s="7">
        <f t="shared" si="614"/>
        <v>5103.125</v>
      </c>
      <c r="FGG53" s="7">
        <f t="shared" si="614"/>
        <v>5103.125</v>
      </c>
      <c r="FGH53" s="7">
        <f t="shared" si="614"/>
        <v>5103.125</v>
      </c>
      <c r="FGI53" s="7">
        <f t="shared" si="614"/>
        <v>5103.125</v>
      </c>
      <c r="FGJ53" s="7">
        <f t="shared" si="614"/>
        <v>5103.125</v>
      </c>
      <c r="FGK53" s="7">
        <f t="shared" si="614"/>
        <v>5103.125</v>
      </c>
      <c r="FGL53" s="7">
        <f t="shared" si="614"/>
        <v>5103.125</v>
      </c>
      <c r="FGM53" s="7">
        <f t="shared" si="614"/>
        <v>5103.125</v>
      </c>
      <c r="FGN53" s="7">
        <f t="shared" si="614"/>
        <v>5103.125</v>
      </c>
      <c r="FGO53" s="7">
        <f t="shared" si="614"/>
        <v>5103.125</v>
      </c>
      <c r="FGP53" s="7">
        <f t="shared" si="614"/>
        <v>5103.125</v>
      </c>
      <c r="FGQ53" s="7">
        <f t="shared" si="614"/>
        <v>5103.125</v>
      </c>
      <c r="FGR53" s="7">
        <f t="shared" si="614"/>
        <v>5103.125</v>
      </c>
      <c r="FGS53" s="7">
        <f t="shared" si="614"/>
        <v>5103.125</v>
      </c>
      <c r="FGT53" s="7">
        <f t="shared" si="614"/>
        <v>5103.125</v>
      </c>
      <c r="FGU53" s="7">
        <f t="shared" si="614"/>
        <v>5103.125</v>
      </c>
      <c r="FGV53" s="7">
        <f t="shared" si="614"/>
        <v>5103.125</v>
      </c>
      <c r="FGW53" s="7">
        <f t="shared" si="614"/>
        <v>5103.125</v>
      </c>
      <c r="FGX53" s="7">
        <f t="shared" si="614"/>
        <v>5103.125</v>
      </c>
      <c r="FGY53" s="7">
        <f t="shared" si="614"/>
        <v>5103.125</v>
      </c>
      <c r="FGZ53" s="7">
        <f t="shared" si="614"/>
        <v>5103.125</v>
      </c>
      <c r="FHA53" s="7">
        <f t="shared" si="614"/>
        <v>5103.125</v>
      </c>
      <c r="FHB53" s="7">
        <f t="shared" si="614"/>
        <v>5103.125</v>
      </c>
      <c r="FHC53" s="7">
        <f t="shared" si="614"/>
        <v>5103.125</v>
      </c>
      <c r="FHD53" s="7">
        <f t="shared" si="614"/>
        <v>5103.125</v>
      </c>
      <c r="FHE53" s="7">
        <f t="shared" si="614"/>
        <v>5103.125</v>
      </c>
      <c r="FHF53" s="7">
        <f t="shared" si="614"/>
        <v>5103.125</v>
      </c>
      <c r="FHG53" s="7">
        <f t="shared" si="614"/>
        <v>5103.125</v>
      </c>
      <c r="FHH53" s="7">
        <f t="shared" si="614"/>
        <v>5103.125</v>
      </c>
      <c r="FHI53" s="7">
        <f t="shared" si="614"/>
        <v>5103.125</v>
      </c>
      <c r="FHJ53" s="7">
        <f t="shared" si="614"/>
        <v>5103.125</v>
      </c>
      <c r="FHK53" s="7">
        <f t="shared" si="614"/>
        <v>5103.125</v>
      </c>
      <c r="FHL53" s="7">
        <f t="shared" si="614"/>
        <v>5103.125</v>
      </c>
      <c r="FHM53" s="7">
        <f t="shared" si="614"/>
        <v>5103.125</v>
      </c>
      <c r="FHN53" s="7">
        <f t="shared" si="614"/>
        <v>5103.125</v>
      </c>
      <c r="FHO53" s="7">
        <f t="shared" si="614"/>
        <v>5103.125</v>
      </c>
      <c r="FHP53" s="7">
        <f t="shared" si="614"/>
        <v>5103.125</v>
      </c>
      <c r="FHQ53" s="7">
        <f t="shared" si="614"/>
        <v>5103.125</v>
      </c>
      <c r="FHR53" s="7">
        <f t="shared" si="614"/>
        <v>5103.125</v>
      </c>
      <c r="FHS53" s="7">
        <f t="shared" si="614"/>
        <v>5103.125</v>
      </c>
      <c r="FHT53" s="7">
        <f t="shared" si="614"/>
        <v>5103.125</v>
      </c>
      <c r="FHU53" s="7">
        <f t="shared" si="614"/>
        <v>5103.125</v>
      </c>
      <c r="FHV53" s="7">
        <f t="shared" si="614"/>
        <v>5103.125</v>
      </c>
      <c r="FHW53" s="7">
        <f t="shared" si="614"/>
        <v>5103.125</v>
      </c>
      <c r="FHX53" s="7">
        <f t="shared" si="614"/>
        <v>5103.125</v>
      </c>
      <c r="FHY53" s="7">
        <f t="shared" si="614"/>
        <v>5103.125</v>
      </c>
      <c r="FHZ53" s="7">
        <f t="shared" si="614"/>
        <v>5103.125</v>
      </c>
      <c r="FIA53" s="7">
        <f t="shared" si="614"/>
        <v>5103.125</v>
      </c>
      <c r="FIB53" s="7">
        <f t="shared" si="614"/>
        <v>5103.125</v>
      </c>
      <c r="FIC53" s="7">
        <f t="shared" si="614"/>
        <v>5103.125</v>
      </c>
      <c r="FID53" s="7">
        <f t="shared" si="614"/>
        <v>5103.125</v>
      </c>
      <c r="FIE53" s="7">
        <f t="shared" si="614"/>
        <v>5103.125</v>
      </c>
      <c r="FIF53" s="7">
        <f t="shared" si="614"/>
        <v>5103.125</v>
      </c>
      <c r="FIG53" s="7">
        <f t="shared" si="614"/>
        <v>5103.125</v>
      </c>
      <c r="FIH53" s="7">
        <f t="shared" ref="FIH53:FKS53" si="615">FIH48+FIG53</f>
        <v>5103.125</v>
      </c>
      <c r="FII53" s="7">
        <f t="shared" si="615"/>
        <v>5103.125</v>
      </c>
      <c r="FIJ53" s="7">
        <f t="shared" si="615"/>
        <v>5103.125</v>
      </c>
      <c r="FIK53" s="7">
        <f t="shared" si="615"/>
        <v>5103.125</v>
      </c>
      <c r="FIL53" s="7">
        <f t="shared" si="615"/>
        <v>5103.125</v>
      </c>
      <c r="FIM53" s="7">
        <f t="shared" si="615"/>
        <v>5103.125</v>
      </c>
      <c r="FIN53" s="7">
        <f t="shared" si="615"/>
        <v>5103.125</v>
      </c>
      <c r="FIO53" s="7">
        <f t="shared" si="615"/>
        <v>5103.125</v>
      </c>
      <c r="FIP53" s="7">
        <f t="shared" si="615"/>
        <v>5103.125</v>
      </c>
      <c r="FIQ53" s="7">
        <f t="shared" si="615"/>
        <v>5103.125</v>
      </c>
      <c r="FIR53" s="7">
        <f t="shared" si="615"/>
        <v>5103.125</v>
      </c>
      <c r="FIS53" s="7">
        <f t="shared" si="615"/>
        <v>5103.125</v>
      </c>
      <c r="FIT53" s="7">
        <f t="shared" si="615"/>
        <v>5103.125</v>
      </c>
      <c r="FIU53" s="7">
        <f t="shared" si="615"/>
        <v>5103.125</v>
      </c>
      <c r="FIV53" s="7">
        <f t="shared" si="615"/>
        <v>5103.125</v>
      </c>
      <c r="FIW53" s="7">
        <f t="shared" si="615"/>
        <v>5103.125</v>
      </c>
      <c r="FIX53" s="7">
        <f t="shared" si="615"/>
        <v>5103.125</v>
      </c>
      <c r="FIY53" s="7">
        <f t="shared" si="615"/>
        <v>5103.125</v>
      </c>
      <c r="FIZ53" s="7">
        <f t="shared" si="615"/>
        <v>5103.125</v>
      </c>
      <c r="FJA53" s="7">
        <f t="shared" si="615"/>
        <v>5103.125</v>
      </c>
      <c r="FJB53" s="7">
        <f t="shared" si="615"/>
        <v>5103.125</v>
      </c>
      <c r="FJC53" s="7">
        <f t="shared" si="615"/>
        <v>5103.125</v>
      </c>
      <c r="FJD53" s="7">
        <f t="shared" si="615"/>
        <v>5103.125</v>
      </c>
      <c r="FJE53" s="7">
        <f t="shared" si="615"/>
        <v>5103.125</v>
      </c>
      <c r="FJF53" s="7">
        <f t="shared" si="615"/>
        <v>5103.125</v>
      </c>
      <c r="FJG53" s="7">
        <f t="shared" si="615"/>
        <v>5103.125</v>
      </c>
      <c r="FJH53" s="7">
        <f t="shared" si="615"/>
        <v>5103.125</v>
      </c>
      <c r="FJI53" s="7">
        <f t="shared" si="615"/>
        <v>5103.125</v>
      </c>
      <c r="FJJ53" s="7">
        <f t="shared" si="615"/>
        <v>5103.125</v>
      </c>
      <c r="FJK53" s="7">
        <f t="shared" si="615"/>
        <v>5103.125</v>
      </c>
      <c r="FJL53" s="7">
        <f t="shared" si="615"/>
        <v>5103.125</v>
      </c>
      <c r="FJM53" s="7">
        <f t="shared" si="615"/>
        <v>5103.125</v>
      </c>
      <c r="FJN53" s="7">
        <f t="shared" si="615"/>
        <v>5103.125</v>
      </c>
      <c r="FJO53" s="7">
        <f t="shared" si="615"/>
        <v>5103.125</v>
      </c>
      <c r="FJP53" s="7">
        <f t="shared" si="615"/>
        <v>5103.125</v>
      </c>
      <c r="FJQ53" s="7">
        <f t="shared" si="615"/>
        <v>5103.125</v>
      </c>
      <c r="FJR53" s="7">
        <f t="shared" si="615"/>
        <v>5103.125</v>
      </c>
      <c r="FJS53" s="7">
        <f t="shared" si="615"/>
        <v>5103.125</v>
      </c>
      <c r="FJT53" s="7">
        <f t="shared" si="615"/>
        <v>5103.125</v>
      </c>
      <c r="FJU53" s="7">
        <f t="shared" si="615"/>
        <v>5103.125</v>
      </c>
      <c r="FJV53" s="7">
        <f t="shared" si="615"/>
        <v>5103.125</v>
      </c>
      <c r="FJW53" s="7">
        <f t="shared" si="615"/>
        <v>5103.125</v>
      </c>
      <c r="FJX53" s="7">
        <f t="shared" si="615"/>
        <v>5103.125</v>
      </c>
      <c r="FJY53" s="7">
        <f t="shared" si="615"/>
        <v>5103.125</v>
      </c>
      <c r="FJZ53" s="7">
        <f t="shared" si="615"/>
        <v>5103.125</v>
      </c>
      <c r="FKA53" s="7">
        <f t="shared" si="615"/>
        <v>5103.125</v>
      </c>
      <c r="FKB53" s="7">
        <f t="shared" si="615"/>
        <v>5103.125</v>
      </c>
      <c r="FKC53" s="7">
        <f t="shared" si="615"/>
        <v>5103.125</v>
      </c>
      <c r="FKD53" s="7">
        <f t="shared" si="615"/>
        <v>5103.125</v>
      </c>
      <c r="FKE53" s="7">
        <f t="shared" si="615"/>
        <v>5103.125</v>
      </c>
      <c r="FKF53" s="7">
        <f t="shared" si="615"/>
        <v>5103.125</v>
      </c>
      <c r="FKG53" s="7">
        <f t="shared" si="615"/>
        <v>5103.125</v>
      </c>
      <c r="FKH53" s="7">
        <f t="shared" si="615"/>
        <v>5103.125</v>
      </c>
      <c r="FKI53" s="7">
        <f t="shared" si="615"/>
        <v>5103.125</v>
      </c>
      <c r="FKJ53" s="7">
        <f t="shared" si="615"/>
        <v>5103.125</v>
      </c>
      <c r="FKK53" s="7">
        <f t="shared" si="615"/>
        <v>5103.125</v>
      </c>
      <c r="FKL53" s="7">
        <f t="shared" si="615"/>
        <v>5103.125</v>
      </c>
      <c r="FKM53" s="7">
        <f t="shared" si="615"/>
        <v>5103.125</v>
      </c>
      <c r="FKN53" s="7">
        <f t="shared" si="615"/>
        <v>5103.125</v>
      </c>
      <c r="FKO53" s="7">
        <f t="shared" si="615"/>
        <v>5103.125</v>
      </c>
      <c r="FKP53" s="7">
        <f t="shared" si="615"/>
        <v>5103.125</v>
      </c>
      <c r="FKQ53" s="7">
        <f t="shared" si="615"/>
        <v>5103.125</v>
      </c>
      <c r="FKR53" s="7">
        <f t="shared" si="615"/>
        <v>5103.125</v>
      </c>
      <c r="FKS53" s="7">
        <f t="shared" si="615"/>
        <v>5103.125</v>
      </c>
      <c r="FKT53" s="7">
        <f t="shared" ref="FKT53:FNE53" si="616">FKT48+FKS53</f>
        <v>5103.125</v>
      </c>
      <c r="FKU53" s="7">
        <f t="shared" si="616"/>
        <v>5103.125</v>
      </c>
      <c r="FKV53" s="7">
        <f t="shared" si="616"/>
        <v>5103.125</v>
      </c>
      <c r="FKW53" s="7">
        <f t="shared" si="616"/>
        <v>5103.125</v>
      </c>
      <c r="FKX53" s="7">
        <f t="shared" si="616"/>
        <v>5103.125</v>
      </c>
      <c r="FKY53" s="7">
        <f t="shared" si="616"/>
        <v>5103.125</v>
      </c>
      <c r="FKZ53" s="7">
        <f t="shared" si="616"/>
        <v>5103.125</v>
      </c>
      <c r="FLA53" s="7">
        <f t="shared" si="616"/>
        <v>5103.125</v>
      </c>
      <c r="FLB53" s="7">
        <f t="shared" si="616"/>
        <v>5103.125</v>
      </c>
      <c r="FLC53" s="7">
        <f t="shared" si="616"/>
        <v>5103.125</v>
      </c>
      <c r="FLD53" s="7">
        <f t="shared" si="616"/>
        <v>5103.125</v>
      </c>
      <c r="FLE53" s="7">
        <f t="shared" si="616"/>
        <v>5103.125</v>
      </c>
      <c r="FLF53" s="7">
        <f t="shared" si="616"/>
        <v>5103.125</v>
      </c>
      <c r="FLG53" s="7">
        <f t="shared" si="616"/>
        <v>5103.125</v>
      </c>
      <c r="FLH53" s="7">
        <f t="shared" si="616"/>
        <v>5103.125</v>
      </c>
      <c r="FLI53" s="7">
        <f t="shared" si="616"/>
        <v>5103.125</v>
      </c>
      <c r="FLJ53" s="7">
        <f t="shared" si="616"/>
        <v>5103.125</v>
      </c>
      <c r="FLK53" s="7">
        <f t="shared" si="616"/>
        <v>5103.125</v>
      </c>
      <c r="FLL53" s="7">
        <f t="shared" si="616"/>
        <v>5103.125</v>
      </c>
      <c r="FLM53" s="7">
        <f t="shared" si="616"/>
        <v>5103.125</v>
      </c>
      <c r="FLN53" s="7">
        <f t="shared" si="616"/>
        <v>5103.125</v>
      </c>
      <c r="FLO53" s="7">
        <f t="shared" si="616"/>
        <v>5103.125</v>
      </c>
      <c r="FLP53" s="7">
        <f t="shared" si="616"/>
        <v>5103.125</v>
      </c>
      <c r="FLQ53" s="7">
        <f t="shared" si="616"/>
        <v>5103.125</v>
      </c>
      <c r="FLR53" s="7">
        <f t="shared" si="616"/>
        <v>5103.125</v>
      </c>
      <c r="FLS53" s="7">
        <f t="shared" si="616"/>
        <v>5103.125</v>
      </c>
      <c r="FLT53" s="7">
        <f t="shared" si="616"/>
        <v>5103.125</v>
      </c>
      <c r="FLU53" s="7">
        <f t="shared" si="616"/>
        <v>5103.125</v>
      </c>
      <c r="FLV53" s="7">
        <f t="shared" si="616"/>
        <v>5103.125</v>
      </c>
      <c r="FLW53" s="7">
        <f t="shared" si="616"/>
        <v>5103.125</v>
      </c>
      <c r="FLX53" s="7">
        <f t="shared" si="616"/>
        <v>5103.125</v>
      </c>
      <c r="FLY53" s="7">
        <f t="shared" si="616"/>
        <v>5103.125</v>
      </c>
      <c r="FLZ53" s="7">
        <f t="shared" si="616"/>
        <v>5103.125</v>
      </c>
      <c r="FMA53" s="7">
        <f t="shared" si="616"/>
        <v>5103.125</v>
      </c>
      <c r="FMB53" s="7">
        <f t="shared" si="616"/>
        <v>5103.125</v>
      </c>
      <c r="FMC53" s="7">
        <f t="shared" si="616"/>
        <v>5103.125</v>
      </c>
      <c r="FMD53" s="7">
        <f t="shared" si="616"/>
        <v>5103.125</v>
      </c>
      <c r="FME53" s="7">
        <f t="shared" si="616"/>
        <v>5103.125</v>
      </c>
      <c r="FMF53" s="7">
        <f t="shared" si="616"/>
        <v>5103.125</v>
      </c>
      <c r="FMG53" s="7">
        <f t="shared" si="616"/>
        <v>5103.125</v>
      </c>
      <c r="FMH53" s="7">
        <f t="shared" si="616"/>
        <v>5103.125</v>
      </c>
      <c r="FMI53" s="7">
        <f t="shared" si="616"/>
        <v>5103.125</v>
      </c>
      <c r="FMJ53" s="7">
        <f t="shared" si="616"/>
        <v>5103.125</v>
      </c>
      <c r="FMK53" s="7">
        <f t="shared" si="616"/>
        <v>5103.125</v>
      </c>
      <c r="FML53" s="7">
        <f t="shared" si="616"/>
        <v>5103.125</v>
      </c>
      <c r="FMM53" s="7">
        <f t="shared" si="616"/>
        <v>5103.125</v>
      </c>
      <c r="FMN53" s="7">
        <f t="shared" si="616"/>
        <v>5103.125</v>
      </c>
      <c r="FMO53" s="7">
        <f t="shared" si="616"/>
        <v>5103.125</v>
      </c>
      <c r="FMP53" s="7">
        <f t="shared" si="616"/>
        <v>5103.125</v>
      </c>
      <c r="FMQ53" s="7">
        <f t="shared" si="616"/>
        <v>5103.125</v>
      </c>
      <c r="FMR53" s="7">
        <f t="shared" si="616"/>
        <v>5103.125</v>
      </c>
      <c r="FMS53" s="7">
        <f t="shared" si="616"/>
        <v>5103.125</v>
      </c>
      <c r="FMT53" s="7">
        <f t="shared" si="616"/>
        <v>5103.125</v>
      </c>
      <c r="FMU53" s="7">
        <f t="shared" si="616"/>
        <v>5103.125</v>
      </c>
      <c r="FMV53" s="7">
        <f t="shared" si="616"/>
        <v>5103.125</v>
      </c>
      <c r="FMW53" s="7">
        <f t="shared" si="616"/>
        <v>5103.125</v>
      </c>
      <c r="FMX53" s="7">
        <f t="shared" si="616"/>
        <v>5103.125</v>
      </c>
      <c r="FMY53" s="7">
        <f t="shared" si="616"/>
        <v>5103.125</v>
      </c>
      <c r="FMZ53" s="7">
        <f t="shared" si="616"/>
        <v>5103.125</v>
      </c>
      <c r="FNA53" s="7">
        <f t="shared" si="616"/>
        <v>5103.125</v>
      </c>
      <c r="FNB53" s="7">
        <f t="shared" si="616"/>
        <v>5103.125</v>
      </c>
      <c r="FNC53" s="7">
        <f t="shared" si="616"/>
        <v>5103.125</v>
      </c>
      <c r="FND53" s="7">
        <f t="shared" si="616"/>
        <v>5103.125</v>
      </c>
      <c r="FNE53" s="7">
        <f t="shared" si="616"/>
        <v>5103.125</v>
      </c>
      <c r="FNF53" s="7">
        <f t="shared" ref="FNF53:FPQ53" si="617">FNF48+FNE53</f>
        <v>5103.125</v>
      </c>
      <c r="FNG53" s="7">
        <f t="shared" si="617"/>
        <v>5103.125</v>
      </c>
      <c r="FNH53" s="7">
        <f t="shared" si="617"/>
        <v>5103.125</v>
      </c>
      <c r="FNI53" s="7">
        <f t="shared" si="617"/>
        <v>5103.125</v>
      </c>
      <c r="FNJ53" s="7">
        <f t="shared" si="617"/>
        <v>5103.125</v>
      </c>
      <c r="FNK53" s="7">
        <f t="shared" si="617"/>
        <v>5103.125</v>
      </c>
      <c r="FNL53" s="7">
        <f t="shared" si="617"/>
        <v>5103.125</v>
      </c>
      <c r="FNM53" s="7">
        <f t="shared" si="617"/>
        <v>5103.125</v>
      </c>
      <c r="FNN53" s="7">
        <f t="shared" si="617"/>
        <v>5103.125</v>
      </c>
      <c r="FNO53" s="7">
        <f t="shared" si="617"/>
        <v>5103.125</v>
      </c>
      <c r="FNP53" s="7">
        <f t="shared" si="617"/>
        <v>5103.125</v>
      </c>
      <c r="FNQ53" s="7">
        <f t="shared" si="617"/>
        <v>5103.125</v>
      </c>
      <c r="FNR53" s="7">
        <f t="shared" si="617"/>
        <v>5103.125</v>
      </c>
      <c r="FNS53" s="7">
        <f t="shared" si="617"/>
        <v>5103.125</v>
      </c>
      <c r="FNT53" s="7">
        <f t="shared" si="617"/>
        <v>5103.125</v>
      </c>
      <c r="FNU53" s="7">
        <f t="shared" si="617"/>
        <v>5103.125</v>
      </c>
      <c r="FNV53" s="7">
        <f t="shared" si="617"/>
        <v>5103.125</v>
      </c>
      <c r="FNW53" s="7">
        <f t="shared" si="617"/>
        <v>5103.125</v>
      </c>
      <c r="FNX53" s="7">
        <f t="shared" si="617"/>
        <v>5103.125</v>
      </c>
      <c r="FNY53" s="7">
        <f t="shared" si="617"/>
        <v>5103.125</v>
      </c>
      <c r="FNZ53" s="7">
        <f t="shared" si="617"/>
        <v>5103.125</v>
      </c>
      <c r="FOA53" s="7">
        <f t="shared" si="617"/>
        <v>5103.125</v>
      </c>
      <c r="FOB53" s="7">
        <f t="shared" si="617"/>
        <v>5103.125</v>
      </c>
      <c r="FOC53" s="7">
        <f t="shared" si="617"/>
        <v>5103.125</v>
      </c>
      <c r="FOD53" s="7">
        <f t="shared" si="617"/>
        <v>5103.125</v>
      </c>
      <c r="FOE53" s="7">
        <f t="shared" si="617"/>
        <v>5103.125</v>
      </c>
      <c r="FOF53" s="7">
        <f t="shared" si="617"/>
        <v>5103.125</v>
      </c>
      <c r="FOG53" s="7">
        <f t="shared" si="617"/>
        <v>5103.125</v>
      </c>
      <c r="FOH53" s="7">
        <f t="shared" si="617"/>
        <v>5103.125</v>
      </c>
      <c r="FOI53" s="7">
        <f t="shared" si="617"/>
        <v>5103.125</v>
      </c>
      <c r="FOJ53" s="7">
        <f t="shared" si="617"/>
        <v>5103.125</v>
      </c>
      <c r="FOK53" s="7">
        <f t="shared" si="617"/>
        <v>5103.125</v>
      </c>
      <c r="FOL53" s="7">
        <f t="shared" si="617"/>
        <v>5103.125</v>
      </c>
      <c r="FOM53" s="7">
        <f t="shared" si="617"/>
        <v>5103.125</v>
      </c>
      <c r="FON53" s="7">
        <f t="shared" si="617"/>
        <v>5103.125</v>
      </c>
      <c r="FOO53" s="7">
        <f t="shared" si="617"/>
        <v>5103.125</v>
      </c>
      <c r="FOP53" s="7">
        <f t="shared" si="617"/>
        <v>5103.125</v>
      </c>
      <c r="FOQ53" s="7">
        <f t="shared" si="617"/>
        <v>5103.125</v>
      </c>
      <c r="FOR53" s="7">
        <f t="shared" si="617"/>
        <v>5103.125</v>
      </c>
      <c r="FOS53" s="7">
        <f t="shared" si="617"/>
        <v>5103.125</v>
      </c>
      <c r="FOT53" s="7">
        <f t="shared" si="617"/>
        <v>5103.125</v>
      </c>
      <c r="FOU53" s="7">
        <f t="shared" si="617"/>
        <v>5103.125</v>
      </c>
      <c r="FOV53" s="7">
        <f t="shared" si="617"/>
        <v>5103.125</v>
      </c>
      <c r="FOW53" s="7">
        <f t="shared" si="617"/>
        <v>5103.125</v>
      </c>
      <c r="FOX53" s="7">
        <f t="shared" si="617"/>
        <v>5103.125</v>
      </c>
      <c r="FOY53" s="7">
        <f t="shared" si="617"/>
        <v>5103.125</v>
      </c>
      <c r="FOZ53" s="7">
        <f t="shared" si="617"/>
        <v>5103.125</v>
      </c>
      <c r="FPA53" s="7">
        <f t="shared" si="617"/>
        <v>5103.125</v>
      </c>
      <c r="FPB53" s="7">
        <f t="shared" si="617"/>
        <v>5103.125</v>
      </c>
      <c r="FPC53" s="7">
        <f t="shared" si="617"/>
        <v>5103.125</v>
      </c>
      <c r="FPD53" s="7">
        <f t="shared" si="617"/>
        <v>5103.125</v>
      </c>
      <c r="FPE53" s="7">
        <f t="shared" si="617"/>
        <v>5103.125</v>
      </c>
      <c r="FPF53" s="7">
        <f t="shared" si="617"/>
        <v>5103.125</v>
      </c>
      <c r="FPG53" s="7">
        <f t="shared" si="617"/>
        <v>5103.125</v>
      </c>
      <c r="FPH53" s="7">
        <f t="shared" si="617"/>
        <v>5103.125</v>
      </c>
      <c r="FPI53" s="7">
        <f t="shared" si="617"/>
        <v>5103.125</v>
      </c>
      <c r="FPJ53" s="7">
        <f t="shared" si="617"/>
        <v>5103.125</v>
      </c>
      <c r="FPK53" s="7">
        <f t="shared" si="617"/>
        <v>5103.125</v>
      </c>
      <c r="FPL53" s="7">
        <f t="shared" si="617"/>
        <v>5103.125</v>
      </c>
      <c r="FPM53" s="7">
        <f t="shared" si="617"/>
        <v>5103.125</v>
      </c>
      <c r="FPN53" s="7">
        <f t="shared" si="617"/>
        <v>5103.125</v>
      </c>
      <c r="FPO53" s="7">
        <f t="shared" si="617"/>
        <v>5103.125</v>
      </c>
      <c r="FPP53" s="7">
        <f t="shared" si="617"/>
        <v>5103.125</v>
      </c>
      <c r="FPQ53" s="7">
        <f t="shared" si="617"/>
        <v>5103.125</v>
      </c>
      <c r="FPR53" s="7">
        <f t="shared" ref="FPR53:FSC53" si="618">FPR48+FPQ53</f>
        <v>5103.125</v>
      </c>
      <c r="FPS53" s="7">
        <f t="shared" si="618"/>
        <v>5103.125</v>
      </c>
      <c r="FPT53" s="7">
        <f t="shared" si="618"/>
        <v>5103.125</v>
      </c>
      <c r="FPU53" s="7">
        <f t="shared" si="618"/>
        <v>5103.125</v>
      </c>
      <c r="FPV53" s="7">
        <f t="shared" si="618"/>
        <v>5103.125</v>
      </c>
      <c r="FPW53" s="7">
        <f t="shared" si="618"/>
        <v>5103.125</v>
      </c>
      <c r="FPX53" s="7">
        <f t="shared" si="618"/>
        <v>5103.125</v>
      </c>
      <c r="FPY53" s="7">
        <f t="shared" si="618"/>
        <v>5103.125</v>
      </c>
      <c r="FPZ53" s="7">
        <f t="shared" si="618"/>
        <v>5103.125</v>
      </c>
      <c r="FQA53" s="7">
        <f t="shared" si="618"/>
        <v>5103.125</v>
      </c>
      <c r="FQB53" s="7">
        <f t="shared" si="618"/>
        <v>5103.125</v>
      </c>
      <c r="FQC53" s="7">
        <f t="shared" si="618"/>
        <v>5103.125</v>
      </c>
      <c r="FQD53" s="7">
        <f t="shared" si="618"/>
        <v>5103.125</v>
      </c>
      <c r="FQE53" s="7">
        <f t="shared" si="618"/>
        <v>5103.125</v>
      </c>
      <c r="FQF53" s="7">
        <f t="shared" si="618"/>
        <v>5103.125</v>
      </c>
      <c r="FQG53" s="7">
        <f t="shared" si="618"/>
        <v>5103.125</v>
      </c>
      <c r="FQH53" s="7">
        <f t="shared" si="618"/>
        <v>5103.125</v>
      </c>
      <c r="FQI53" s="7">
        <f t="shared" si="618"/>
        <v>5103.125</v>
      </c>
      <c r="FQJ53" s="7">
        <f t="shared" si="618"/>
        <v>5103.125</v>
      </c>
      <c r="FQK53" s="7">
        <f t="shared" si="618"/>
        <v>5103.125</v>
      </c>
      <c r="FQL53" s="7">
        <f t="shared" si="618"/>
        <v>5103.125</v>
      </c>
      <c r="FQM53" s="7">
        <f t="shared" si="618"/>
        <v>5103.125</v>
      </c>
      <c r="FQN53" s="7">
        <f t="shared" si="618"/>
        <v>5103.125</v>
      </c>
      <c r="FQO53" s="7">
        <f t="shared" si="618"/>
        <v>5103.125</v>
      </c>
      <c r="FQP53" s="7">
        <f t="shared" si="618"/>
        <v>5103.125</v>
      </c>
      <c r="FQQ53" s="7">
        <f t="shared" si="618"/>
        <v>5103.125</v>
      </c>
      <c r="FQR53" s="7">
        <f t="shared" si="618"/>
        <v>5103.125</v>
      </c>
      <c r="FQS53" s="7">
        <f t="shared" si="618"/>
        <v>5103.125</v>
      </c>
      <c r="FQT53" s="7">
        <f t="shared" si="618"/>
        <v>5103.125</v>
      </c>
      <c r="FQU53" s="7">
        <f t="shared" si="618"/>
        <v>5103.125</v>
      </c>
      <c r="FQV53" s="7">
        <f t="shared" si="618"/>
        <v>5103.125</v>
      </c>
      <c r="FQW53" s="7">
        <f t="shared" si="618"/>
        <v>5103.125</v>
      </c>
      <c r="FQX53" s="7">
        <f t="shared" si="618"/>
        <v>5103.125</v>
      </c>
      <c r="FQY53" s="7">
        <f t="shared" si="618"/>
        <v>5103.125</v>
      </c>
      <c r="FQZ53" s="7">
        <f t="shared" si="618"/>
        <v>5103.125</v>
      </c>
      <c r="FRA53" s="7">
        <f t="shared" si="618"/>
        <v>5103.125</v>
      </c>
      <c r="FRB53" s="7">
        <f t="shared" si="618"/>
        <v>5103.125</v>
      </c>
      <c r="FRC53" s="7">
        <f t="shared" si="618"/>
        <v>5103.125</v>
      </c>
      <c r="FRD53" s="7">
        <f t="shared" si="618"/>
        <v>5103.125</v>
      </c>
      <c r="FRE53" s="7">
        <f t="shared" si="618"/>
        <v>5103.125</v>
      </c>
      <c r="FRF53" s="7">
        <f t="shared" si="618"/>
        <v>5103.125</v>
      </c>
      <c r="FRG53" s="7">
        <f t="shared" si="618"/>
        <v>5103.125</v>
      </c>
      <c r="FRH53" s="7">
        <f t="shared" si="618"/>
        <v>5103.125</v>
      </c>
      <c r="FRI53" s="7">
        <f t="shared" si="618"/>
        <v>5103.125</v>
      </c>
      <c r="FRJ53" s="7">
        <f t="shared" si="618"/>
        <v>5103.125</v>
      </c>
      <c r="FRK53" s="7">
        <f t="shared" si="618"/>
        <v>5103.125</v>
      </c>
      <c r="FRL53" s="7">
        <f t="shared" si="618"/>
        <v>5103.125</v>
      </c>
      <c r="FRM53" s="7">
        <f t="shared" si="618"/>
        <v>5103.125</v>
      </c>
      <c r="FRN53" s="7">
        <f t="shared" si="618"/>
        <v>5103.125</v>
      </c>
      <c r="FRO53" s="7">
        <f t="shared" si="618"/>
        <v>5103.125</v>
      </c>
      <c r="FRP53" s="7">
        <f t="shared" si="618"/>
        <v>5103.125</v>
      </c>
      <c r="FRQ53" s="7">
        <f t="shared" si="618"/>
        <v>5103.125</v>
      </c>
      <c r="FRR53" s="7">
        <f t="shared" si="618"/>
        <v>5103.125</v>
      </c>
      <c r="FRS53" s="7">
        <f t="shared" si="618"/>
        <v>5103.125</v>
      </c>
      <c r="FRT53" s="7">
        <f t="shared" si="618"/>
        <v>5103.125</v>
      </c>
      <c r="FRU53" s="7">
        <f t="shared" si="618"/>
        <v>5103.125</v>
      </c>
      <c r="FRV53" s="7">
        <f t="shared" si="618"/>
        <v>5103.125</v>
      </c>
      <c r="FRW53" s="7">
        <f t="shared" si="618"/>
        <v>5103.125</v>
      </c>
      <c r="FRX53" s="7">
        <f t="shared" si="618"/>
        <v>5103.125</v>
      </c>
      <c r="FRY53" s="7">
        <f t="shared" si="618"/>
        <v>5103.125</v>
      </c>
      <c r="FRZ53" s="7">
        <f t="shared" si="618"/>
        <v>5103.125</v>
      </c>
      <c r="FSA53" s="7">
        <f t="shared" si="618"/>
        <v>5103.125</v>
      </c>
      <c r="FSB53" s="7">
        <f t="shared" si="618"/>
        <v>5103.125</v>
      </c>
      <c r="FSC53" s="7">
        <f t="shared" si="618"/>
        <v>5103.125</v>
      </c>
      <c r="FSD53" s="7">
        <f t="shared" ref="FSD53:FUO53" si="619">FSD48+FSC53</f>
        <v>5103.125</v>
      </c>
      <c r="FSE53" s="7">
        <f t="shared" si="619"/>
        <v>5103.125</v>
      </c>
      <c r="FSF53" s="7">
        <f t="shared" si="619"/>
        <v>5103.125</v>
      </c>
      <c r="FSG53" s="7">
        <f t="shared" si="619"/>
        <v>5103.125</v>
      </c>
      <c r="FSH53" s="7">
        <f t="shared" si="619"/>
        <v>5103.125</v>
      </c>
      <c r="FSI53" s="7">
        <f t="shared" si="619"/>
        <v>5103.125</v>
      </c>
      <c r="FSJ53" s="7">
        <f t="shared" si="619"/>
        <v>5103.125</v>
      </c>
      <c r="FSK53" s="7">
        <f t="shared" si="619"/>
        <v>5103.125</v>
      </c>
      <c r="FSL53" s="7">
        <f t="shared" si="619"/>
        <v>5103.125</v>
      </c>
      <c r="FSM53" s="7">
        <f t="shared" si="619"/>
        <v>5103.125</v>
      </c>
      <c r="FSN53" s="7">
        <f t="shared" si="619"/>
        <v>5103.125</v>
      </c>
      <c r="FSO53" s="7">
        <f t="shared" si="619"/>
        <v>5103.125</v>
      </c>
      <c r="FSP53" s="7">
        <f t="shared" si="619"/>
        <v>5103.125</v>
      </c>
      <c r="FSQ53" s="7">
        <f t="shared" si="619"/>
        <v>5103.125</v>
      </c>
      <c r="FSR53" s="7">
        <f t="shared" si="619"/>
        <v>5103.125</v>
      </c>
      <c r="FSS53" s="7">
        <f t="shared" si="619"/>
        <v>5103.125</v>
      </c>
      <c r="FST53" s="7">
        <f t="shared" si="619"/>
        <v>5103.125</v>
      </c>
      <c r="FSU53" s="7">
        <f t="shared" si="619"/>
        <v>5103.125</v>
      </c>
      <c r="FSV53" s="7">
        <f t="shared" si="619"/>
        <v>5103.125</v>
      </c>
      <c r="FSW53" s="7">
        <f t="shared" si="619"/>
        <v>5103.125</v>
      </c>
      <c r="FSX53" s="7">
        <f t="shared" si="619"/>
        <v>5103.125</v>
      </c>
      <c r="FSY53" s="7">
        <f t="shared" si="619"/>
        <v>5103.125</v>
      </c>
      <c r="FSZ53" s="7">
        <f t="shared" si="619"/>
        <v>5103.125</v>
      </c>
      <c r="FTA53" s="7">
        <f t="shared" si="619"/>
        <v>5103.125</v>
      </c>
      <c r="FTB53" s="7">
        <f t="shared" si="619"/>
        <v>5103.125</v>
      </c>
      <c r="FTC53" s="7">
        <f t="shared" si="619"/>
        <v>5103.125</v>
      </c>
      <c r="FTD53" s="7">
        <f t="shared" si="619"/>
        <v>5103.125</v>
      </c>
      <c r="FTE53" s="7">
        <f t="shared" si="619"/>
        <v>5103.125</v>
      </c>
      <c r="FTF53" s="7">
        <f t="shared" si="619"/>
        <v>5103.125</v>
      </c>
      <c r="FTG53" s="7">
        <f t="shared" si="619"/>
        <v>5103.125</v>
      </c>
      <c r="FTH53" s="7">
        <f t="shared" si="619"/>
        <v>5103.125</v>
      </c>
      <c r="FTI53" s="7">
        <f t="shared" si="619"/>
        <v>5103.125</v>
      </c>
      <c r="FTJ53" s="7">
        <f t="shared" si="619"/>
        <v>5103.125</v>
      </c>
      <c r="FTK53" s="7">
        <f t="shared" si="619"/>
        <v>5103.125</v>
      </c>
      <c r="FTL53" s="7">
        <f t="shared" si="619"/>
        <v>5103.125</v>
      </c>
      <c r="FTM53" s="7">
        <f t="shared" si="619"/>
        <v>5103.125</v>
      </c>
      <c r="FTN53" s="7">
        <f t="shared" si="619"/>
        <v>5103.125</v>
      </c>
      <c r="FTO53" s="7">
        <f t="shared" si="619"/>
        <v>5103.125</v>
      </c>
      <c r="FTP53" s="7">
        <f t="shared" si="619"/>
        <v>5103.125</v>
      </c>
      <c r="FTQ53" s="7">
        <f t="shared" si="619"/>
        <v>5103.125</v>
      </c>
      <c r="FTR53" s="7">
        <f t="shared" si="619"/>
        <v>5103.125</v>
      </c>
      <c r="FTS53" s="7">
        <f t="shared" si="619"/>
        <v>5103.125</v>
      </c>
      <c r="FTT53" s="7">
        <f t="shared" si="619"/>
        <v>5103.125</v>
      </c>
      <c r="FTU53" s="7">
        <f t="shared" si="619"/>
        <v>5103.125</v>
      </c>
      <c r="FTV53" s="7">
        <f t="shared" si="619"/>
        <v>5103.125</v>
      </c>
      <c r="FTW53" s="7">
        <f t="shared" si="619"/>
        <v>5103.125</v>
      </c>
      <c r="FTX53" s="7">
        <f t="shared" si="619"/>
        <v>5103.125</v>
      </c>
      <c r="FTY53" s="7">
        <f t="shared" si="619"/>
        <v>5103.125</v>
      </c>
      <c r="FTZ53" s="7">
        <f t="shared" si="619"/>
        <v>5103.125</v>
      </c>
      <c r="FUA53" s="7">
        <f t="shared" si="619"/>
        <v>5103.125</v>
      </c>
      <c r="FUB53" s="7">
        <f t="shared" si="619"/>
        <v>5103.125</v>
      </c>
      <c r="FUC53" s="7">
        <f t="shared" si="619"/>
        <v>5103.125</v>
      </c>
      <c r="FUD53" s="7">
        <f t="shared" si="619"/>
        <v>5103.125</v>
      </c>
      <c r="FUE53" s="7">
        <f t="shared" si="619"/>
        <v>5103.125</v>
      </c>
      <c r="FUF53" s="7">
        <f t="shared" si="619"/>
        <v>5103.125</v>
      </c>
      <c r="FUG53" s="7">
        <f t="shared" si="619"/>
        <v>5103.125</v>
      </c>
      <c r="FUH53" s="7">
        <f t="shared" si="619"/>
        <v>5103.125</v>
      </c>
      <c r="FUI53" s="7">
        <f t="shared" si="619"/>
        <v>5103.125</v>
      </c>
      <c r="FUJ53" s="7">
        <f t="shared" si="619"/>
        <v>5103.125</v>
      </c>
      <c r="FUK53" s="7">
        <f t="shared" si="619"/>
        <v>5103.125</v>
      </c>
      <c r="FUL53" s="7">
        <f t="shared" si="619"/>
        <v>5103.125</v>
      </c>
      <c r="FUM53" s="7">
        <f t="shared" si="619"/>
        <v>5103.125</v>
      </c>
      <c r="FUN53" s="7">
        <f t="shared" si="619"/>
        <v>5103.125</v>
      </c>
      <c r="FUO53" s="7">
        <f t="shared" si="619"/>
        <v>5103.125</v>
      </c>
      <c r="FUP53" s="7">
        <f t="shared" ref="FUP53:FXA53" si="620">FUP48+FUO53</f>
        <v>5103.125</v>
      </c>
      <c r="FUQ53" s="7">
        <f t="shared" si="620"/>
        <v>5103.125</v>
      </c>
      <c r="FUR53" s="7">
        <f t="shared" si="620"/>
        <v>5103.125</v>
      </c>
      <c r="FUS53" s="7">
        <f t="shared" si="620"/>
        <v>5103.125</v>
      </c>
      <c r="FUT53" s="7">
        <f t="shared" si="620"/>
        <v>5103.125</v>
      </c>
      <c r="FUU53" s="7">
        <f t="shared" si="620"/>
        <v>5103.125</v>
      </c>
      <c r="FUV53" s="7">
        <f t="shared" si="620"/>
        <v>5103.125</v>
      </c>
      <c r="FUW53" s="7">
        <f t="shared" si="620"/>
        <v>5103.125</v>
      </c>
      <c r="FUX53" s="7">
        <f t="shared" si="620"/>
        <v>5103.125</v>
      </c>
      <c r="FUY53" s="7">
        <f t="shared" si="620"/>
        <v>5103.125</v>
      </c>
      <c r="FUZ53" s="7">
        <f t="shared" si="620"/>
        <v>5103.125</v>
      </c>
      <c r="FVA53" s="7">
        <f t="shared" si="620"/>
        <v>5103.125</v>
      </c>
      <c r="FVB53" s="7">
        <f t="shared" si="620"/>
        <v>5103.125</v>
      </c>
      <c r="FVC53" s="7">
        <f t="shared" si="620"/>
        <v>5103.125</v>
      </c>
      <c r="FVD53" s="7">
        <f t="shared" si="620"/>
        <v>5103.125</v>
      </c>
      <c r="FVE53" s="7">
        <f t="shared" si="620"/>
        <v>5103.125</v>
      </c>
      <c r="FVF53" s="7">
        <f t="shared" si="620"/>
        <v>5103.125</v>
      </c>
      <c r="FVG53" s="7">
        <f t="shared" si="620"/>
        <v>5103.125</v>
      </c>
      <c r="FVH53" s="7">
        <f t="shared" si="620"/>
        <v>5103.125</v>
      </c>
      <c r="FVI53" s="7">
        <f t="shared" si="620"/>
        <v>5103.125</v>
      </c>
      <c r="FVJ53" s="7">
        <f t="shared" si="620"/>
        <v>5103.125</v>
      </c>
      <c r="FVK53" s="7">
        <f t="shared" si="620"/>
        <v>5103.125</v>
      </c>
      <c r="FVL53" s="7">
        <f t="shared" si="620"/>
        <v>5103.125</v>
      </c>
      <c r="FVM53" s="7">
        <f t="shared" si="620"/>
        <v>5103.125</v>
      </c>
      <c r="FVN53" s="7">
        <f t="shared" si="620"/>
        <v>5103.125</v>
      </c>
      <c r="FVO53" s="7">
        <f t="shared" si="620"/>
        <v>5103.125</v>
      </c>
      <c r="FVP53" s="7">
        <f t="shared" si="620"/>
        <v>5103.125</v>
      </c>
      <c r="FVQ53" s="7">
        <f t="shared" si="620"/>
        <v>5103.125</v>
      </c>
      <c r="FVR53" s="7">
        <f t="shared" si="620"/>
        <v>5103.125</v>
      </c>
      <c r="FVS53" s="7">
        <f t="shared" si="620"/>
        <v>5103.125</v>
      </c>
      <c r="FVT53" s="7">
        <f t="shared" si="620"/>
        <v>5103.125</v>
      </c>
      <c r="FVU53" s="7">
        <f t="shared" si="620"/>
        <v>5103.125</v>
      </c>
      <c r="FVV53" s="7">
        <f t="shared" si="620"/>
        <v>5103.125</v>
      </c>
      <c r="FVW53" s="7">
        <f t="shared" si="620"/>
        <v>5103.125</v>
      </c>
      <c r="FVX53" s="7">
        <f t="shared" si="620"/>
        <v>5103.125</v>
      </c>
      <c r="FVY53" s="7">
        <f t="shared" si="620"/>
        <v>5103.125</v>
      </c>
      <c r="FVZ53" s="7">
        <f t="shared" si="620"/>
        <v>5103.125</v>
      </c>
      <c r="FWA53" s="7">
        <f t="shared" si="620"/>
        <v>5103.125</v>
      </c>
      <c r="FWB53" s="7">
        <f t="shared" si="620"/>
        <v>5103.125</v>
      </c>
      <c r="FWC53" s="7">
        <f t="shared" si="620"/>
        <v>5103.125</v>
      </c>
      <c r="FWD53" s="7">
        <f t="shared" si="620"/>
        <v>5103.125</v>
      </c>
      <c r="FWE53" s="7">
        <f t="shared" si="620"/>
        <v>5103.125</v>
      </c>
      <c r="FWF53" s="7">
        <f t="shared" si="620"/>
        <v>5103.125</v>
      </c>
      <c r="FWG53" s="7">
        <f t="shared" si="620"/>
        <v>5103.125</v>
      </c>
      <c r="FWH53" s="7">
        <f t="shared" si="620"/>
        <v>5103.125</v>
      </c>
      <c r="FWI53" s="7">
        <f t="shared" si="620"/>
        <v>5103.125</v>
      </c>
      <c r="FWJ53" s="7">
        <f t="shared" si="620"/>
        <v>5103.125</v>
      </c>
      <c r="FWK53" s="7">
        <f t="shared" si="620"/>
        <v>5103.125</v>
      </c>
      <c r="FWL53" s="7">
        <f t="shared" si="620"/>
        <v>5103.125</v>
      </c>
      <c r="FWM53" s="7">
        <f t="shared" si="620"/>
        <v>5103.125</v>
      </c>
      <c r="FWN53" s="7">
        <f t="shared" si="620"/>
        <v>5103.125</v>
      </c>
      <c r="FWO53" s="7">
        <f t="shared" si="620"/>
        <v>5103.125</v>
      </c>
      <c r="FWP53" s="7">
        <f t="shared" si="620"/>
        <v>5103.125</v>
      </c>
      <c r="FWQ53" s="7">
        <f t="shared" si="620"/>
        <v>5103.125</v>
      </c>
      <c r="FWR53" s="7">
        <f t="shared" si="620"/>
        <v>5103.125</v>
      </c>
      <c r="FWS53" s="7">
        <f t="shared" si="620"/>
        <v>5103.125</v>
      </c>
      <c r="FWT53" s="7">
        <f t="shared" si="620"/>
        <v>5103.125</v>
      </c>
      <c r="FWU53" s="7">
        <f t="shared" si="620"/>
        <v>5103.125</v>
      </c>
      <c r="FWV53" s="7">
        <f t="shared" si="620"/>
        <v>5103.125</v>
      </c>
      <c r="FWW53" s="7">
        <f t="shared" si="620"/>
        <v>5103.125</v>
      </c>
      <c r="FWX53" s="7">
        <f t="shared" si="620"/>
        <v>5103.125</v>
      </c>
      <c r="FWY53" s="7">
        <f t="shared" si="620"/>
        <v>5103.125</v>
      </c>
      <c r="FWZ53" s="7">
        <f t="shared" si="620"/>
        <v>5103.125</v>
      </c>
      <c r="FXA53" s="7">
        <f t="shared" si="620"/>
        <v>5103.125</v>
      </c>
      <c r="FXB53" s="7">
        <f t="shared" ref="FXB53:FZM53" si="621">FXB48+FXA53</f>
        <v>5103.125</v>
      </c>
      <c r="FXC53" s="7">
        <f t="shared" si="621"/>
        <v>5103.125</v>
      </c>
      <c r="FXD53" s="7">
        <f t="shared" si="621"/>
        <v>5103.125</v>
      </c>
      <c r="FXE53" s="7">
        <f t="shared" si="621"/>
        <v>5103.125</v>
      </c>
      <c r="FXF53" s="7">
        <f t="shared" si="621"/>
        <v>5103.125</v>
      </c>
      <c r="FXG53" s="7">
        <f t="shared" si="621"/>
        <v>5103.125</v>
      </c>
      <c r="FXH53" s="7">
        <f t="shared" si="621"/>
        <v>5103.125</v>
      </c>
      <c r="FXI53" s="7">
        <f t="shared" si="621"/>
        <v>5103.125</v>
      </c>
      <c r="FXJ53" s="7">
        <f t="shared" si="621"/>
        <v>5103.125</v>
      </c>
      <c r="FXK53" s="7">
        <f t="shared" si="621"/>
        <v>5103.125</v>
      </c>
      <c r="FXL53" s="7">
        <f t="shared" si="621"/>
        <v>5103.125</v>
      </c>
      <c r="FXM53" s="7">
        <f t="shared" si="621"/>
        <v>5103.125</v>
      </c>
      <c r="FXN53" s="7">
        <f t="shared" si="621"/>
        <v>5103.125</v>
      </c>
      <c r="FXO53" s="7">
        <f t="shared" si="621"/>
        <v>5103.125</v>
      </c>
      <c r="FXP53" s="7">
        <f t="shared" si="621"/>
        <v>5103.125</v>
      </c>
      <c r="FXQ53" s="7">
        <f t="shared" si="621"/>
        <v>5103.125</v>
      </c>
      <c r="FXR53" s="7">
        <f t="shared" si="621"/>
        <v>5103.125</v>
      </c>
      <c r="FXS53" s="7">
        <f t="shared" si="621"/>
        <v>5103.125</v>
      </c>
      <c r="FXT53" s="7">
        <f t="shared" si="621"/>
        <v>5103.125</v>
      </c>
      <c r="FXU53" s="7">
        <f t="shared" si="621"/>
        <v>5103.125</v>
      </c>
      <c r="FXV53" s="7">
        <f t="shared" si="621"/>
        <v>5103.125</v>
      </c>
      <c r="FXW53" s="7">
        <f t="shared" si="621"/>
        <v>5103.125</v>
      </c>
      <c r="FXX53" s="7">
        <f t="shared" si="621"/>
        <v>5103.125</v>
      </c>
      <c r="FXY53" s="7">
        <f t="shared" si="621"/>
        <v>5103.125</v>
      </c>
      <c r="FXZ53" s="7">
        <f t="shared" si="621"/>
        <v>5103.125</v>
      </c>
      <c r="FYA53" s="7">
        <f t="shared" si="621"/>
        <v>5103.125</v>
      </c>
      <c r="FYB53" s="7">
        <f t="shared" si="621"/>
        <v>5103.125</v>
      </c>
      <c r="FYC53" s="7">
        <f t="shared" si="621"/>
        <v>5103.125</v>
      </c>
      <c r="FYD53" s="7">
        <f t="shared" si="621"/>
        <v>5103.125</v>
      </c>
      <c r="FYE53" s="7">
        <f t="shared" si="621"/>
        <v>5103.125</v>
      </c>
      <c r="FYF53" s="7">
        <f t="shared" si="621"/>
        <v>5103.125</v>
      </c>
      <c r="FYG53" s="7">
        <f t="shared" si="621"/>
        <v>5103.125</v>
      </c>
      <c r="FYH53" s="7">
        <f t="shared" si="621"/>
        <v>5103.125</v>
      </c>
      <c r="FYI53" s="7">
        <f t="shared" si="621"/>
        <v>5103.125</v>
      </c>
      <c r="FYJ53" s="7">
        <f t="shared" si="621"/>
        <v>5103.125</v>
      </c>
      <c r="FYK53" s="7">
        <f t="shared" si="621"/>
        <v>5103.125</v>
      </c>
      <c r="FYL53" s="7">
        <f t="shared" si="621"/>
        <v>5103.125</v>
      </c>
      <c r="FYM53" s="7">
        <f t="shared" si="621"/>
        <v>5103.125</v>
      </c>
      <c r="FYN53" s="7">
        <f t="shared" si="621"/>
        <v>5103.125</v>
      </c>
      <c r="FYO53" s="7">
        <f t="shared" si="621"/>
        <v>5103.125</v>
      </c>
      <c r="FYP53" s="7">
        <f t="shared" si="621"/>
        <v>5103.125</v>
      </c>
      <c r="FYQ53" s="7">
        <f t="shared" si="621"/>
        <v>5103.125</v>
      </c>
      <c r="FYR53" s="7">
        <f t="shared" si="621"/>
        <v>5103.125</v>
      </c>
      <c r="FYS53" s="7">
        <f t="shared" si="621"/>
        <v>5103.125</v>
      </c>
      <c r="FYT53" s="7">
        <f t="shared" si="621"/>
        <v>5103.125</v>
      </c>
      <c r="FYU53" s="7">
        <f t="shared" si="621"/>
        <v>5103.125</v>
      </c>
      <c r="FYV53" s="7">
        <f t="shared" si="621"/>
        <v>5103.125</v>
      </c>
      <c r="FYW53" s="7">
        <f t="shared" si="621"/>
        <v>5103.125</v>
      </c>
      <c r="FYX53" s="7">
        <f t="shared" si="621"/>
        <v>5103.125</v>
      </c>
      <c r="FYY53" s="7">
        <f t="shared" si="621"/>
        <v>5103.125</v>
      </c>
      <c r="FYZ53" s="7">
        <f t="shared" si="621"/>
        <v>5103.125</v>
      </c>
      <c r="FZA53" s="7">
        <f t="shared" si="621"/>
        <v>5103.125</v>
      </c>
      <c r="FZB53" s="7">
        <f t="shared" si="621"/>
        <v>5103.125</v>
      </c>
      <c r="FZC53" s="7">
        <f t="shared" si="621"/>
        <v>5103.125</v>
      </c>
      <c r="FZD53" s="7">
        <f t="shared" si="621"/>
        <v>5103.125</v>
      </c>
      <c r="FZE53" s="7">
        <f t="shared" si="621"/>
        <v>5103.125</v>
      </c>
      <c r="FZF53" s="7">
        <f t="shared" si="621"/>
        <v>5103.125</v>
      </c>
      <c r="FZG53" s="7">
        <f t="shared" si="621"/>
        <v>5103.125</v>
      </c>
      <c r="FZH53" s="7">
        <f t="shared" si="621"/>
        <v>5103.125</v>
      </c>
      <c r="FZI53" s="7">
        <f t="shared" si="621"/>
        <v>5103.125</v>
      </c>
      <c r="FZJ53" s="7">
        <f t="shared" si="621"/>
        <v>5103.125</v>
      </c>
      <c r="FZK53" s="7">
        <f t="shared" si="621"/>
        <v>5103.125</v>
      </c>
      <c r="FZL53" s="7">
        <f t="shared" si="621"/>
        <v>5103.125</v>
      </c>
      <c r="FZM53" s="7">
        <f t="shared" si="621"/>
        <v>5103.125</v>
      </c>
      <c r="FZN53" s="7">
        <f t="shared" ref="FZN53:GBY53" si="622">FZN48+FZM53</f>
        <v>5103.125</v>
      </c>
      <c r="FZO53" s="7">
        <f t="shared" si="622"/>
        <v>5103.125</v>
      </c>
      <c r="FZP53" s="7">
        <f t="shared" si="622"/>
        <v>5103.125</v>
      </c>
      <c r="FZQ53" s="7">
        <f t="shared" si="622"/>
        <v>5103.125</v>
      </c>
      <c r="FZR53" s="7">
        <f t="shared" si="622"/>
        <v>5103.125</v>
      </c>
      <c r="FZS53" s="7">
        <f t="shared" si="622"/>
        <v>5103.125</v>
      </c>
      <c r="FZT53" s="7">
        <f t="shared" si="622"/>
        <v>5103.125</v>
      </c>
      <c r="FZU53" s="7">
        <f t="shared" si="622"/>
        <v>5103.125</v>
      </c>
      <c r="FZV53" s="7">
        <f t="shared" si="622"/>
        <v>5103.125</v>
      </c>
      <c r="FZW53" s="7">
        <f t="shared" si="622"/>
        <v>5103.125</v>
      </c>
      <c r="FZX53" s="7">
        <f t="shared" si="622"/>
        <v>5103.125</v>
      </c>
      <c r="FZY53" s="7">
        <f t="shared" si="622"/>
        <v>5103.125</v>
      </c>
      <c r="FZZ53" s="7">
        <f t="shared" si="622"/>
        <v>5103.125</v>
      </c>
      <c r="GAA53" s="7">
        <f t="shared" si="622"/>
        <v>5103.125</v>
      </c>
      <c r="GAB53" s="7">
        <f t="shared" si="622"/>
        <v>5103.125</v>
      </c>
      <c r="GAC53" s="7">
        <f t="shared" si="622"/>
        <v>5103.125</v>
      </c>
      <c r="GAD53" s="7">
        <f t="shared" si="622"/>
        <v>5103.125</v>
      </c>
      <c r="GAE53" s="7">
        <f t="shared" si="622"/>
        <v>5103.125</v>
      </c>
      <c r="GAF53" s="7">
        <f t="shared" si="622"/>
        <v>5103.125</v>
      </c>
      <c r="GAG53" s="7">
        <f t="shared" si="622"/>
        <v>5103.125</v>
      </c>
      <c r="GAH53" s="7">
        <f t="shared" si="622"/>
        <v>5103.125</v>
      </c>
      <c r="GAI53" s="7">
        <f t="shared" si="622"/>
        <v>5103.125</v>
      </c>
      <c r="GAJ53" s="7">
        <f t="shared" si="622"/>
        <v>5103.125</v>
      </c>
      <c r="GAK53" s="7">
        <f t="shared" si="622"/>
        <v>5103.125</v>
      </c>
      <c r="GAL53" s="7">
        <f t="shared" si="622"/>
        <v>5103.125</v>
      </c>
      <c r="GAM53" s="7">
        <f t="shared" si="622"/>
        <v>5103.125</v>
      </c>
      <c r="GAN53" s="7">
        <f t="shared" si="622"/>
        <v>5103.125</v>
      </c>
      <c r="GAO53" s="7">
        <f t="shared" si="622"/>
        <v>5103.125</v>
      </c>
      <c r="GAP53" s="7">
        <f t="shared" si="622"/>
        <v>5103.125</v>
      </c>
      <c r="GAQ53" s="7">
        <f t="shared" si="622"/>
        <v>5103.125</v>
      </c>
      <c r="GAR53" s="7">
        <f t="shared" si="622"/>
        <v>5103.125</v>
      </c>
      <c r="GAS53" s="7">
        <f t="shared" si="622"/>
        <v>5103.125</v>
      </c>
      <c r="GAT53" s="7">
        <f t="shared" si="622"/>
        <v>5103.125</v>
      </c>
      <c r="GAU53" s="7">
        <f t="shared" si="622"/>
        <v>5103.125</v>
      </c>
      <c r="GAV53" s="7">
        <f t="shared" si="622"/>
        <v>5103.125</v>
      </c>
      <c r="GAW53" s="7">
        <f t="shared" si="622"/>
        <v>5103.125</v>
      </c>
      <c r="GAX53" s="7">
        <f t="shared" si="622"/>
        <v>5103.125</v>
      </c>
      <c r="GAY53" s="7">
        <f t="shared" si="622"/>
        <v>5103.125</v>
      </c>
      <c r="GAZ53" s="7">
        <f t="shared" si="622"/>
        <v>5103.125</v>
      </c>
      <c r="GBA53" s="7">
        <f t="shared" si="622"/>
        <v>5103.125</v>
      </c>
      <c r="GBB53" s="7">
        <f t="shared" si="622"/>
        <v>5103.125</v>
      </c>
      <c r="GBC53" s="7">
        <f t="shared" si="622"/>
        <v>5103.125</v>
      </c>
      <c r="GBD53" s="7">
        <f t="shared" si="622"/>
        <v>5103.125</v>
      </c>
      <c r="GBE53" s="7">
        <f t="shared" si="622"/>
        <v>5103.125</v>
      </c>
      <c r="GBF53" s="7">
        <f t="shared" si="622"/>
        <v>5103.125</v>
      </c>
      <c r="GBG53" s="7">
        <f t="shared" si="622"/>
        <v>5103.125</v>
      </c>
      <c r="GBH53" s="7">
        <f t="shared" si="622"/>
        <v>5103.125</v>
      </c>
      <c r="GBI53" s="7">
        <f t="shared" si="622"/>
        <v>5103.125</v>
      </c>
      <c r="GBJ53" s="7">
        <f t="shared" si="622"/>
        <v>5103.125</v>
      </c>
      <c r="GBK53" s="7">
        <f t="shared" si="622"/>
        <v>5103.125</v>
      </c>
      <c r="GBL53" s="7">
        <f t="shared" si="622"/>
        <v>5103.125</v>
      </c>
      <c r="GBM53" s="7">
        <f t="shared" si="622"/>
        <v>5103.125</v>
      </c>
      <c r="GBN53" s="7">
        <f t="shared" si="622"/>
        <v>5103.125</v>
      </c>
      <c r="GBO53" s="7">
        <f t="shared" si="622"/>
        <v>5103.125</v>
      </c>
      <c r="GBP53" s="7">
        <f t="shared" si="622"/>
        <v>5103.125</v>
      </c>
      <c r="GBQ53" s="7">
        <f t="shared" si="622"/>
        <v>5103.125</v>
      </c>
      <c r="GBR53" s="7">
        <f t="shared" si="622"/>
        <v>5103.125</v>
      </c>
      <c r="GBS53" s="7">
        <f t="shared" si="622"/>
        <v>5103.125</v>
      </c>
      <c r="GBT53" s="7">
        <f t="shared" si="622"/>
        <v>5103.125</v>
      </c>
      <c r="GBU53" s="7">
        <f t="shared" si="622"/>
        <v>5103.125</v>
      </c>
      <c r="GBV53" s="7">
        <f t="shared" si="622"/>
        <v>5103.125</v>
      </c>
      <c r="GBW53" s="7">
        <f t="shared" si="622"/>
        <v>5103.125</v>
      </c>
      <c r="GBX53" s="7">
        <f t="shared" si="622"/>
        <v>5103.125</v>
      </c>
      <c r="GBY53" s="7">
        <f t="shared" si="622"/>
        <v>5103.125</v>
      </c>
      <c r="GBZ53" s="7">
        <f t="shared" ref="GBZ53:GEK53" si="623">GBZ48+GBY53</f>
        <v>5103.125</v>
      </c>
      <c r="GCA53" s="7">
        <f t="shared" si="623"/>
        <v>5103.125</v>
      </c>
      <c r="GCB53" s="7">
        <f t="shared" si="623"/>
        <v>5103.125</v>
      </c>
      <c r="GCC53" s="7">
        <f t="shared" si="623"/>
        <v>5103.125</v>
      </c>
      <c r="GCD53" s="7">
        <f t="shared" si="623"/>
        <v>5103.125</v>
      </c>
      <c r="GCE53" s="7">
        <f t="shared" si="623"/>
        <v>5103.125</v>
      </c>
      <c r="GCF53" s="7">
        <f t="shared" si="623"/>
        <v>5103.125</v>
      </c>
      <c r="GCG53" s="7">
        <f t="shared" si="623"/>
        <v>5103.125</v>
      </c>
      <c r="GCH53" s="7">
        <f t="shared" si="623"/>
        <v>5103.125</v>
      </c>
      <c r="GCI53" s="7">
        <f t="shared" si="623"/>
        <v>5103.125</v>
      </c>
      <c r="GCJ53" s="7">
        <f t="shared" si="623"/>
        <v>5103.125</v>
      </c>
      <c r="GCK53" s="7">
        <f t="shared" si="623"/>
        <v>5103.125</v>
      </c>
      <c r="GCL53" s="7">
        <f t="shared" si="623"/>
        <v>5103.125</v>
      </c>
      <c r="GCM53" s="7">
        <f t="shared" si="623"/>
        <v>5103.125</v>
      </c>
      <c r="GCN53" s="7">
        <f t="shared" si="623"/>
        <v>5103.125</v>
      </c>
      <c r="GCO53" s="7">
        <f t="shared" si="623"/>
        <v>5103.125</v>
      </c>
      <c r="GCP53" s="7">
        <f t="shared" si="623"/>
        <v>5103.125</v>
      </c>
      <c r="GCQ53" s="7">
        <f t="shared" si="623"/>
        <v>5103.125</v>
      </c>
      <c r="GCR53" s="7">
        <f t="shared" si="623"/>
        <v>5103.125</v>
      </c>
      <c r="GCS53" s="7">
        <f t="shared" si="623"/>
        <v>5103.125</v>
      </c>
      <c r="GCT53" s="7">
        <f t="shared" si="623"/>
        <v>5103.125</v>
      </c>
      <c r="GCU53" s="7">
        <f t="shared" si="623"/>
        <v>5103.125</v>
      </c>
      <c r="GCV53" s="7">
        <f t="shared" si="623"/>
        <v>5103.125</v>
      </c>
      <c r="GCW53" s="7">
        <f t="shared" si="623"/>
        <v>5103.125</v>
      </c>
      <c r="GCX53" s="7">
        <f t="shared" si="623"/>
        <v>5103.125</v>
      </c>
      <c r="GCY53" s="7">
        <f t="shared" si="623"/>
        <v>5103.125</v>
      </c>
      <c r="GCZ53" s="7">
        <f t="shared" si="623"/>
        <v>5103.125</v>
      </c>
      <c r="GDA53" s="7">
        <f t="shared" si="623"/>
        <v>5103.125</v>
      </c>
      <c r="GDB53" s="7">
        <f t="shared" si="623"/>
        <v>5103.125</v>
      </c>
      <c r="GDC53" s="7">
        <f t="shared" si="623"/>
        <v>5103.125</v>
      </c>
      <c r="GDD53" s="7">
        <f t="shared" si="623"/>
        <v>5103.125</v>
      </c>
      <c r="GDE53" s="7">
        <f t="shared" si="623"/>
        <v>5103.125</v>
      </c>
      <c r="GDF53" s="7">
        <f t="shared" si="623"/>
        <v>5103.125</v>
      </c>
      <c r="GDG53" s="7">
        <f t="shared" si="623"/>
        <v>5103.125</v>
      </c>
      <c r="GDH53" s="7">
        <f t="shared" si="623"/>
        <v>5103.125</v>
      </c>
      <c r="GDI53" s="7">
        <f t="shared" si="623"/>
        <v>5103.125</v>
      </c>
      <c r="GDJ53" s="7">
        <f t="shared" si="623"/>
        <v>5103.125</v>
      </c>
      <c r="GDK53" s="7">
        <f t="shared" si="623"/>
        <v>5103.125</v>
      </c>
      <c r="GDL53" s="7">
        <f t="shared" si="623"/>
        <v>5103.125</v>
      </c>
      <c r="GDM53" s="7">
        <f t="shared" si="623"/>
        <v>5103.125</v>
      </c>
      <c r="GDN53" s="7">
        <f t="shared" si="623"/>
        <v>5103.125</v>
      </c>
      <c r="GDO53" s="7">
        <f t="shared" si="623"/>
        <v>5103.125</v>
      </c>
      <c r="GDP53" s="7">
        <f t="shared" si="623"/>
        <v>5103.125</v>
      </c>
      <c r="GDQ53" s="7">
        <f t="shared" si="623"/>
        <v>5103.125</v>
      </c>
      <c r="GDR53" s="7">
        <f t="shared" si="623"/>
        <v>5103.125</v>
      </c>
      <c r="GDS53" s="7">
        <f t="shared" si="623"/>
        <v>5103.125</v>
      </c>
      <c r="GDT53" s="7">
        <f t="shared" si="623"/>
        <v>5103.125</v>
      </c>
      <c r="GDU53" s="7">
        <f t="shared" si="623"/>
        <v>5103.125</v>
      </c>
      <c r="GDV53" s="7">
        <f t="shared" si="623"/>
        <v>5103.125</v>
      </c>
      <c r="GDW53" s="7">
        <f t="shared" si="623"/>
        <v>5103.125</v>
      </c>
      <c r="GDX53" s="7">
        <f t="shared" si="623"/>
        <v>5103.125</v>
      </c>
      <c r="GDY53" s="7">
        <f t="shared" si="623"/>
        <v>5103.125</v>
      </c>
      <c r="GDZ53" s="7">
        <f t="shared" si="623"/>
        <v>5103.125</v>
      </c>
      <c r="GEA53" s="7">
        <f t="shared" si="623"/>
        <v>5103.125</v>
      </c>
      <c r="GEB53" s="7">
        <f t="shared" si="623"/>
        <v>5103.125</v>
      </c>
      <c r="GEC53" s="7">
        <f t="shared" si="623"/>
        <v>5103.125</v>
      </c>
      <c r="GED53" s="7">
        <f t="shared" si="623"/>
        <v>5103.125</v>
      </c>
      <c r="GEE53" s="7">
        <f t="shared" si="623"/>
        <v>5103.125</v>
      </c>
      <c r="GEF53" s="7">
        <f t="shared" si="623"/>
        <v>5103.125</v>
      </c>
      <c r="GEG53" s="7">
        <f t="shared" si="623"/>
        <v>5103.125</v>
      </c>
      <c r="GEH53" s="7">
        <f t="shared" si="623"/>
        <v>5103.125</v>
      </c>
      <c r="GEI53" s="7">
        <f t="shared" si="623"/>
        <v>5103.125</v>
      </c>
      <c r="GEJ53" s="7">
        <f t="shared" si="623"/>
        <v>5103.125</v>
      </c>
      <c r="GEK53" s="7">
        <f t="shared" si="623"/>
        <v>5103.125</v>
      </c>
      <c r="GEL53" s="7">
        <f t="shared" ref="GEL53:GGW53" si="624">GEL48+GEK53</f>
        <v>5103.125</v>
      </c>
      <c r="GEM53" s="7">
        <f t="shared" si="624"/>
        <v>5103.125</v>
      </c>
      <c r="GEN53" s="7">
        <f t="shared" si="624"/>
        <v>5103.125</v>
      </c>
      <c r="GEO53" s="7">
        <f t="shared" si="624"/>
        <v>5103.125</v>
      </c>
      <c r="GEP53" s="7">
        <f t="shared" si="624"/>
        <v>5103.125</v>
      </c>
      <c r="GEQ53" s="7">
        <f t="shared" si="624"/>
        <v>5103.125</v>
      </c>
      <c r="GER53" s="7">
        <f t="shared" si="624"/>
        <v>5103.125</v>
      </c>
      <c r="GES53" s="7">
        <f t="shared" si="624"/>
        <v>5103.125</v>
      </c>
      <c r="GET53" s="7">
        <f t="shared" si="624"/>
        <v>5103.125</v>
      </c>
      <c r="GEU53" s="7">
        <f t="shared" si="624"/>
        <v>5103.125</v>
      </c>
      <c r="GEV53" s="7">
        <f t="shared" si="624"/>
        <v>5103.125</v>
      </c>
      <c r="GEW53" s="7">
        <f t="shared" si="624"/>
        <v>5103.125</v>
      </c>
      <c r="GEX53" s="7">
        <f t="shared" si="624"/>
        <v>5103.125</v>
      </c>
      <c r="GEY53" s="7">
        <f t="shared" si="624"/>
        <v>5103.125</v>
      </c>
      <c r="GEZ53" s="7">
        <f t="shared" si="624"/>
        <v>5103.125</v>
      </c>
      <c r="GFA53" s="7">
        <f t="shared" si="624"/>
        <v>5103.125</v>
      </c>
      <c r="GFB53" s="7">
        <f t="shared" si="624"/>
        <v>5103.125</v>
      </c>
      <c r="GFC53" s="7">
        <f t="shared" si="624"/>
        <v>5103.125</v>
      </c>
      <c r="GFD53" s="7">
        <f t="shared" si="624"/>
        <v>5103.125</v>
      </c>
      <c r="GFE53" s="7">
        <f t="shared" si="624"/>
        <v>5103.125</v>
      </c>
      <c r="GFF53" s="7">
        <f t="shared" si="624"/>
        <v>5103.125</v>
      </c>
      <c r="GFG53" s="7">
        <f t="shared" si="624"/>
        <v>5103.125</v>
      </c>
      <c r="GFH53" s="7">
        <f t="shared" si="624"/>
        <v>5103.125</v>
      </c>
      <c r="GFI53" s="7">
        <f t="shared" si="624"/>
        <v>5103.125</v>
      </c>
      <c r="GFJ53" s="7">
        <f t="shared" si="624"/>
        <v>5103.125</v>
      </c>
      <c r="GFK53" s="7">
        <f t="shared" si="624"/>
        <v>5103.125</v>
      </c>
      <c r="GFL53" s="7">
        <f t="shared" si="624"/>
        <v>5103.125</v>
      </c>
      <c r="GFM53" s="7">
        <f t="shared" si="624"/>
        <v>5103.125</v>
      </c>
      <c r="GFN53" s="7">
        <f t="shared" si="624"/>
        <v>5103.125</v>
      </c>
      <c r="GFO53" s="7">
        <f t="shared" si="624"/>
        <v>5103.125</v>
      </c>
      <c r="GFP53" s="7">
        <f t="shared" si="624"/>
        <v>5103.125</v>
      </c>
      <c r="GFQ53" s="7">
        <f t="shared" si="624"/>
        <v>5103.125</v>
      </c>
      <c r="GFR53" s="7">
        <f t="shared" si="624"/>
        <v>5103.125</v>
      </c>
      <c r="GFS53" s="7">
        <f t="shared" si="624"/>
        <v>5103.125</v>
      </c>
      <c r="GFT53" s="7">
        <f t="shared" si="624"/>
        <v>5103.125</v>
      </c>
      <c r="GFU53" s="7">
        <f t="shared" si="624"/>
        <v>5103.125</v>
      </c>
      <c r="GFV53" s="7">
        <f t="shared" si="624"/>
        <v>5103.125</v>
      </c>
      <c r="GFW53" s="7">
        <f t="shared" si="624"/>
        <v>5103.125</v>
      </c>
      <c r="GFX53" s="7">
        <f t="shared" si="624"/>
        <v>5103.125</v>
      </c>
      <c r="GFY53" s="7">
        <f t="shared" si="624"/>
        <v>5103.125</v>
      </c>
      <c r="GFZ53" s="7">
        <f t="shared" si="624"/>
        <v>5103.125</v>
      </c>
      <c r="GGA53" s="7">
        <f t="shared" si="624"/>
        <v>5103.125</v>
      </c>
      <c r="GGB53" s="7">
        <f t="shared" si="624"/>
        <v>5103.125</v>
      </c>
      <c r="GGC53" s="7">
        <f t="shared" si="624"/>
        <v>5103.125</v>
      </c>
      <c r="GGD53" s="7">
        <f t="shared" si="624"/>
        <v>5103.125</v>
      </c>
      <c r="GGE53" s="7">
        <f t="shared" si="624"/>
        <v>5103.125</v>
      </c>
      <c r="GGF53" s="7">
        <f t="shared" si="624"/>
        <v>5103.125</v>
      </c>
      <c r="GGG53" s="7">
        <f t="shared" si="624"/>
        <v>5103.125</v>
      </c>
      <c r="GGH53" s="7">
        <f t="shared" si="624"/>
        <v>5103.125</v>
      </c>
      <c r="GGI53" s="7">
        <f t="shared" si="624"/>
        <v>5103.125</v>
      </c>
      <c r="GGJ53" s="7">
        <f t="shared" si="624"/>
        <v>5103.125</v>
      </c>
      <c r="GGK53" s="7">
        <f t="shared" si="624"/>
        <v>5103.125</v>
      </c>
      <c r="GGL53" s="7">
        <f t="shared" si="624"/>
        <v>5103.125</v>
      </c>
      <c r="GGM53" s="7">
        <f t="shared" si="624"/>
        <v>5103.125</v>
      </c>
      <c r="GGN53" s="7">
        <f t="shared" si="624"/>
        <v>5103.125</v>
      </c>
      <c r="GGO53" s="7">
        <f t="shared" si="624"/>
        <v>5103.125</v>
      </c>
      <c r="GGP53" s="7">
        <f t="shared" si="624"/>
        <v>5103.125</v>
      </c>
      <c r="GGQ53" s="7">
        <f t="shared" si="624"/>
        <v>5103.125</v>
      </c>
      <c r="GGR53" s="7">
        <f t="shared" si="624"/>
        <v>5103.125</v>
      </c>
      <c r="GGS53" s="7">
        <f t="shared" si="624"/>
        <v>5103.125</v>
      </c>
      <c r="GGT53" s="7">
        <f t="shared" si="624"/>
        <v>5103.125</v>
      </c>
      <c r="GGU53" s="7">
        <f t="shared" si="624"/>
        <v>5103.125</v>
      </c>
      <c r="GGV53" s="7">
        <f t="shared" si="624"/>
        <v>5103.125</v>
      </c>
      <c r="GGW53" s="7">
        <f t="shared" si="624"/>
        <v>5103.125</v>
      </c>
      <c r="GGX53" s="7">
        <f t="shared" ref="GGX53:GJI53" si="625">GGX48+GGW53</f>
        <v>5103.125</v>
      </c>
      <c r="GGY53" s="7">
        <f t="shared" si="625"/>
        <v>5103.125</v>
      </c>
      <c r="GGZ53" s="7">
        <f t="shared" si="625"/>
        <v>5103.125</v>
      </c>
      <c r="GHA53" s="7">
        <f t="shared" si="625"/>
        <v>5103.125</v>
      </c>
      <c r="GHB53" s="7">
        <f t="shared" si="625"/>
        <v>5103.125</v>
      </c>
      <c r="GHC53" s="7">
        <f t="shared" si="625"/>
        <v>5103.125</v>
      </c>
      <c r="GHD53" s="7">
        <f t="shared" si="625"/>
        <v>5103.125</v>
      </c>
      <c r="GHE53" s="7">
        <f t="shared" si="625"/>
        <v>5103.125</v>
      </c>
      <c r="GHF53" s="7">
        <f t="shared" si="625"/>
        <v>5103.125</v>
      </c>
      <c r="GHG53" s="7">
        <f t="shared" si="625"/>
        <v>5103.125</v>
      </c>
      <c r="GHH53" s="7">
        <f t="shared" si="625"/>
        <v>5103.125</v>
      </c>
      <c r="GHI53" s="7">
        <f t="shared" si="625"/>
        <v>5103.125</v>
      </c>
      <c r="GHJ53" s="7">
        <f t="shared" si="625"/>
        <v>5103.125</v>
      </c>
      <c r="GHK53" s="7">
        <f t="shared" si="625"/>
        <v>5103.125</v>
      </c>
      <c r="GHL53" s="7">
        <f t="shared" si="625"/>
        <v>5103.125</v>
      </c>
      <c r="GHM53" s="7">
        <f t="shared" si="625"/>
        <v>5103.125</v>
      </c>
      <c r="GHN53" s="7">
        <f t="shared" si="625"/>
        <v>5103.125</v>
      </c>
      <c r="GHO53" s="7">
        <f t="shared" si="625"/>
        <v>5103.125</v>
      </c>
      <c r="GHP53" s="7">
        <f t="shared" si="625"/>
        <v>5103.125</v>
      </c>
      <c r="GHQ53" s="7">
        <f t="shared" si="625"/>
        <v>5103.125</v>
      </c>
      <c r="GHR53" s="7">
        <f t="shared" si="625"/>
        <v>5103.125</v>
      </c>
      <c r="GHS53" s="7">
        <f t="shared" si="625"/>
        <v>5103.125</v>
      </c>
      <c r="GHT53" s="7">
        <f t="shared" si="625"/>
        <v>5103.125</v>
      </c>
      <c r="GHU53" s="7">
        <f t="shared" si="625"/>
        <v>5103.125</v>
      </c>
      <c r="GHV53" s="7">
        <f t="shared" si="625"/>
        <v>5103.125</v>
      </c>
      <c r="GHW53" s="7">
        <f t="shared" si="625"/>
        <v>5103.125</v>
      </c>
      <c r="GHX53" s="7">
        <f t="shared" si="625"/>
        <v>5103.125</v>
      </c>
      <c r="GHY53" s="7">
        <f t="shared" si="625"/>
        <v>5103.125</v>
      </c>
      <c r="GHZ53" s="7">
        <f t="shared" si="625"/>
        <v>5103.125</v>
      </c>
      <c r="GIA53" s="7">
        <f t="shared" si="625"/>
        <v>5103.125</v>
      </c>
      <c r="GIB53" s="7">
        <f t="shared" si="625"/>
        <v>5103.125</v>
      </c>
      <c r="GIC53" s="7">
        <f t="shared" si="625"/>
        <v>5103.125</v>
      </c>
      <c r="GID53" s="7">
        <f t="shared" si="625"/>
        <v>5103.125</v>
      </c>
      <c r="GIE53" s="7">
        <f t="shared" si="625"/>
        <v>5103.125</v>
      </c>
      <c r="GIF53" s="7">
        <f t="shared" si="625"/>
        <v>5103.125</v>
      </c>
      <c r="GIG53" s="7">
        <f t="shared" si="625"/>
        <v>5103.125</v>
      </c>
      <c r="GIH53" s="7">
        <f t="shared" si="625"/>
        <v>5103.125</v>
      </c>
      <c r="GII53" s="7">
        <f t="shared" si="625"/>
        <v>5103.125</v>
      </c>
      <c r="GIJ53" s="7">
        <f t="shared" si="625"/>
        <v>5103.125</v>
      </c>
      <c r="GIK53" s="7">
        <f t="shared" si="625"/>
        <v>5103.125</v>
      </c>
      <c r="GIL53" s="7">
        <f t="shared" si="625"/>
        <v>5103.125</v>
      </c>
      <c r="GIM53" s="7">
        <f t="shared" si="625"/>
        <v>5103.125</v>
      </c>
      <c r="GIN53" s="7">
        <f t="shared" si="625"/>
        <v>5103.125</v>
      </c>
      <c r="GIO53" s="7">
        <f t="shared" si="625"/>
        <v>5103.125</v>
      </c>
      <c r="GIP53" s="7">
        <f t="shared" si="625"/>
        <v>5103.125</v>
      </c>
      <c r="GIQ53" s="7">
        <f t="shared" si="625"/>
        <v>5103.125</v>
      </c>
      <c r="GIR53" s="7">
        <f t="shared" si="625"/>
        <v>5103.125</v>
      </c>
      <c r="GIS53" s="7">
        <f t="shared" si="625"/>
        <v>5103.125</v>
      </c>
      <c r="GIT53" s="7">
        <f t="shared" si="625"/>
        <v>5103.125</v>
      </c>
      <c r="GIU53" s="7">
        <f t="shared" si="625"/>
        <v>5103.125</v>
      </c>
      <c r="GIV53" s="7">
        <f t="shared" si="625"/>
        <v>5103.125</v>
      </c>
      <c r="GIW53" s="7">
        <f t="shared" si="625"/>
        <v>5103.125</v>
      </c>
      <c r="GIX53" s="7">
        <f t="shared" si="625"/>
        <v>5103.125</v>
      </c>
      <c r="GIY53" s="7">
        <f t="shared" si="625"/>
        <v>5103.125</v>
      </c>
      <c r="GIZ53" s="7">
        <f t="shared" si="625"/>
        <v>5103.125</v>
      </c>
      <c r="GJA53" s="7">
        <f t="shared" si="625"/>
        <v>5103.125</v>
      </c>
      <c r="GJB53" s="7">
        <f t="shared" si="625"/>
        <v>5103.125</v>
      </c>
      <c r="GJC53" s="7">
        <f t="shared" si="625"/>
        <v>5103.125</v>
      </c>
      <c r="GJD53" s="7">
        <f t="shared" si="625"/>
        <v>5103.125</v>
      </c>
      <c r="GJE53" s="7">
        <f t="shared" si="625"/>
        <v>5103.125</v>
      </c>
      <c r="GJF53" s="7">
        <f t="shared" si="625"/>
        <v>5103.125</v>
      </c>
      <c r="GJG53" s="7">
        <f t="shared" si="625"/>
        <v>5103.125</v>
      </c>
      <c r="GJH53" s="7">
        <f t="shared" si="625"/>
        <v>5103.125</v>
      </c>
      <c r="GJI53" s="7">
        <f t="shared" si="625"/>
        <v>5103.125</v>
      </c>
      <c r="GJJ53" s="7">
        <f t="shared" ref="GJJ53:GLU53" si="626">GJJ48+GJI53</f>
        <v>5103.125</v>
      </c>
      <c r="GJK53" s="7">
        <f t="shared" si="626"/>
        <v>5103.125</v>
      </c>
      <c r="GJL53" s="7">
        <f t="shared" si="626"/>
        <v>5103.125</v>
      </c>
      <c r="GJM53" s="7">
        <f t="shared" si="626"/>
        <v>5103.125</v>
      </c>
      <c r="GJN53" s="7">
        <f t="shared" si="626"/>
        <v>5103.125</v>
      </c>
      <c r="GJO53" s="7">
        <f t="shared" si="626"/>
        <v>5103.125</v>
      </c>
      <c r="GJP53" s="7">
        <f t="shared" si="626"/>
        <v>5103.125</v>
      </c>
      <c r="GJQ53" s="7">
        <f t="shared" si="626"/>
        <v>5103.125</v>
      </c>
      <c r="GJR53" s="7">
        <f t="shared" si="626"/>
        <v>5103.125</v>
      </c>
      <c r="GJS53" s="7">
        <f t="shared" si="626"/>
        <v>5103.125</v>
      </c>
      <c r="GJT53" s="7">
        <f t="shared" si="626"/>
        <v>5103.125</v>
      </c>
      <c r="GJU53" s="7">
        <f t="shared" si="626"/>
        <v>5103.125</v>
      </c>
      <c r="GJV53" s="7">
        <f t="shared" si="626"/>
        <v>5103.125</v>
      </c>
      <c r="GJW53" s="7">
        <f t="shared" si="626"/>
        <v>5103.125</v>
      </c>
      <c r="GJX53" s="7">
        <f t="shared" si="626"/>
        <v>5103.125</v>
      </c>
      <c r="GJY53" s="7">
        <f t="shared" si="626"/>
        <v>5103.125</v>
      </c>
      <c r="GJZ53" s="7">
        <f t="shared" si="626"/>
        <v>5103.125</v>
      </c>
      <c r="GKA53" s="7">
        <f t="shared" si="626"/>
        <v>5103.125</v>
      </c>
      <c r="GKB53" s="7">
        <f t="shared" si="626"/>
        <v>5103.125</v>
      </c>
      <c r="GKC53" s="7">
        <f t="shared" si="626"/>
        <v>5103.125</v>
      </c>
      <c r="GKD53" s="7">
        <f t="shared" si="626"/>
        <v>5103.125</v>
      </c>
      <c r="GKE53" s="7">
        <f t="shared" si="626"/>
        <v>5103.125</v>
      </c>
      <c r="GKF53" s="7">
        <f t="shared" si="626"/>
        <v>5103.125</v>
      </c>
      <c r="GKG53" s="7">
        <f t="shared" si="626"/>
        <v>5103.125</v>
      </c>
      <c r="GKH53" s="7">
        <f t="shared" si="626"/>
        <v>5103.125</v>
      </c>
      <c r="GKI53" s="7">
        <f t="shared" si="626"/>
        <v>5103.125</v>
      </c>
      <c r="GKJ53" s="7">
        <f t="shared" si="626"/>
        <v>5103.125</v>
      </c>
      <c r="GKK53" s="7">
        <f t="shared" si="626"/>
        <v>5103.125</v>
      </c>
      <c r="GKL53" s="7">
        <f t="shared" si="626"/>
        <v>5103.125</v>
      </c>
      <c r="GKM53" s="7">
        <f t="shared" si="626"/>
        <v>5103.125</v>
      </c>
      <c r="GKN53" s="7">
        <f t="shared" si="626"/>
        <v>5103.125</v>
      </c>
      <c r="GKO53" s="7">
        <f t="shared" si="626"/>
        <v>5103.125</v>
      </c>
      <c r="GKP53" s="7">
        <f t="shared" si="626"/>
        <v>5103.125</v>
      </c>
      <c r="GKQ53" s="7">
        <f t="shared" si="626"/>
        <v>5103.125</v>
      </c>
      <c r="GKR53" s="7">
        <f t="shared" si="626"/>
        <v>5103.125</v>
      </c>
      <c r="GKS53" s="7">
        <f t="shared" si="626"/>
        <v>5103.125</v>
      </c>
      <c r="GKT53" s="7">
        <f t="shared" si="626"/>
        <v>5103.125</v>
      </c>
      <c r="GKU53" s="7">
        <f t="shared" si="626"/>
        <v>5103.125</v>
      </c>
      <c r="GKV53" s="7">
        <f t="shared" si="626"/>
        <v>5103.125</v>
      </c>
      <c r="GKW53" s="7">
        <f t="shared" si="626"/>
        <v>5103.125</v>
      </c>
      <c r="GKX53" s="7">
        <f t="shared" si="626"/>
        <v>5103.125</v>
      </c>
      <c r="GKY53" s="7">
        <f t="shared" si="626"/>
        <v>5103.125</v>
      </c>
      <c r="GKZ53" s="7">
        <f t="shared" si="626"/>
        <v>5103.125</v>
      </c>
      <c r="GLA53" s="7">
        <f t="shared" si="626"/>
        <v>5103.125</v>
      </c>
      <c r="GLB53" s="7">
        <f t="shared" si="626"/>
        <v>5103.125</v>
      </c>
      <c r="GLC53" s="7">
        <f t="shared" si="626"/>
        <v>5103.125</v>
      </c>
      <c r="GLD53" s="7">
        <f t="shared" si="626"/>
        <v>5103.125</v>
      </c>
      <c r="GLE53" s="7">
        <f t="shared" si="626"/>
        <v>5103.125</v>
      </c>
      <c r="GLF53" s="7">
        <f t="shared" si="626"/>
        <v>5103.125</v>
      </c>
      <c r="GLG53" s="7">
        <f t="shared" si="626"/>
        <v>5103.125</v>
      </c>
      <c r="GLH53" s="7">
        <f t="shared" si="626"/>
        <v>5103.125</v>
      </c>
      <c r="GLI53" s="7">
        <f t="shared" si="626"/>
        <v>5103.125</v>
      </c>
      <c r="GLJ53" s="7">
        <f t="shared" si="626"/>
        <v>5103.125</v>
      </c>
      <c r="GLK53" s="7">
        <f t="shared" si="626"/>
        <v>5103.125</v>
      </c>
      <c r="GLL53" s="7">
        <f t="shared" si="626"/>
        <v>5103.125</v>
      </c>
      <c r="GLM53" s="7">
        <f t="shared" si="626"/>
        <v>5103.125</v>
      </c>
      <c r="GLN53" s="7">
        <f t="shared" si="626"/>
        <v>5103.125</v>
      </c>
      <c r="GLO53" s="7">
        <f t="shared" si="626"/>
        <v>5103.125</v>
      </c>
      <c r="GLP53" s="7">
        <f t="shared" si="626"/>
        <v>5103.125</v>
      </c>
      <c r="GLQ53" s="7">
        <f t="shared" si="626"/>
        <v>5103.125</v>
      </c>
      <c r="GLR53" s="7">
        <f t="shared" si="626"/>
        <v>5103.125</v>
      </c>
      <c r="GLS53" s="7">
        <f t="shared" si="626"/>
        <v>5103.125</v>
      </c>
      <c r="GLT53" s="7">
        <f t="shared" si="626"/>
        <v>5103.125</v>
      </c>
      <c r="GLU53" s="7">
        <f t="shared" si="626"/>
        <v>5103.125</v>
      </c>
      <c r="GLV53" s="7">
        <f t="shared" ref="GLV53:GOG53" si="627">GLV48+GLU53</f>
        <v>5103.125</v>
      </c>
      <c r="GLW53" s="7">
        <f t="shared" si="627"/>
        <v>5103.125</v>
      </c>
      <c r="GLX53" s="7">
        <f t="shared" si="627"/>
        <v>5103.125</v>
      </c>
      <c r="GLY53" s="7">
        <f t="shared" si="627"/>
        <v>5103.125</v>
      </c>
      <c r="GLZ53" s="7">
        <f t="shared" si="627"/>
        <v>5103.125</v>
      </c>
      <c r="GMA53" s="7">
        <f t="shared" si="627"/>
        <v>5103.125</v>
      </c>
      <c r="GMB53" s="7">
        <f t="shared" si="627"/>
        <v>5103.125</v>
      </c>
      <c r="GMC53" s="7">
        <f t="shared" si="627"/>
        <v>5103.125</v>
      </c>
      <c r="GMD53" s="7">
        <f t="shared" si="627"/>
        <v>5103.125</v>
      </c>
      <c r="GME53" s="7">
        <f t="shared" si="627"/>
        <v>5103.125</v>
      </c>
      <c r="GMF53" s="7">
        <f t="shared" si="627"/>
        <v>5103.125</v>
      </c>
      <c r="GMG53" s="7">
        <f t="shared" si="627"/>
        <v>5103.125</v>
      </c>
      <c r="GMH53" s="7">
        <f t="shared" si="627"/>
        <v>5103.125</v>
      </c>
      <c r="GMI53" s="7">
        <f t="shared" si="627"/>
        <v>5103.125</v>
      </c>
      <c r="GMJ53" s="7">
        <f t="shared" si="627"/>
        <v>5103.125</v>
      </c>
      <c r="GMK53" s="7">
        <f t="shared" si="627"/>
        <v>5103.125</v>
      </c>
      <c r="GML53" s="7">
        <f t="shared" si="627"/>
        <v>5103.125</v>
      </c>
      <c r="GMM53" s="7">
        <f t="shared" si="627"/>
        <v>5103.125</v>
      </c>
      <c r="GMN53" s="7">
        <f t="shared" si="627"/>
        <v>5103.125</v>
      </c>
      <c r="GMO53" s="7">
        <f t="shared" si="627"/>
        <v>5103.125</v>
      </c>
      <c r="GMP53" s="7">
        <f t="shared" si="627"/>
        <v>5103.125</v>
      </c>
      <c r="GMQ53" s="7">
        <f t="shared" si="627"/>
        <v>5103.125</v>
      </c>
      <c r="GMR53" s="7">
        <f t="shared" si="627"/>
        <v>5103.125</v>
      </c>
      <c r="GMS53" s="7">
        <f t="shared" si="627"/>
        <v>5103.125</v>
      </c>
      <c r="GMT53" s="7">
        <f t="shared" si="627"/>
        <v>5103.125</v>
      </c>
      <c r="GMU53" s="7">
        <f t="shared" si="627"/>
        <v>5103.125</v>
      </c>
      <c r="GMV53" s="7">
        <f t="shared" si="627"/>
        <v>5103.125</v>
      </c>
      <c r="GMW53" s="7">
        <f t="shared" si="627"/>
        <v>5103.125</v>
      </c>
      <c r="GMX53" s="7">
        <f t="shared" si="627"/>
        <v>5103.125</v>
      </c>
      <c r="GMY53" s="7">
        <f t="shared" si="627"/>
        <v>5103.125</v>
      </c>
      <c r="GMZ53" s="7">
        <f t="shared" si="627"/>
        <v>5103.125</v>
      </c>
      <c r="GNA53" s="7">
        <f t="shared" si="627"/>
        <v>5103.125</v>
      </c>
      <c r="GNB53" s="7">
        <f t="shared" si="627"/>
        <v>5103.125</v>
      </c>
      <c r="GNC53" s="7">
        <f t="shared" si="627"/>
        <v>5103.125</v>
      </c>
      <c r="GND53" s="7">
        <f t="shared" si="627"/>
        <v>5103.125</v>
      </c>
      <c r="GNE53" s="7">
        <f t="shared" si="627"/>
        <v>5103.125</v>
      </c>
      <c r="GNF53" s="7">
        <f t="shared" si="627"/>
        <v>5103.125</v>
      </c>
      <c r="GNG53" s="7">
        <f t="shared" si="627"/>
        <v>5103.125</v>
      </c>
      <c r="GNH53" s="7">
        <f t="shared" si="627"/>
        <v>5103.125</v>
      </c>
      <c r="GNI53" s="7">
        <f t="shared" si="627"/>
        <v>5103.125</v>
      </c>
      <c r="GNJ53" s="7">
        <f t="shared" si="627"/>
        <v>5103.125</v>
      </c>
      <c r="GNK53" s="7">
        <f t="shared" si="627"/>
        <v>5103.125</v>
      </c>
      <c r="GNL53" s="7">
        <f t="shared" si="627"/>
        <v>5103.125</v>
      </c>
      <c r="GNM53" s="7">
        <f t="shared" si="627"/>
        <v>5103.125</v>
      </c>
      <c r="GNN53" s="7">
        <f t="shared" si="627"/>
        <v>5103.125</v>
      </c>
      <c r="GNO53" s="7">
        <f t="shared" si="627"/>
        <v>5103.125</v>
      </c>
      <c r="GNP53" s="7">
        <f t="shared" si="627"/>
        <v>5103.125</v>
      </c>
      <c r="GNQ53" s="7">
        <f t="shared" si="627"/>
        <v>5103.125</v>
      </c>
      <c r="GNR53" s="7">
        <f t="shared" si="627"/>
        <v>5103.125</v>
      </c>
      <c r="GNS53" s="7">
        <f t="shared" si="627"/>
        <v>5103.125</v>
      </c>
      <c r="GNT53" s="7">
        <f t="shared" si="627"/>
        <v>5103.125</v>
      </c>
      <c r="GNU53" s="7">
        <f t="shared" si="627"/>
        <v>5103.125</v>
      </c>
      <c r="GNV53" s="7">
        <f t="shared" si="627"/>
        <v>5103.125</v>
      </c>
      <c r="GNW53" s="7">
        <f t="shared" si="627"/>
        <v>5103.125</v>
      </c>
      <c r="GNX53" s="7">
        <f t="shared" si="627"/>
        <v>5103.125</v>
      </c>
      <c r="GNY53" s="7">
        <f t="shared" si="627"/>
        <v>5103.125</v>
      </c>
      <c r="GNZ53" s="7">
        <f t="shared" si="627"/>
        <v>5103.125</v>
      </c>
      <c r="GOA53" s="7">
        <f t="shared" si="627"/>
        <v>5103.125</v>
      </c>
      <c r="GOB53" s="7">
        <f t="shared" si="627"/>
        <v>5103.125</v>
      </c>
      <c r="GOC53" s="7">
        <f t="shared" si="627"/>
        <v>5103.125</v>
      </c>
      <c r="GOD53" s="7">
        <f t="shared" si="627"/>
        <v>5103.125</v>
      </c>
      <c r="GOE53" s="7">
        <f t="shared" si="627"/>
        <v>5103.125</v>
      </c>
      <c r="GOF53" s="7">
        <f t="shared" si="627"/>
        <v>5103.125</v>
      </c>
      <c r="GOG53" s="7">
        <f t="shared" si="627"/>
        <v>5103.125</v>
      </c>
      <c r="GOH53" s="7">
        <f t="shared" ref="GOH53:GQS53" si="628">GOH48+GOG53</f>
        <v>5103.125</v>
      </c>
      <c r="GOI53" s="7">
        <f t="shared" si="628"/>
        <v>5103.125</v>
      </c>
      <c r="GOJ53" s="7">
        <f t="shared" si="628"/>
        <v>5103.125</v>
      </c>
      <c r="GOK53" s="7">
        <f t="shared" si="628"/>
        <v>5103.125</v>
      </c>
      <c r="GOL53" s="7">
        <f t="shared" si="628"/>
        <v>5103.125</v>
      </c>
      <c r="GOM53" s="7">
        <f t="shared" si="628"/>
        <v>5103.125</v>
      </c>
      <c r="GON53" s="7">
        <f t="shared" si="628"/>
        <v>5103.125</v>
      </c>
      <c r="GOO53" s="7">
        <f t="shared" si="628"/>
        <v>5103.125</v>
      </c>
      <c r="GOP53" s="7">
        <f t="shared" si="628"/>
        <v>5103.125</v>
      </c>
      <c r="GOQ53" s="7">
        <f t="shared" si="628"/>
        <v>5103.125</v>
      </c>
      <c r="GOR53" s="7">
        <f t="shared" si="628"/>
        <v>5103.125</v>
      </c>
      <c r="GOS53" s="7">
        <f t="shared" si="628"/>
        <v>5103.125</v>
      </c>
      <c r="GOT53" s="7">
        <f t="shared" si="628"/>
        <v>5103.125</v>
      </c>
      <c r="GOU53" s="7">
        <f t="shared" si="628"/>
        <v>5103.125</v>
      </c>
      <c r="GOV53" s="7">
        <f t="shared" si="628"/>
        <v>5103.125</v>
      </c>
      <c r="GOW53" s="7">
        <f t="shared" si="628"/>
        <v>5103.125</v>
      </c>
      <c r="GOX53" s="7">
        <f t="shared" si="628"/>
        <v>5103.125</v>
      </c>
      <c r="GOY53" s="7">
        <f t="shared" si="628"/>
        <v>5103.125</v>
      </c>
      <c r="GOZ53" s="7">
        <f t="shared" si="628"/>
        <v>5103.125</v>
      </c>
      <c r="GPA53" s="7">
        <f t="shared" si="628"/>
        <v>5103.125</v>
      </c>
      <c r="GPB53" s="7">
        <f t="shared" si="628"/>
        <v>5103.125</v>
      </c>
      <c r="GPC53" s="7">
        <f t="shared" si="628"/>
        <v>5103.125</v>
      </c>
      <c r="GPD53" s="7">
        <f t="shared" si="628"/>
        <v>5103.125</v>
      </c>
      <c r="GPE53" s="7">
        <f t="shared" si="628"/>
        <v>5103.125</v>
      </c>
      <c r="GPF53" s="7">
        <f t="shared" si="628"/>
        <v>5103.125</v>
      </c>
      <c r="GPG53" s="7">
        <f t="shared" si="628"/>
        <v>5103.125</v>
      </c>
      <c r="GPH53" s="7">
        <f t="shared" si="628"/>
        <v>5103.125</v>
      </c>
      <c r="GPI53" s="7">
        <f t="shared" si="628"/>
        <v>5103.125</v>
      </c>
      <c r="GPJ53" s="7">
        <f t="shared" si="628"/>
        <v>5103.125</v>
      </c>
      <c r="GPK53" s="7">
        <f t="shared" si="628"/>
        <v>5103.125</v>
      </c>
      <c r="GPL53" s="7">
        <f t="shared" si="628"/>
        <v>5103.125</v>
      </c>
      <c r="GPM53" s="7">
        <f t="shared" si="628"/>
        <v>5103.125</v>
      </c>
      <c r="GPN53" s="7">
        <f t="shared" si="628"/>
        <v>5103.125</v>
      </c>
      <c r="GPO53" s="7">
        <f t="shared" si="628"/>
        <v>5103.125</v>
      </c>
      <c r="GPP53" s="7">
        <f t="shared" si="628"/>
        <v>5103.125</v>
      </c>
      <c r="GPQ53" s="7">
        <f t="shared" si="628"/>
        <v>5103.125</v>
      </c>
      <c r="GPR53" s="7">
        <f t="shared" si="628"/>
        <v>5103.125</v>
      </c>
      <c r="GPS53" s="7">
        <f t="shared" si="628"/>
        <v>5103.125</v>
      </c>
      <c r="GPT53" s="7">
        <f t="shared" si="628"/>
        <v>5103.125</v>
      </c>
      <c r="GPU53" s="7">
        <f t="shared" si="628"/>
        <v>5103.125</v>
      </c>
      <c r="GPV53" s="7">
        <f t="shared" si="628"/>
        <v>5103.125</v>
      </c>
      <c r="GPW53" s="7">
        <f t="shared" si="628"/>
        <v>5103.125</v>
      </c>
      <c r="GPX53" s="7">
        <f t="shared" si="628"/>
        <v>5103.125</v>
      </c>
      <c r="GPY53" s="7">
        <f t="shared" si="628"/>
        <v>5103.125</v>
      </c>
      <c r="GPZ53" s="7">
        <f t="shared" si="628"/>
        <v>5103.125</v>
      </c>
      <c r="GQA53" s="7">
        <f t="shared" si="628"/>
        <v>5103.125</v>
      </c>
      <c r="GQB53" s="7">
        <f t="shared" si="628"/>
        <v>5103.125</v>
      </c>
      <c r="GQC53" s="7">
        <f t="shared" si="628"/>
        <v>5103.125</v>
      </c>
      <c r="GQD53" s="7">
        <f t="shared" si="628"/>
        <v>5103.125</v>
      </c>
      <c r="GQE53" s="7">
        <f t="shared" si="628"/>
        <v>5103.125</v>
      </c>
      <c r="GQF53" s="7">
        <f t="shared" si="628"/>
        <v>5103.125</v>
      </c>
      <c r="GQG53" s="7">
        <f t="shared" si="628"/>
        <v>5103.125</v>
      </c>
      <c r="GQH53" s="7">
        <f t="shared" si="628"/>
        <v>5103.125</v>
      </c>
      <c r="GQI53" s="7">
        <f t="shared" si="628"/>
        <v>5103.125</v>
      </c>
      <c r="GQJ53" s="7">
        <f t="shared" si="628"/>
        <v>5103.125</v>
      </c>
      <c r="GQK53" s="7">
        <f t="shared" si="628"/>
        <v>5103.125</v>
      </c>
      <c r="GQL53" s="7">
        <f t="shared" si="628"/>
        <v>5103.125</v>
      </c>
      <c r="GQM53" s="7">
        <f t="shared" si="628"/>
        <v>5103.125</v>
      </c>
      <c r="GQN53" s="7">
        <f t="shared" si="628"/>
        <v>5103.125</v>
      </c>
      <c r="GQO53" s="7">
        <f t="shared" si="628"/>
        <v>5103.125</v>
      </c>
      <c r="GQP53" s="7">
        <f t="shared" si="628"/>
        <v>5103.125</v>
      </c>
      <c r="GQQ53" s="7">
        <f t="shared" si="628"/>
        <v>5103.125</v>
      </c>
      <c r="GQR53" s="7">
        <f t="shared" si="628"/>
        <v>5103.125</v>
      </c>
      <c r="GQS53" s="7">
        <f t="shared" si="628"/>
        <v>5103.125</v>
      </c>
      <c r="GQT53" s="7">
        <f t="shared" ref="GQT53:GTE53" si="629">GQT48+GQS53</f>
        <v>5103.125</v>
      </c>
      <c r="GQU53" s="7">
        <f t="shared" si="629"/>
        <v>5103.125</v>
      </c>
      <c r="GQV53" s="7">
        <f t="shared" si="629"/>
        <v>5103.125</v>
      </c>
      <c r="GQW53" s="7">
        <f t="shared" si="629"/>
        <v>5103.125</v>
      </c>
      <c r="GQX53" s="7">
        <f t="shared" si="629"/>
        <v>5103.125</v>
      </c>
      <c r="GQY53" s="7">
        <f t="shared" si="629"/>
        <v>5103.125</v>
      </c>
      <c r="GQZ53" s="7">
        <f t="shared" si="629"/>
        <v>5103.125</v>
      </c>
      <c r="GRA53" s="7">
        <f t="shared" si="629"/>
        <v>5103.125</v>
      </c>
      <c r="GRB53" s="7">
        <f t="shared" si="629"/>
        <v>5103.125</v>
      </c>
      <c r="GRC53" s="7">
        <f t="shared" si="629"/>
        <v>5103.125</v>
      </c>
      <c r="GRD53" s="7">
        <f t="shared" si="629"/>
        <v>5103.125</v>
      </c>
      <c r="GRE53" s="7">
        <f t="shared" si="629"/>
        <v>5103.125</v>
      </c>
      <c r="GRF53" s="7">
        <f t="shared" si="629"/>
        <v>5103.125</v>
      </c>
      <c r="GRG53" s="7">
        <f t="shared" si="629"/>
        <v>5103.125</v>
      </c>
      <c r="GRH53" s="7">
        <f t="shared" si="629"/>
        <v>5103.125</v>
      </c>
      <c r="GRI53" s="7">
        <f t="shared" si="629"/>
        <v>5103.125</v>
      </c>
      <c r="GRJ53" s="7">
        <f t="shared" si="629"/>
        <v>5103.125</v>
      </c>
      <c r="GRK53" s="7">
        <f t="shared" si="629"/>
        <v>5103.125</v>
      </c>
      <c r="GRL53" s="7">
        <f t="shared" si="629"/>
        <v>5103.125</v>
      </c>
      <c r="GRM53" s="7">
        <f t="shared" si="629"/>
        <v>5103.125</v>
      </c>
      <c r="GRN53" s="7">
        <f t="shared" si="629"/>
        <v>5103.125</v>
      </c>
      <c r="GRO53" s="7">
        <f t="shared" si="629"/>
        <v>5103.125</v>
      </c>
      <c r="GRP53" s="7">
        <f t="shared" si="629"/>
        <v>5103.125</v>
      </c>
      <c r="GRQ53" s="7">
        <f t="shared" si="629"/>
        <v>5103.125</v>
      </c>
      <c r="GRR53" s="7">
        <f t="shared" si="629"/>
        <v>5103.125</v>
      </c>
      <c r="GRS53" s="7">
        <f t="shared" si="629"/>
        <v>5103.125</v>
      </c>
      <c r="GRT53" s="7">
        <f t="shared" si="629"/>
        <v>5103.125</v>
      </c>
      <c r="GRU53" s="7">
        <f t="shared" si="629"/>
        <v>5103.125</v>
      </c>
      <c r="GRV53" s="7">
        <f t="shared" si="629"/>
        <v>5103.125</v>
      </c>
      <c r="GRW53" s="7">
        <f t="shared" si="629"/>
        <v>5103.125</v>
      </c>
      <c r="GRX53" s="7">
        <f t="shared" si="629"/>
        <v>5103.125</v>
      </c>
      <c r="GRY53" s="7">
        <f t="shared" si="629"/>
        <v>5103.125</v>
      </c>
      <c r="GRZ53" s="7">
        <f t="shared" si="629"/>
        <v>5103.125</v>
      </c>
      <c r="GSA53" s="7">
        <f t="shared" si="629"/>
        <v>5103.125</v>
      </c>
      <c r="GSB53" s="7">
        <f t="shared" si="629"/>
        <v>5103.125</v>
      </c>
      <c r="GSC53" s="7">
        <f t="shared" si="629"/>
        <v>5103.125</v>
      </c>
      <c r="GSD53" s="7">
        <f t="shared" si="629"/>
        <v>5103.125</v>
      </c>
      <c r="GSE53" s="7">
        <f t="shared" si="629"/>
        <v>5103.125</v>
      </c>
      <c r="GSF53" s="7">
        <f t="shared" si="629"/>
        <v>5103.125</v>
      </c>
      <c r="GSG53" s="7">
        <f t="shared" si="629"/>
        <v>5103.125</v>
      </c>
      <c r="GSH53" s="7">
        <f t="shared" si="629"/>
        <v>5103.125</v>
      </c>
      <c r="GSI53" s="7">
        <f t="shared" si="629"/>
        <v>5103.125</v>
      </c>
      <c r="GSJ53" s="7">
        <f t="shared" si="629"/>
        <v>5103.125</v>
      </c>
      <c r="GSK53" s="7">
        <f t="shared" si="629"/>
        <v>5103.125</v>
      </c>
      <c r="GSL53" s="7">
        <f t="shared" si="629"/>
        <v>5103.125</v>
      </c>
      <c r="GSM53" s="7">
        <f t="shared" si="629"/>
        <v>5103.125</v>
      </c>
      <c r="GSN53" s="7">
        <f t="shared" si="629"/>
        <v>5103.125</v>
      </c>
      <c r="GSO53" s="7">
        <f t="shared" si="629"/>
        <v>5103.125</v>
      </c>
      <c r="GSP53" s="7">
        <f t="shared" si="629"/>
        <v>5103.125</v>
      </c>
      <c r="GSQ53" s="7">
        <f t="shared" si="629"/>
        <v>5103.125</v>
      </c>
      <c r="GSR53" s="7">
        <f t="shared" si="629"/>
        <v>5103.125</v>
      </c>
      <c r="GSS53" s="7">
        <f t="shared" si="629"/>
        <v>5103.125</v>
      </c>
      <c r="GST53" s="7">
        <f t="shared" si="629"/>
        <v>5103.125</v>
      </c>
      <c r="GSU53" s="7">
        <f t="shared" si="629"/>
        <v>5103.125</v>
      </c>
      <c r="GSV53" s="7">
        <f t="shared" si="629"/>
        <v>5103.125</v>
      </c>
      <c r="GSW53" s="7">
        <f t="shared" si="629"/>
        <v>5103.125</v>
      </c>
      <c r="GSX53" s="7">
        <f t="shared" si="629"/>
        <v>5103.125</v>
      </c>
      <c r="GSY53" s="7">
        <f t="shared" si="629"/>
        <v>5103.125</v>
      </c>
      <c r="GSZ53" s="7">
        <f t="shared" si="629"/>
        <v>5103.125</v>
      </c>
      <c r="GTA53" s="7">
        <f t="shared" si="629"/>
        <v>5103.125</v>
      </c>
      <c r="GTB53" s="7">
        <f t="shared" si="629"/>
        <v>5103.125</v>
      </c>
      <c r="GTC53" s="7">
        <f t="shared" si="629"/>
        <v>5103.125</v>
      </c>
      <c r="GTD53" s="7">
        <f t="shared" si="629"/>
        <v>5103.125</v>
      </c>
      <c r="GTE53" s="7">
        <f t="shared" si="629"/>
        <v>5103.125</v>
      </c>
      <c r="GTF53" s="7">
        <f t="shared" ref="GTF53:GVQ53" si="630">GTF48+GTE53</f>
        <v>5103.125</v>
      </c>
      <c r="GTG53" s="7">
        <f t="shared" si="630"/>
        <v>5103.125</v>
      </c>
      <c r="GTH53" s="7">
        <f t="shared" si="630"/>
        <v>5103.125</v>
      </c>
      <c r="GTI53" s="7">
        <f t="shared" si="630"/>
        <v>5103.125</v>
      </c>
      <c r="GTJ53" s="7">
        <f t="shared" si="630"/>
        <v>5103.125</v>
      </c>
      <c r="GTK53" s="7">
        <f t="shared" si="630"/>
        <v>5103.125</v>
      </c>
      <c r="GTL53" s="7">
        <f t="shared" si="630"/>
        <v>5103.125</v>
      </c>
      <c r="GTM53" s="7">
        <f t="shared" si="630"/>
        <v>5103.125</v>
      </c>
      <c r="GTN53" s="7">
        <f t="shared" si="630"/>
        <v>5103.125</v>
      </c>
      <c r="GTO53" s="7">
        <f t="shared" si="630"/>
        <v>5103.125</v>
      </c>
      <c r="GTP53" s="7">
        <f t="shared" si="630"/>
        <v>5103.125</v>
      </c>
      <c r="GTQ53" s="7">
        <f t="shared" si="630"/>
        <v>5103.125</v>
      </c>
      <c r="GTR53" s="7">
        <f t="shared" si="630"/>
        <v>5103.125</v>
      </c>
      <c r="GTS53" s="7">
        <f t="shared" si="630"/>
        <v>5103.125</v>
      </c>
      <c r="GTT53" s="7">
        <f t="shared" si="630"/>
        <v>5103.125</v>
      </c>
      <c r="GTU53" s="7">
        <f t="shared" si="630"/>
        <v>5103.125</v>
      </c>
      <c r="GTV53" s="7">
        <f t="shared" si="630"/>
        <v>5103.125</v>
      </c>
      <c r="GTW53" s="7">
        <f t="shared" si="630"/>
        <v>5103.125</v>
      </c>
      <c r="GTX53" s="7">
        <f t="shared" si="630"/>
        <v>5103.125</v>
      </c>
      <c r="GTY53" s="7">
        <f t="shared" si="630"/>
        <v>5103.125</v>
      </c>
      <c r="GTZ53" s="7">
        <f t="shared" si="630"/>
        <v>5103.125</v>
      </c>
      <c r="GUA53" s="7">
        <f t="shared" si="630"/>
        <v>5103.125</v>
      </c>
      <c r="GUB53" s="7">
        <f t="shared" si="630"/>
        <v>5103.125</v>
      </c>
      <c r="GUC53" s="7">
        <f t="shared" si="630"/>
        <v>5103.125</v>
      </c>
      <c r="GUD53" s="7">
        <f t="shared" si="630"/>
        <v>5103.125</v>
      </c>
      <c r="GUE53" s="7">
        <f t="shared" si="630"/>
        <v>5103.125</v>
      </c>
      <c r="GUF53" s="7">
        <f t="shared" si="630"/>
        <v>5103.125</v>
      </c>
      <c r="GUG53" s="7">
        <f t="shared" si="630"/>
        <v>5103.125</v>
      </c>
      <c r="GUH53" s="7">
        <f t="shared" si="630"/>
        <v>5103.125</v>
      </c>
      <c r="GUI53" s="7">
        <f t="shared" si="630"/>
        <v>5103.125</v>
      </c>
      <c r="GUJ53" s="7">
        <f t="shared" si="630"/>
        <v>5103.125</v>
      </c>
      <c r="GUK53" s="7">
        <f t="shared" si="630"/>
        <v>5103.125</v>
      </c>
      <c r="GUL53" s="7">
        <f t="shared" si="630"/>
        <v>5103.125</v>
      </c>
      <c r="GUM53" s="7">
        <f t="shared" si="630"/>
        <v>5103.125</v>
      </c>
      <c r="GUN53" s="7">
        <f t="shared" si="630"/>
        <v>5103.125</v>
      </c>
      <c r="GUO53" s="7">
        <f t="shared" si="630"/>
        <v>5103.125</v>
      </c>
      <c r="GUP53" s="7">
        <f t="shared" si="630"/>
        <v>5103.125</v>
      </c>
      <c r="GUQ53" s="7">
        <f t="shared" si="630"/>
        <v>5103.125</v>
      </c>
      <c r="GUR53" s="7">
        <f t="shared" si="630"/>
        <v>5103.125</v>
      </c>
      <c r="GUS53" s="7">
        <f t="shared" si="630"/>
        <v>5103.125</v>
      </c>
      <c r="GUT53" s="7">
        <f t="shared" si="630"/>
        <v>5103.125</v>
      </c>
      <c r="GUU53" s="7">
        <f t="shared" si="630"/>
        <v>5103.125</v>
      </c>
      <c r="GUV53" s="7">
        <f t="shared" si="630"/>
        <v>5103.125</v>
      </c>
      <c r="GUW53" s="7">
        <f t="shared" si="630"/>
        <v>5103.125</v>
      </c>
      <c r="GUX53" s="7">
        <f t="shared" si="630"/>
        <v>5103.125</v>
      </c>
      <c r="GUY53" s="7">
        <f t="shared" si="630"/>
        <v>5103.125</v>
      </c>
      <c r="GUZ53" s="7">
        <f t="shared" si="630"/>
        <v>5103.125</v>
      </c>
      <c r="GVA53" s="7">
        <f t="shared" si="630"/>
        <v>5103.125</v>
      </c>
      <c r="GVB53" s="7">
        <f t="shared" si="630"/>
        <v>5103.125</v>
      </c>
      <c r="GVC53" s="7">
        <f t="shared" si="630"/>
        <v>5103.125</v>
      </c>
      <c r="GVD53" s="7">
        <f t="shared" si="630"/>
        <v>5103.125</v>
      </c>
      <c r="GVE53" s="7">
        <f t="shared" si="630"/>
        <v>5103.125</v>
      </c>
      <c r="GVF53" s="7">
        <f t="shared" si="630"/>
        <v>5103.125</v>
      </c>
      <c r="GVG53" s="7">
        <f t="shared" si="630"/>
        <v>5103.125</v>
      </c>
      <c r="GVH53" s="7">
        <f t="shared" si="630"/>
        <v>5103.125</v>
      </c>
      <c r="GVI53" s="7">
        <f t="shared" si="630"/>
        <v>5103.125</v>
      </c>
      <c r="GVJ53" s="7">
        <f t="shared" si="630"/>
        <v>5103.125</v>
      </c>
      <c r="GVK53" s="7">
        <f t="shared" si="630"/>
        <v>5103.125</v>
      </c>
      <c r="GVL53" s="7">
        <f t="shared" si="630"/>
        <v>5103.125</v>
      </c>
      <c r="GVM53" s="7">
        <f t="shared" si="630"/>
        <v>5103.125</v>
      </c>
      <c r="GVN53" s="7">
        <f t="shared" si="630"/>
        <v>5103.125</v>
      </c>
      <c r="GVO53" s="7">
        <f t="shared" si="630"/>
        <v>5103.125</v>
      </c>
      <c r="GVP53" s="7">
        <f t="shared" si="630"/>
        <v>5103.125</v>
      </c>
      <c r="GVQ53" s="7">
        <f t="shared" si="630"/>
        <v>5103.125</v>
      </c>
      <c r="GVR53" s="7">
        <f t="shared" ref="GVR53:GYC53" si="631">GVR48+GVQ53</f>
        <v>5103.125</v>
      </c>
      <c r="GVS53" s="7">
        <f t="shared" si="631"/>
        <v>5103.125</v>
      </c>
      <c r="GVT53" s="7">
        <f t="shared" si="631"/>
        <v>5103.125</v>
      </c>
      <c r="GVU53" s="7">
        <f t="shared" si="631"/>
        <v>5103.125</v>
      </c>
      <c r="GVV53" s="7">
        <f t="shared" si="631"/>
        <v>5103.125</v>
      </c>
      <c r="GVW53" s="7">
        <f t="shared" si="631"/>
        <v>5103.125</v>
      </c>
      <c r="GVX53" s="7">
        <f t="shared" si="631"/>
        <v>5103.125</v>
      </c>
      <c r="GVY53" s="7">
        <f t="shared" si="631"/>
        <v>5103.125</v>
      </c>
      <c r="GVZ53" s="7">
        <f t="shared" si="631"/>
        <v>5103.125</v>
      </c>
      <c r="GWA53" s="7">
        <f t="shared" si="631"/>
        <v>5103.125</v>
      </c>
      <c r="GWB53" s="7">
        <f t="shared" si="631"/>
        <v>5103.125</v>
      </c>
      <c r="GWC53" s="7">
        <f t="shared" si="631"/>
        <v>5103.125</v>
      </c>
      <c r="GWD53" s="7">
        <f t="shared" si="631"/>
        <v>5103.125</v>
      </c>
      <c r="GWE53" s="7">
        <f t="shared" si="631"/>
        <v>5103.125</v>
      </c>
      <c r="GWF53" s="7">
        <f t="shared" si="631"/>
        <v>5103.125</v>
      </c>
      <c r="GWG53" s="7">
        <f t="shared" si="631"/>
        <v>5103.125</v>
      </c>
      <c r="GWH53" s="7">
        <f t="shared" si="631"/>
        <v>5103.125</v>
      </c>
      <c r="GWI53" s="7">
        <f t="shared" si="631"/>
        <v>5103.125</v>
      </c>
      <c r="GWJ53" s="7">
        <f t="shared" si="631"/>
        <v>5103.125</v>
      </c>
      <c r="GWK53" s="7">
        <f t="shared" si="631"/>
        <v>5103.125</v>
      </c>
      <c r="GWL53" s="7">
        <f t="shared" si="631"/>
        <v>5103.125</v>
      </c>
      <c r="GWM53" s="7">
        <f t="shared" si="631"/>
        <v>5103.125</v>
      </c>
      <c r="GWN53" s="7">
        <f t="shared" si="631"/>
        <v>5103.125</v>
      </c>
      <c r="GWO53" s="7">
        <f t="shared" si="631"/>
        <v>5103.125</v>
      </c>
      <c r="GWP53" s="7">
        <f t="shared" si="631"/>
        <v>5103.125</v>
      </c>
      <c r="GWQ53" s="7">
        <f t="shared" si="631"/>
        <v>5103.125</v>
      </c>
      <c r="GWR53" s="7">
        <f t="shared" si="631"/>
        <v>5103.125</v>
      </c>
      <c r="GWS53" s="7">
        <f t="shared" si="631"/>
        <v>5103.125</v>
      </c>
      <c r="GWT53" s="7">
        <f t="shared" si="631"/>
        <v>5103.125</v>
      </c>
      <c r="GWU53" s="7">
        <f t="shared" si="631"/>
        <v>5103.125</v>
      </c>
      <c r="GWV53" s="7">
        <f t="shared" si="631"/>
        <v>5103.125</v>
      </c>
      <c r="GWW53" s="7">
        <f t="shared" si="631"/>
        <v>5103.125</v>
      </c>
      <c r="GWX53" s="7">
        <f t="shared" si="631"/>
        <v>5103.125</v>
      </c>
      <c r="GWY53" s="7">
        <f t="shared" si="631"/>
        <v>5103.125</v>
      </c>
      <c r="GWZ53" s="7">
        <f t="shared" si="631"/>
        <v>5103.125</v>
      </c>
      <c r="GXA53" s="7">
        <f t="shared" si="631"/>
        <v>5103.125</v>
      </c>
      <c r="GXB53" s="7">
        <f t="shared" si="631"/>
        <v>5103.125</v>
      </c>
      <c r="GXC53" s="7">
        <f t="shared" si="631"/>
        <v>5103.125</v>
      </c>
      <c r="GXD53" s="7">
        <f t="shared" si="631"/>
        <v>5103.125</v>
      </c>
      <c r="GXE53" s="7">
        <f t="shared" si="631"/>
        <v>5103.125</v>
      </c>
      <c r="GXF53" s="7">
        <f t="shared" si="631"/>
        <v>5103.125</v>
      </c>
      <c r="GXG53" s="7">
        <f t="shared" si="631"/>
        <v>5103.125</v>
      </c>
      <c r="GXH53" s="7">
        <f t="shared" si="631"/>
        <v>5103.125</v>
      </c>
      <c r="GXI53" s="7">
        <f t="shared" si="631"/>
        <v>5103.125</v>
      </c>
      <c r="GXJ53" s="7">
        <f t="shared" si="631"/>
        <v>5103.125</v>
      </c>
      <c r="GXK53" s="7">
        <f t="shared" si="631"/>
        <v>5103.125</v>
      </c>
      <c r="GXL53" s="7">
        <f t="shared" si="631"/>
        <v>5103.125</v>
      </c>
      <c r="GXM53" s="7">
        <f t="shared" si="631"/>
        <v>5103.125</v>
      </c>
      <c r="GXN53" s="7">
        <f t="shared" si="631"/>
        <v>5103.125</v>
      </c>
      <c r="GXO53" s="7">
        <f t="shared" si="631"/>
        <v>5103.125</v>
      </c>
      <c r="GXP53" s="7">
        <f t="shared" si="631"/>
        <v>5103.125</v>
      </c>
      <c r="GXQ53" s="7">
        <f t="shared" si="631"/>
        <v>5103.125</v>
      </c>
      <c r="GXR53" s="7">
        <f t="shared" si="631"/>
        <v>5103.125</v>
      </c>
      <c r="GXS53" s="7">
        <f t="shared" si="631"/>
        <v>5103.125</v>
      </c>
      <c r="GXT53" s="7">
        <f t="shared" si="631"/>
        <v>5103.125</v>
      </c>
      <c r="GXU53" s="7">
        <f t="shared" si="631"/>
        <v>5103.125</v>
      </c>
      <c r="GXV53" s="7">
        <f t="shared" si="631"/>
        <v>5103.125</v>
      </c>
      <c r="GXW53" s="7">
        <f t="shared" si="631"/>
        <v>5103.125</v>
      </c>
      <c r="GXX53" s="7">
        <f t="shared" si="631"/>
        <v>5103.125</v>
      </c>
      <c r="GXY53" s="7">
        <f t="shared" si="631"/>
        <v>5103.125</v>
      </c>
      <c r="GXZ53" s="7">
        <f t="shared" si="631"/>
        <v>5103.125</v>
      </c>
      <c r="GYA53" s="7">
        <f t="shared" si="631"/>
        <v>5103.125</v>
      </c>
      <c r="GYB53" s="7">
        <f t="shared" si="631"/>
        <v>5103.125</v>
      </c>
      <c r="GYC53" s="7">
        <f t="shared" si="631"/>
        <v>5103.125</v>
      </c>
      <c r="GYD53" s="7">
        <f t="shared" ref="GYD53:HAO53" si="632">GYD48+GYC53</f>
        <v>5103.125</v>
      </c>
      <c r="GYE53" s="7">
        <f t="shared" si="632"/>
        <v>5103.125</v>
      </c>
      <c r="GYF53" s="7">
        <f t="shared" si="632"/>
        <v>5103.125</v>
      </c>
      <c r="GYG53" s="7">
        <f t="shared" si="632"/>
        <v>5103.125</v>
      </c>
      <c r="GYH53" s="7">
        <f t="shared" si="632"/>
        <v>5103.125</v>
      </c>
      <c r="GYI53" s="7">
        <f t="shared" si="632"/>
        <v>5103.125</v>
      </c>
      <c r="GYJ53" s="7">
        <f t="shared" si="632"/>
        <v>5103.125</v>
      </c>
      <c r="GYK53" s="7">
        <f t="shared" si="632"/>
        <v>5103.125</v>
      </c>
      <c r="GYL53" s="7">
        <f t="shared" si="632"/>
        <v>5103.125</v>
      </c>
      <c r="GYM53" s="7">
        <f t="shared" si="632"/>
        <v>5103.125</v>
      </c>
      <c r="GYN53" s="7">
        <f t="shared" si="632"/>
        <v>5103.125</v>
      </c>
      <c r="GYO53" s="7">
        <f t="shared" si="632"/>
        <v>5103.125</v>
      </c>
      <c r="GYP53" s="7">
        <f t="shared" si="632"/>
        <v>5103.125</v>
      </c>
      <c r="GYQ53" s="7">
        <f t="shared" si="632"/>
        <v>5103.125</v>
      </c>
      <c r="GYR53" s="7">
        <f t="shared" si="632"/>
        <v>5103.125</v>
      </c>
      <c r="GYS53" s="7">
        <f t="shared" si="632"/>
        <v>5103.125</v>
      </c>
      <c r="GYT53" s="7">
        <f t="shared" si="632"/>
        <v>5103.125</v>
      </c>
      <c r="GYU53" s="7">
        <f t="shared" si="632"/>
        <v>5103.125</v>
      </c>
      <c r="GYV53" s="7">
        <f t="shared" si="632"/>
        <v>5103.125</v>
      </c>
      <c r="GYW53" s="7">
        <f t="shared" si="632"/>
        <v>5103.125</v>
      </c>
      <c r="GYX53" s="7">
        <f t="shared" si="632"/>
        <v>5103.125</v>
      </c>
      <c r="GYY53" s="7">
        <f t="shared" si="632"/>
        <v>5103.125</v>
      </c>
      <c r="GYZ53" s="7">
        <f t="shared" si="632"/>
        <v>5103.125</v>
      </c>
      <c r="GZA53" s="7">
        <f t="shared" si="632"/>
        <v>5103.125</v>
      </c>
      <c r="GZB53" s="7">
        <f t="shared" si="632"/>
        <v>5103.125</v>
      </c>
      <c r="GZC53" s="7">
        <f t="shared" si="632"/>
        <v>5103.125</v>
      </c>
      <c r="GZD53" s="7">
        <f t="shared" si="632"/>
        <v>5103.125</v>
      </c>
      <c r="GZE53" s="7">
        <f t="shared" si="632"/>
        <v>5103.125</v>
      </c>
      <c r="GZF53" s="7">
        <f t="shared" si="632"/>
        <v>5103.125</v>
      </c>
      <c r="GZG53" s="7">
        <f t="shared" si="632"/>
        <v>5103.125</v>
      </c>
      <c r="GZH53" s="7">
        <f t="shared" si="632"/>
        <v>5103.125</v>
      </c>
      <c r="GZI53" s="7">
        <f t="shared" si="632"/>
        <v>5103.125</v>
      </c>
      <c r="GZJ53" s="7">
        <f t="shared" si="632"/>
        <v>5103.125</v>
      </c>
      <c r="GZK53" s="7">
        <f t="shared" si="632"/>
        <v>5103.125</v>
      </c>
      <c r="GZL53" s="7">
        <f t="shared" si="632"/>
        <v>5103.125</v>
      </c>
      <c r="GZM53" s="7">
        <f t="shared" si="632"/>
        <v>5103.125</v>
      </c>
      <c r="GZN53" s="7">
        <f t="shared" si="632"/>
        <v>5103.125</v>
      </c>
      <c r="GZO53" s="7">
        <f t="shared" si="632"/>
        <v>5103.125</v>
      </c>
      <c r="GZP53" s="7">
        <f t="shared" si="632"/>
        <v>5103.125</v>
      </c>
      <c r="GZQ53" s="7">
        <f t="shared" si="632"/>
        <v>5103.125</v>
      </c>
      <c r="GZR53" s="7">
        <f t="shared" si="632"/>
        <v>5103.125</v>
      </c>
      <c r="GZS53" s="7">
        <f t="shared" si="632"/>
        <v>5103.125</v>
      </c>
      <c r="GZT53" s="7">
        <f t="shared" si="632"/>
        <v>5103.125</v>
      </c>
      <c r="GZU53" s="7">
        <f t="shared" si="632"/>
        <v>5103.125</v>
      </c>
      <c r="GZV53" s="7">
        <f t="shared" si="632"/>
        <v>5103.125</v>
      </c>
      <c r="GZW53" s="7">
        <f t="shared" si="632"/>
        <v>5103.125</v>
      </c>
      <c r="GZX53" s="7">
        <f t="shared" si="632"/>
        <v>5103.125</v>
      </c>
      <c r="GZY53" s="7">
        <f t="shared" si="632"/>
        <v>5103.125</v>
      </c>
      <c r="GZZ53" s="7">
        <f t="shared" si="632"/>
        <v>5103.125</v>
      </c>
      <c r="HAA53" s="7">
        <f t="shared" si="632"/>
        <v>5103.125</v>
      </c>
      <c r="HAB53" s="7">
        <f t="shared" si="632"/>
        <v>5103.125</v>
      </c>
      <c r="HAC53" s="7">
        <f t="shared" si="632"/>
        <v>5103.125</v>
      </c>
      <c r="HAD53" s="7">
        <f t="shared" si="632"/>
        <v>5103.125</v>
      </c>
      <c r="HAE53" s="7">
        <f t="shared" si="632"/>
        <v>5103.125</v>
      </c>
      <c r="HAF53" s="7">
        <f t="shared" si="632"/>
        <v>5103.125</v>
      </c>
      <c r="HAG53" s="7">
        <f t="shared" si="632"/>
        <v>5103.125</v>
      </c>
      <c r="HAH53" s="7">
        <f t="shared" si="632"/>
        <v>5103.125</v>
      </c>
      <c r="HAI53" s="7">
        <f t="shared" si="632"/>
        <v>5103.125</v>
      </c>
      <c r="HAJ53" s="7">
        <f t="shared" si="632"/>
        <v>5103.125</v>
      </c>
      <c r="HAK53" s="7">
        <f t="shared" si="632"/>
        <v>5103.125</v>
      </c>
      <c r="HAL53" s="7">
        <f t="shared" si="632"/>
        <v>5103.125</v>
      </c>
      <c r="HAM53" s="7">
        <f t="shared" si="632"/>
        <v>5103.125</v>
      </c>
      <c r="HAN53" s="7">
        <f t="shared" si="632"/>
        <v>5103.125</v>
      </c>
      <c r="HAO53" s="7">
        <f t="shared" si="632"/>
        <v>5103.125</v>
      </c>
      <c r="HAP53" s="7">
        <f t="shared" ref="HAP53:HDA53" si="633">HAP48+HAO53</f>
        <v>5103.125</v>
      </c>
      <c r="HAQ53" s="7">
        <f t="shared" si="633"/>
        <v>5103.125</v>
      </c>
      <c r="HAR53" s="7">
        <f t="shared" si="633"/>
        <v>5103.125</v>
      </c>
      <c r="HAS53" s="7">
        <f t="shared" si="633"/>
        <v>5103.125</v>
      </c>
      <c r="HAT53" s="7">
        <f t="shared" si="633"/>
        <v>5103.125</v>
      </c>
      <c r="HAU53" s="7">
        <f t="shared" si="633"/>
        <v>5103.125</v>
      </c>
      <c r="HAV53" s="7">
        <f t="shared" si="633"/>
        <v>5103.125</v>
      </c>
      <c r="HAW53" s="7">
        <f t="shared" si="633"/>
        <v>5103.125</v>
      </c>
      <c r="HAX53" s="7">
        <f t="shared" si="633"/>
        <v>5103.125</v>
      </c>
      <c r="HAY53" s="7">
        <f t="shared" si="633"/>
        <v>5103.125</v>
      </c>
      <c r="HAZ53" s="7">
        <f t="shared" si="633"/>
        <v>5103.125</v>
      </c>
      <c r="HBA53" s="7">
        <f t="shared" si="633"/>
        <v>5103.125</v>
      </c>
      <c r="HBB53" s="7">
        <f t="shared" si="633"/>
        <v>5103.125</v>
      </c>
      <c r="HBC53" s="7">
        <f t="shared" si="633"/>
        <v>5103.125</v>
      </c>
      <c r="HBD53" s="7">
        <f t="shared" si="633"/>
        <v>5103.125</v>
      </c>
      <c r="HBE53" s="7">
        <f t="shared" si="633"/>
        <v>5103.125</v>
      </c>
      <c r="HBF53" s="7">
        <f t="shared" si="633"/>
        <v>5103.125</v>
      </c>
      <c r="HBG53" s="7">
        <f t="shared" si="633"/>
        <v>5103.125</v>
      </c>
      <c r="HBH53" s="7">
        <f t="shared" si="633"/>
        <v>5103.125</v>
      </c>
      <c r="HBI53" s="7">
        <f t="shared" si="633"/>
        <v>5103.125</v>
      </c>
      <c r="HBJ53" s="7">
        <f t="shared" si="633"/>
        <v>5103.125</v>
      </c>
      <c r="HBK53" s="7">
        <f t="shared" si="633"/>
        <v>5103.125</v>
      </c>
      <c r="HBL53" s="7">
        <f t="shared" si="633"/>
        <v>5103.125</v>
      </c>
      <c r="HBM53" s="7">
        <f t="shared" si="633"/>
        <v>5103.125</v>
      </c>
      <c r="HBN53" s="7">
        <f t="shared" si="633"/>
        <v>5103.125</v>
      </c>
      <c r="HBO53" s="7">
        <f t="shared" si="633"/>
        <v>5103.125</v>
      </c>
      <c r="HBP53" s="7">
        <f t="shared" si="633"/>
        <v>5103.125</v>
      </c>
      <c r="HBQ53" s="7">
        <f t="shared" si="633"/>
        <v>5103.125</v>
      </c>
      <c r="HBR53" s="7">
        <f t="shared" si="633"/>
        <v>5103.125</v>
      </c>
      <c r="HBS53" s="7">
        <f t="shared" si="633"/>
        <v>5103.125</v>
      </c>
      <c r="HBT53" s="7">
        <f t="shared" si="633"/>
        <v>5103.125</v>
      </c>
      <c r="HBU53" s="7">
        <f t="shared" si="633"/>
        <v>5103.125</v>
      </c>
      <c r="HBV53" s="7">
        <f t="shared" si="633"/>
        <v>5103.125</v>
      </c>
      <c r="HBW53" s="7">
        <f t="shared" si="633"/>
        <v>5103.125</v>
      </c>
      <c r="HBX53" s="7">
        <f t="shared" si="633"/>
        <v>5103.125</v>
      </c>
      <c r="HBY53" s="7">
        <f t="shared" si="633"/>
        <v>5103.125</v>
      </c>
      <c r="HBZ53" s="7">
        <f t="shared" si="633"/>
        <v>5103.125</v>
      </c>
      <c r="HCA53" s="7">
        <f t="shared" si="633"/>
        <v>5103.125</v>
      </c>
      <c r="HCB53" s="7">
        <f t="shared" si="633"/>
        <v>5103.125</v>
      </c>
      <c r="HCC53" s="7">
        <f t="shared" si="633"/>
        <v>5103.125</v>
      </c>
      <c r="HCD53" s="7">
        <f t="shared" si="633"/>
        <v>5103.125</v>
      </c>
      <c r="HCE53" s="7">
        <f t="shared" si="633"/>
        <v>5103.125</v>
      </c>
      <c r="HCF53" s="7">
        <f t="shared" si="633"/>
        <v>5103.125</v>
      </c>
      <c r="HCG53" s="7">
        <f t="shared" si="633"/>
        <v>5103.125</v>
      </c>
      <c r="HCH53" s="7">
        <f t="shared" si="633"/>
        <v>5103.125</v>
      </c>
      <c r="HCI53" s="7">
        <f t="shared" si="633"/>
        <v>5103.125</v>
      </c>
      <c r="HCJ53" s="7">
        <f t="shared" si="633"/>
        <v>5103.125</v>
      </c>
      <c r="HCK53" s="7">
        <f t="shared" si="633"/>
        <v>5103.125</v>
      </c>
      <c r="HCL53" s="7">
        <f t="shared" si="633"/>
        <v>5103.125</v>
      </c>
      <c r="HCM53" s="7">
        <f t="shared" si="633"/>
        <v>5103.125</v>
      </c>
      <c r="HCN53" s="7">
        <f t="shared" si="633"/>
        <v>5103.125</v>
      </c>
      <c r="HCO53" s="7">
        <f t="shared" si="633"/>
        <v>5103.125</v>
      </c>
      <c r="HCP53" s="7">
        <f t="shared" si="633"/>
        <v>5103.125</v>
      </c>
      <c r="HCQ53" s="7">
        <f t="shared" si="633"/>
        <v>5103.125</v>
      </c>
      <c r="HCR53" s="7">
        <f t="shared" si="633"/>
        <v>5103.125</v>
      </c>
      <c r="HCS53" s="7">
        <f t="shared" si="633"/>
        <v>5103.125</v>
      </c>
      <c r="HCT53" s="7">
        <f t="shared" si="633"/>
        <v>5103.125</v>
      </c>
      <c r="HCU53" s="7">
        <f t="shared" si="633"/>
        <v>5103.125</v>
      </c>
      <c r="HCV53" s="7">
        <f t="shared" si="633"/>
        <v>5103.125</v>
      </c>
      <c r="HCW53" s="7">
        <f t="shared" si="633"/>
        <v>5103.125</v>
      </c>
      <c r="HCX53" s="7">
        <f t="shared" si="633"/>
        <v>5103.125</v>
      </c>
      <c r="HCY53" s="7">
        <f t="shared" si="633"/>
        <v>5103.125</v>
      </c>
      <c r="HCZ53" s="7">
        <f t="shared" si="633"/>
        <v>5103.125</v>
      </c>
      <c r="HDA53" s="7">
        <f t="shared" si="633"/>
        <v>5103.125</v>
      </c>
      <c r="HDB53" s="7">
        <f t="shared" ref="HDB53:HFM53" si="634">HDB48+HDA53</f>
        <v>5103.125</v>
      </c>
      <c r="HDC53" s="7">
        <f t="shared" si="634"/>
        <v>5103.125</v>
      </c>
      <c r="HDD53" s="7">
        <f t="shared" si="634"/>
        <v>5103.125</v>
      </c>
      <c r="HDE53" s="7">
        <f t="shared" si="634"/>
        <v>5103.125</v>
      </c>
      <c r="HDF53" s="7">
        <f t="shared" si="634"/>
        <v>5103.125</v>
      </c>
      <c r="HDG53" s="7">
        <f t="shared" si="634"/>
        <v>5103.125</v>
      </c>
      <c r="HDH53" s="7">
        <f t="shared" si="634"/>
        <v>5103.125</v>
      </c>
      <c r="HDI53" s="7">
        <f t="shared" si="634"/>
        <v>5103.125</v>
      </c>
      <c r="HDJ53" s="7">
        <f t="shared" si="634"/>
        <v>5103.125</v>
      </c>
      <c r="HDK53" s="7">
        <f t="shared" si="634"/>
        <v>5103.125</v>
      </c>
      <c r="HDL53" s="7">
        <f t="shared" si="634"/>
        <v>5103.125</v>
      </c>
      <c r="HDM53" s="7">
        <f t="shared" si="634"/>
        <v>5103.125</v>
      </c>
      <c r="HDN53" s="7">
        <f t="shared" si="634"/>
        <v>5103.125</v>
      </c>
      <c r="HDO53" s="7">
        <f t="shared" si="634"/>
        <v>5103.125</v>
      </c>
      <c r="HDP53" s="7">
        <f t="shared" si="634"/>
        <v>5103.125</v>
      </c>
      <c r="HDQ53" s="7">
        <f t="shared" si="634"/>
        <v>5103.125</v>
      </c>
      <c r="HDR53" s="7">
        <f t="shared" si="634"/>
        <v>5103.125</v>
      </c>
      <c r="HDS53" s="7">
        <f t="shared" si="634"/>
        <v>5103.125</v>
      </c>
      <c r="HDT53" s="7">
        <f t="shared" si="634"/>
        <v>5103.125</v>
      </c>
      <c r="HDU53" s="7">
        <f t="shared" si="634"/>
        <v>5103.125</v>
      </c>
      <c r="HDV53" s="7">
        <f t="shared" si="634"/>
        <v>5103.125</v>
      </c>
      <c r="HDW53" s="7">
        <f t="shared" si="634"/>
        <v>5103.125</v>
      </c>
      <c r="HDX53" s="7">
        <f t="shared" si="634"/>
        <v>5103.125</v>
      </c>
      <c r="HDY53" s="7">
        <f t="shared" si="634"/>
        <v>5103.125</v>
      </c>
      <c r="HDZ53" s="7">
        <f t="shared" si="634"/>
        <v>5103.125</v>
      </c>
      <c r="HEA53" s="7">
        <f t="shared" si="634"/>
        <v>5103.125</v>
      </c>
      <c r="HEB53" s="7">
        <f t="shared" si="634"/>
        <v>5103.125</v>
      </c>
      <c r="HEC53" s="7">
        <f t="shared" si="634"/>
        <v>5103.125</v>
      </c>
      <c r="HED53" s="7">
        <f t="shared" si="634"/>
        <v>5103.125</v>
      </c>
      <c r="HEE53" s="7">
        <f t="shared" si="634"/>
        <v>5103.125</v>
      </c>
      <c r="HEF53" s="7">
        <f t="shared" si="634"/>
        <v>5103.125</v>
      </c>
      <c r="HEG53" s="7">
        <f t="shared" si="634"/>
        <v>5103.125</v>
      </c>
      <c r="HEH53" s="7">
        <f t="shared" si="634"/>
        <v>5103.125</v>
      </c>
      <c r="HEI53" s="7">
        <f t="shared" si="634"/>
        <v>5103.125</v>
      </c>
      <c r="HEJ53" s="7">
        <f t="shared" si="634"/>
        <v>5103.125</v>
      </c>
      <c r="HEK53" s="7">
        <f t="shared" si="634"/>
        <v>5103.125</v>
      </c>
      <c r="HEL53" s="7">
        <f t="shared" si="634"/>
        <v>5103.125</v>
      </c>
      <c r="HEM53" s="7">
        <f t="shared" si="634"/>
        <v>5103.125</v>
      </c>
      <c r="HEN53" s="7">
        <f t="shared" si="634"/>
        <v>5103.125</v>
      </c>
      <c r="HEO53" s="7">
        <f t="shared" si="634"/>
        <v>5103.125</v>
      </c>
      <c r="HEP53" s="7">
        <f t="shared" si="634"/>
        <v>5103.125</v>
      </c>
      <c r="HEQ53" s="7">
        <f t="shared" si="634"/>
        <v>5103.125</v>
      </c>
      <c r="HER53" s="7">
        <f t="shared" si="634"/>
        <v>5103.125</v>
      </c>
      <c r="HES53" s="7">
        <f t="shared" si="634"/>
        <v>5103.125</v>
      </c>
      <c r="HET53" s="7">
        <f t="shared" si="634"/>
        <v>5103.125</v>
      </c>
      <c r="HEU53" s="7">
        <f t="shared" si="634"/>
        <v>5103.125</v>
      </c>
      <c r="HEV53" s="7">
        <f t="shared" si="634"/>
        <v>5103.125</v>
      </c>
      <c r="HEW53" s="7">
        <f t="shared" si="634"/>
        <v>5103.125</v>
      </c>
      <c r="HEX53" s="7">
        <f t="shared" si="634"/>
        <v>5103.125</v>
      </c>
      <c r="HEY53" s="7">
        <f t="shared" si="634"/>
        <v>5103.125</v>
      </c>
      <c r="HEZ53" s="7">
        <f t="shared" si="634"/>
        <v>5103.125</v>
      </c>
      <c r="HFA53" s="7">
        <f t="shared" si="634"/>
        <v>5103.125</v>
      </c>
      <c r="HFB53" s="7">
        <f t="shared" si="634"/>
        <v>5103.125</v>
      </c>
      <c r="HFC53" s="7">
        <f t="shared" si="634"/>
        <v>5103.125</v>
      </c>
      <c r="HFD53" s="7">
        <f t="shared" si="634"/>
        <v>5103.125</v>
      </c>
      <c r="HFE53" s="7">
        <f t="shared" si="634"/>
        <v>5103.125</v>
      </c>
      <c r="HFF53" s="7">
        <f t="shared" si="634"/>
        <v>5103.125</v>
      </c>
      <c r="HFG53" s="7">
        <f t="shared" si="634"/>
        <v>5103.125</v>
      </c>
      <c r="HFH53" s="7">
        <f t="shared" si="634"/>
        <v>5103.125</v>
      </c>
      <c r="HFI53" s="7">
        <f t="shared" si="634"/>
        <v>5103.125</v>
      </c>
      <c r="HFJ53" s="7">
        <f t="shared" si="634"/>
        <v>5103.125</v>
      </c>
      <c r="HFK53" s="7">
        <f t="shared" si="634"/>
        <v>5103.125</v>
      </c>
      <c r="HFL53" s="7">
        <f t="shared" si="634"/>
        <v>5103.125</v>
      </c>
      <c r="HFM53" s="7">
        <f t="shared" si="634"/>
        <v>5103.125</v>
      </c>
      <c r="HFN53" s="7">
        <f t="shared" ref="HFN53:HHY53" si="635">HFN48+HFM53</f>
        <v>5103.125</v>
      </c>
      <c r="HFO53" s="7">
        <f t="shared" si="635"/>
        <v>5103.125</v>
      </c>
      <c r="HFP53" s="7">
        <f t="shared" si="635"/>
        <v>5103.125</v>
      </c>
      <c r="HFQ53" s="7">
        <f t="shared" si="635"/>
        <v>5103.125</v>
      </c>
      <c r="HFR53" s="7">
        <f t="shared" si="635"/>
        <v>5103.125</v>
      </c>
      <c r="HFS53" s="7">
        <f t="shared" si="635"/>
        <v>5103.125</v>
      </c>
      <c r="HFT53" s="7">
        <f t="shared" si="635"/>
        <v>5103.125</v>
      </c>
      <c r="HFU53" s="7">
        <f t="shared" si="635"/>
        <v>5103.125</v>
      </c>
      <c r="HFV53" s="7">
        <f t="shared" si="635"/>
        <v>5103.125</v>
      </c>
      <c r="HFW53" s="7">
        <f t="shared" si="635"/>
        <v>5103.125</v>
      </c>
      <c r="HFX53" s="7">
        <f t="shared" si="635"/>
        <v>5103.125</v>
      </c>
      <c r="HFY53" s="7">
        <f t="shared" si="635"/>
        <v>5103.125</v>
      </c>
      <c r="HFZ53" s="7">
        <f t="shared" si="635"/>
        <v>5103.125</v>
      </c>
      <c r="HGA53" s="7">
        <f t="shared" si="635"/>
        <v>5103.125</v>
      </c>
      <c r="HGB53" s="7">
        <f t="shared" si="635"/>
        <v>5103.125</v>
      </c>
      <c r="HGC53" s="7">
        <f t="shared" si="635"/>
        <v>5103.125</v>
      </c>
      <c r="HGD53" s="7">
        <f t="shared" si="635"/>
        <v>5103.125</v>
      </c>
      <c r="HGE53" s="7">
        <f t="shared" si="635"/>
        <v>5103.125</v>
      </c>
      <c r="HGF53" s="7">
        <f t="shared" si="635"/>
        <v>5103.125</v>
      </c>
      <c r="HGG53" s="7">
        <f t="shared" si="635"/>
        <v>5103.125</v>
      </c>
      <c r="HGH53" s="7">
        <f t="shared" si="635"/>
        <v>5103.125</v>
      </c>
      <c r="HGI53" s="7">
        <f t="shared" si="635"/>
        <v>5103.125</v>
      </c>
      <c r="HGJ53" s="7">
        <f t="shared" si="635"/>
        <v>5103.125</v>
      </c>
      <c r="HGK53" s="7">
        <f t="shared" si="635"/>
        <v>5103.125</v>
      </c>
      <c r="HGL53" s="7">
        <f t="shared" si="635"/>
        <v>5103.125</v>
      </c>
      <c r="HGM53" s="7">
        <f t="shared" si="635"/>
        <v>5103.125</v>
      </c>
      <c r="HGN53" s="7">
        <f t="shared" si="635"/>
        <v>5103.125</v>
      </c>
      <c r="HGO53" s="7">
        <f t="shared" si="635"/>
        <v>5103.125</v>
      </c>
      <c r="HGP53" s="7">
        <f t="shared" si="635"/>
        <v>5103.125</v>
      </c>
      <c r="HGQ53" s="7">
        <f t="shared" si="635"/>
        <v>5103.125</v>
      </c>
      <c r="HGR53" s="7">
        <f t="shared" si="635"/>
        <v>5103.125</v>
      </c>
      <c r="HGS53" s="7">
        <f t="shared" si="635"/>
        <v>5103.125</v>
      </c>
      <c r="HGT53" s="7">
        <f t="shared" si="635"/>
        <v>5103.125</v>
      </c>
      <c r="HGU53" s="7">
        <f t="shared" si="635"/>
        <v>5103.125</v>
      </c>
      <c r="HGV53" s="7">
        <f t="shared" si="635"/>
        <v>5103.125</v>
      </c>
      <c r="HGW53" s="7">
        <f t="shared" si="635"/>
        <v>5103.125</v>
      </c>
      <c r="HGX53" s="7">
        <f t="shared" si="635"/>
        <v>5103.125</v>
      </c>
      <c r="HGY53" s="7">
        <f t="shared" si="635"/>
        <v>5103.125</v>
      </c>
      <c r="HGZ53" s="7">
        <f t="shared" si="635"/>
        <v>5103.125</v>
      </c>
      <c r="HHA53" s="7">
        <f t="shared" si="635"/>
        <v>5103.125</v>
      </c>
      <c r="HHB53" s="7">
        <f t="shared" si="635"/>
        <v>5103.125</v>
      </c>
      <c r="HHC53" s="7">
        <f t="shared" si="635"/>
        <v>5103.125</v>
      </c>
      <c r="HHD53" s="7">
        <f t="shared" si="635"/>
        <v>5103.125</v>
      </c>
      <c r="HHE53" s="7">
        <f t="shared" si="635"/>
        <v>5103.125</v>
      </c>
      <c r="HHF53" s="7">
        <f t="shared" si="635"/>
        <v>5103.125</v>
      </c>
      <c r="HHG53" s="7">
        <f t="shared" si="635"/>
        <v>5103.125</v>
      </c>
      <c r="HHH53" s="7">
        <f t="shared" si="635"/>
        <v>5103.125</v>
      </c>
      <c r="HHI53" s="7">
        <f t="shared" si="635"/>
        <v>5103.125</v>
      </c>
      <c r="HHJ53" s="7">
        <f t="shared" si="635"/>
        <v>5103.125</v>
      </c>
      <c r="HHK53" s="7">
        <f t="shared" si="635"/>
        <v>5103.125</v>
      </c>
      <c r="HHL53" s="7">
        <f t="shared" si="635"/>
        <v>5103.125</v>
      </c>
      <c r="HHM53" s="7">
        <f t="shared" si="635"/>
        <v>5103.125</v>
      </c>
      <c r="HHN53" s="7">
        <f t="shared" si="635"/>
        <v>5103.125</v>
      </c>
      <c r="HHO53" s="7">
        <f t="shared" si="635"/>
        <v>5103.125</v>
      </c>
      <c r="HHP53" s="7">
        <f t="shared" si="635"/>
        <v>5103.125</v>
      </c>
      <c r="HHQ53" s="7">
        <f t="shared" si="635"/>
        <v>5103.125</v>
      </c>
      <c r="HHR53" s="7">
        <f t="shared" si="635"/>
        <v>5103.125</v>
      </c>
      <c r="HHS53" s="7">
        <f t="shared" si="635"/>
        <v>5103.125</v>
      </c>
      <c r="HHT53" s="7">
        <f t="shared" si="635"/>
        <v>5103.125</v>
      </c>
      <c r="HHU53" s="7">
        <f t="shared" si="635"/>
        <v>5103.125</v>
      </c>
      <c r="HHV53" s="7">
        <f t="shared" si="635"/>
        <v>5103.125</v>
      </c>
      <c r="HHW53" s="7">
        <f t="shared" si="635"/>
        <v>5103.125</v>
      </c>
      <c r="HHX53" s="7">
        <f t="shared" si="635"/>
        <v>5103.125</v>
      </c>
      <c r="HHY53" s="7">
        <f t="shared" si="635"/>
        <v>5103.125</v>
      </c>
      <c r="HHZ53" s="7">
        <f t="shared" ref="HHZ53:HKK53" si="636">HHZ48+HHY53</f>
        <v>5103.125</v>
      </c>
      <c r="HIA53" s="7">
        <f t="shared" si="636"/>
        <v>5103.125</v>
      </c>
      <c r="HIB53" s="7">
        <f t="shared" si="636"/>
        <v>5103.125</v>
      </c>
      <c r="HIC53" s="7">
        <f t="shared" si="636"/>
        <v>5103.125</v>
      </c>
      <c r="HID53" s="7">
        <f t="shared" si="636"/>
        <v>5103.125</v>
      </c>
      <c r="HIE53" s="7">
        <f t="shared" si="636"/>
        <v>5103.125</v>
      </c>
      <c r="HIF53" s="7">
        <f t="shared" si="636"/>
        <v>5103.125</v>
      </c>
      <c r="HIG53" s="7">
        <f t="shared" si="636"/>
        <v>5103.125</v>
      </c>
      <c r="HIH53" s="7">
        <f t="shared" si="636"/>
        <v>5103.125</v>
      </c>
      <c r="HII53" s="7">
        <f t="shared" si="636"/>
        <v>5103.125</v>
      </c>
      <c r="HIJ53" s="7">
        <f t="shared" si="636"/>
        <v>5103.125</v>
      </c>
      <c r="HIK53" s="7">
        <f t="shared" si="636"/>
        <v>5103.125</v>
      </c>
      <c r="HIL53" s="7">
        <f t="shared" si="636"/>
        <v>5103.125</v>
      </c>
      <c r="HIM53" s="7">
        <f t="shared" si="636"/>
        <v>5103.125</v>
      </c>
      <c r="HIN53" s="7">
        <f t="shared" si="636"/>
        <v>5103.125</v>
      </c>
      <c r="HIO53" s="7">
        <f t="shared" si="636"/>
        <v>5103.125</v>
      </c>
      <c r="HIP53" s="7">
        <f t="shared" si="636"/>
        <v>5103.125</v>
      </c>
      <c r="HIQ53" s="7">
        <f t="shared" si="636"/>
        <v>5103.125</v>
      </c>
      <c r="HIR53" s="7">
        <f t="shared" si="636"/>
        <v>5103.125</v>
      </c>
      <c r="HIS53" s="7">
        <f t="shared" si="636"/>
        <v>5103.125</v>
      </c>
      <c r="HIT53" s="7">
        <f t="shared" si="636"/>
        <v>5103.125</v>
      </c>
      <c r="HIU53" s="7">
        <f t="shared" si="636"/>
        <v>5103.125</v>
      </c>
      <c r="HIV53" s="7">
        <f t="shared" si="636"/>
        <v>5103.125</v>
      </c>
      <c r="HIW53" s="7">
        <f t="shared" si="636"/>
        <v>5103.125</v>
      </c>
      <c r="HIX53" s="7">
        <f t="shared" si="636"/>
        <v>5103.125</v>
      </c>
      <c r="HIY53" s="7">
        <f t="shared" si="636"/>
        <v>5103.125</v>
      </c>
      <c r="HIZ53" s="7">
        <f t="shared" si="636"/>
        <v>5103.125</v>
      </c>
      <c r="HJA53" s="7">
        <f t="shared" si="636"/>
        <v>5103.125</v>
      </c>
      <c r="HJB53" s="7">
        <f t="shared" si="636"/>
        <v>5103.125</v>
      </c>
      <c r="HJC53" s="7">
        <f t="shared" si="636"/>
        <v>5103.125</v>
      </c>
      <c r="HJD53" s="7">
        <f t="shared" si="636"/>
        <v>5103.125</v>
      </c>
      <c r="HJE53" s="7">
        <f t="shared" si="636"/>
        <v>5103.125</v>
      </c>
      <c r="HJF53" s="7">
        <f t="shared" si="636"/>
        <v>5103.125</v>
      </c>
      <c r="HJG53" s="7">
        <f t="shared" si="636"/>
        <v>5103.125</v>
      </c>
      <c r="HJH53" s="7">
        <f t="shared" si="636"/>
        <v>5103.125</v>
      </c>
      <c r="HJI53" s="7">
        <f t="shared" si="636"/>
        <v>5103.125</v>
      </c>
      <c r="HJJ53" s="7">
        <f t="shared" si="636"/>
        <v>5103.125</v>
      </c>
      <c r="HJK53" s="7">
        <f t="shared" si="636"/>
        <v>5103.125</v>
      </c>
      <c r="HJL53" s="7">
        <f t="shared" si="636"/>
        <v>5103.125</v>
      </c>
      <c r="HJM53" s="7">
        <f t="shared" si="636"/>
        <v>5103.125</v>
      </c>
      <c r="HJN53" s="7">
        <f t="shared" si="636"/>
        <v>5103.125</v>
      </c>
      <c r="HJO53" s="7">
        <f t="shared" si="636"/>
        <v>5103.125</v>
      </c>
      <c r="HJP53" s="7">
        <f t="shared" si="636"/>
        <v>5103.125</v>
      </c>
      <c r="HJQ53" s="7">
        <f t="shared" si="636"/>
        <v>5103.125</v>
      </c>
      <c r="HJR53" s="7">
        <f t="shared" si="636"/>
        <v>5103.125</v>
      </c>
      <c r="HJS53" s="7">
        <f t="shared" si="636"/>
        <v>5103.125</v>
      </c>
      <c r="HJT53" s="7">
        <f t="shared" si="636"/>
        <v>5103.125</v>
      </c>
      <c r="HJU53" s="7">
        <f t="shared" si="636"/>
        <v>5103.125</v>
      </c>
      <c r="HJV53" s="7">
        <f t="shared" si="636"/>
        <v>5103.125</v>
      </c>
      <c r="HJW53" s="7">
        <f t="shared" si="636"/>
        <v>5103.125</v>
      </c>
      <c r="HJX53" s="7">
        <f t="shared" si="636"/>
        <v>5103.125</v>
      </c>
      <c r="HJY53" s="7">
        <f t="shared" si="636"/>
        <v>5103.125</v>
      </c>
      <c r="HJZ53" s="7">
        <f t="shared" si="636"/>
        <v>5103.125</v>
      </c>
      <c r="HKA53" s="7">
        <f t="shared" si="636"/>
        <v>5103.125</v>
      </c>
      <c r="HKB53" s="7">
        <f t="shared" si="636"/>
        <v>5103.125</v>
      </c>
      <c r="HKC53" s="7">
        <f t="shared" si="636"/>
        <v>5103.125</v>
      </c>
      <c r="HKD53" s="7">
        <f t="shared" si="636"/>
        <v>5103.125</v>
      </c>
      <c r="HKE53" s="7">
        <f t="shared" si="636"/>
        <v>5103.125</v>
      </c>
      <c r="HKF53" s="7">
        <f t="shared" si="636"/>
        <v>5103.125</v>
      </c>
      <c r="HKG53" s="7">
        <f t="shared" si="636"/>
        <v>5103.125</v>
      </c>
      <c r="HKH53" s="7">
        <f t="shared" si="636"/>
        <v>5103.125</v>
      </c>
      <c r="HKI53" s="7">
        <f t="shared" si="636"/>
        <v>5103.125</v>
      </c>
      <c r="HKJ53" s="7">
        <f t="shared" si="636"/>
        <v>5103.125</v>
      </c>
      <c r="HKK53" s="7">
        <f t="shared" si="636"/>
        <v>5103.125</v>
      </c>
      <c r="HKL53" s="7">
        <f t="shared" ref="HKL53:HMW53" si="637">HKL48+HKK53</f>
        <v>5103.125</v>
      </c>
      <c r="HKM53" s="7">
        <f t="shared" si="637"/>
        <v>5103.125</v>
      </c>
      <c r="HKN53" s="7">
        <f t="shared" si="637"/>
        <v>5103.125</v>
      </c>
      <c r="HKO53" s="7">
        <f t="shared" si="637"/>
        <v>5103.125</v>
      </c>
      <c r="HKP53" s="7">
        <f t="shared" si="637"/>
        <v>5103.125</v>
      </c>
      <c r="HKQ53" s="7">
        <f t="shared" si="637"/>
        <v>5103.125</v>
      </c>
      <c r="HKR53" s="7">
        <f t="shared" si="637"/>
        <v>5103.125</v>
      </c>
      <c r="HKS53" s="7">
        <f t="shared" si="637"/>
        <v>5103.125</v>
      </c>
      <c r="HKT53" s="7">
        <f t="shared" si="637"/>
        <v>5103.125</v>
      </c>
      <c r="HKU53" s="7">
        <f t="shared" si="637"/>
        <v>5103.125</v>
      </c>
      <c r="HKV53" s="7">
        <f t="shared" si="637"/>
        <v>5103.125</v>
      </c>
      <c r="HKW53" s="7">
        <f t="shared" si="637"/>
        <v>5103.125</v>
      </c>
      <c r="HKX53" s="7">
        <f t="shared" si="637"/>
        <v>5103.125</v>
      </c>
      <c r="HKY53" s="7">
        <f t="shared" si="637"/>
        <v>5103.125</v>
      </c>
      <c r="HKZ53" s="7">
        <f t="shared" si="637"/>
        <v>5103.125</v>
      </c>
      <c r="HLA53" s="7">
        <f t="shared" si="637"/>
        <v>5103.125</v>
      </c>
      <c r="HLB53" s="7">
        <f t="shared" si="637"/>
        <v>5103.125</v>
      </c>
      <c r="HLC53" s="7">
        <f t="shared" si="637"/>
        <v>5103.125</v>
      </c>
      <c r="HLD53" s="7">
        <f t="shared" si="637"/>
        <v>5103.125</v>
      </c>
      <c r="HLE53" s="7">
        <f t="shared" si="637"/>
        <v>5103.125</v>
      </c>
      <c r="HLF53" s="7">
        <f t="shared" si="637"/>
        <v>5103.125</v>
      </c>
      <c r="HLG53" s="7">
        <f t="shared" si="637"/>
        <v>5103.125</v>
      </c>
      <c r="HLH53" s="7">
        <f t="shared" si="637"/>
        <v>5103.125</v>
      </c>
      <c r="HLI53" s="7">
        <f t="shared" si="637"/>
        <v>5103.125</v>
      </c>
      <c r="HLJ53" s="7">
        <f t="shared" si="637"/>
        <v>5103.125</v>
      </c>
      <c r="HLK53" s="7">
        <f t="shared" si="637"/>
        <v>5103.125</v>
      </c>
      <c r="HLL53" s="7">
        <f t="shared" si="637"/>
        <v>5103.125</v>
      </c>
      <c r="HLM53" s="7">
        <f t="shared" si="637"/>
        <v>5103.125</v>
      </c>
      <c r="HLN53" s="7">
        <f t="shared" si="637"/>
        <v>5103.125</v>
      </c>
      <c r="HLO53" s="7">
        <f t="shared" si="637"/>
        <v>5103.125</v>
      </c>
      <c r="HLP53" s="7">
        <f t="shared" si="637"/>
        <v>5103.125</v>
      </c>
      <c r="HLQ53" s="7">
        <f t="shared" si="637"/>
        <v>5103.125</v>
      </c>
      <c r="HLR53" s="7">
        <f t="shared" si="637"/>
        <v>5103.125</v>
      </c>
      <c r="HLS53" s="7">
        <f t="shared" si="637"/>
        <v>5103.125</v>
      </c>
      <c r="HLT53" s="7">
        <f t="shared" si="637"/>
        <v>5103.125</v>
      </c>
      <c r="HLU53" s="7">
        <f t="shared" si="637"/>
        <v>5103.125</v>
      </c>
      <c r="HLV53" s="7">
        <f t="shared" si="637"/>
        <v>5103.125</v>
      </c>
      <c r="HLW53" s="7">
        <f t="shared" si="637"/>
        <v>5103.125</v>
      </c>
      <c r="HLX53" s="7">
        <f t="shared" si="637"/>
        <v>5103.125</v>
      </c>
      <c r="HLY53" s="7">
        <f t="shared" si="637"/>
        <v>5103.125</v>
      </c>
      <c r="HLZ53" s="7">
        <f t="shared" si="637"/>
        <v>5103.125</v>
      </c>
      <c r="HMA53" s="7">
        <f t="shared" si="637"/>
        <v>5103.125</v>
      </c>
      <c r="HMB53" s="7">
        <f t="shared" si="637"/>
        <v>5103.125</v>
      </c>
      <c r="HMC53" s="7">
        <f t="shared" si="637"/>
        <v>5103.125</v>
      </c>
      <c r="HMD53" s="7">
        <f t="shared" si="637"/>
        <v>5103.125</v>
      </c>
      <c r="HME53" s="7">
        <f t="shared" si="637"/>
        <v>5103.125</v>
      </c>
      <c r="HMF53" s="7">
        <f t="shared" si="637"/>
        <v>5103.125</v>
      </c>
      <c r="HMG53" s="7">
        <f t="shared" si="637"/>
        <v>5103.125</v>
      </c>
      <c r="HMH53" s="7">
        <f t="shared" si="637"/>
        <v>5103.125</v>
      </c>
      <c r="HMI53" s="7">
        <f t="shared" si="637"/>
        <v>5103.125</v>
      </c>
      <c r="HMJ53" s="7">
        <f t="shared" si="637"/>
        <v>5103.125</v>
      </c>
      <c r="HMK53" s="7">
        <f t="shared" si="637"/>
        <v>5103.125</v>
      </c>
      <c r="HML53" s="7">
        <f t="shared" si="637"/>
        <v>5103.125</v>
      </c>
      <c r="HMM53" s="7">
        <f t="shared" si="637"/>
        <v>5103.125</v>
      </c>
      <c r="HMN53" s="7">
        <f t="shared" si="637"/>
        <v>5103.125</v>
      </c>
      <c r="HMO53" s="7">
        <f t="shared" si="637"/>
        <v>5103.125</v>
      </c>
      <c r="HMP53" s="7">
        <f t="shared" si="637"/>
        <v>5103.125</v>
      </c>
      <c r="HMQ53" s="7">
        <f t="shared" si="637"/>
        <v>5103.125</v>
      </c>
      <c r="HMR53" s="7">
        <f t="shared" si="637"/>
        <v>5103.125</v>
      </c>
      <c r="HMS53" s="7">
        <f t="shared" si="637"/>
        <v>5103.125</v>
      </c>
      <c r="HMT53" s="7">
        <f t="shared" si="637"/>
        <v>5103.125</v>
      </c>
      <c r="HMU53" s="7">
        <f t="shared" si="637"/>
        <v>5103.125</v>
      </c>
      <c r="HMV53" s="7">
        <f t="shared" si="637"/>
        <v>5103.125</v>
      </c>
      <c r="HMW53" s="7">
        <f t="shared" si="637"/>
        <v>5103.125</v>
      </c>
      <c r="HMX53" s="7">
        <f t="shared" ref="HMX53:HPI53" si="638">HMX48+HMW53</f>
        <v>5103.125</v>
      </c>
      <c r="HMY53" s="7">
        <f t="shared" si="638"/>
        <v>5103.125</v>
      </c>
      <c r="HMZ53" s="7">
        <f t="shared" si="638"/>
        <v>5103.125</v>
      </c>
      <c r="HNA53" s="7">
        <f t="shared" si="638"/>
        <v>5103.125</v>
      </c>
      <c r="HNB53" s="7">
        <f t="shared" si="638"/>
        <v>5103.125</v>
      </c>
      <c r="HNC53" s="7">
        <f t="shared" si="638"/>
        <v>5103.125</v>
      </c>
      <c r="HND53" s="7">
        <f t="shared" si="638"/>
        <v>5103.125</v>
      </c>
      <c r="HNE53" s="7">
        <f t="shared" si="638"/>
        <v>5103.125</v>
      </c>
      <c r="HNF53" s="7">
        <f t="shared" si="638"/>
        <v>5103.125</v>
      </c>
      <c r="HNG53" s="7">
        <f t="shared" si="638"/>
        <v>5103.125</v>
      </c>
      <c r="HNH53" s="7">
        <f t="shared" si="638"/>
        <v>5103.125</v>
      </c>
      <c r="HNI53" s="7">
        <f t="shared" si="638"/>
        <v>5103.125</v>
      </c>
      <c r="HNJ53" s="7">
        <f t="shared" si="638"/>
        <v>5103.125</v>
      </c>
      <c r="HNK53" s="7">
        <f t="shared" si="638"/>
        <v>5103.125</v>
      </c>
      <c r="HNL53" s="7">
        <f t="shared" si="638"/>
        <v>5103.125</v>
      </c>
      <c r="HNM53" s="7">
        <f t="shared" si="638"/>
        <v>5103.125</v>
      </c>
      <c r="HNN53" s="7">
        <f t="shared" si="638"/>
        <v>5103.125</v>
      </c>
      <c r="HNO53" s="7">
        <f t="shared" si="638"/>
        <v>5103.125</v>
      </c>
      <c r="HNP53" s="7">
        <f t="shared" si="638"/>
        <v>5103.125</v>
      </c>
      <c r="HNQ53" s="7">
        <f t="shared" si="638"/>
        <v>5103.125</v>
      </c>
      <c r="HNR53" s="7">
        <f t="shared" si="638"/>
        <v>5103.125</v>
      </c>
      <c r="HNS53" s="7">
        <f t="shared" si="638"/>
        <v>5103.125</v>
      </c>
      <c r="HNT53" s="7">
        <f t="shared" si="638"/>
        <v>5103.125</v>
      </c>
      <c r="HNU53" s="7">
        <f t="shared" si="638"/>
        <v>5103.125</v>
      </c>
      <c r="HNV53" s="7">
        <f t="shared" si="638"/>
        <v>5103.125</v>
      </c>
      <c r="HNW53" s="7">
        <f t="shared" si="638"/>
        <v>5103.125</v>
      </c>
      <c r="HNX53" s="7">
        <f t="shared" si="638"/>
        <v>5103.125</v>
      </c>
      <c r="HNY53" s="7">
        <f t="shared" si="638"/>
        <v>5103.125</v>
      </c>
      <c r="HNZ53" s="7">
        <f t="shared" si="638"/>
        <v>5103.125</v>
      </c>
      <c r="HOA53" s="7">
        <f t="shared" si="638"/>
        <v>5103.125</v>
      </c>
      <c r="HOB53" s="7">
        <f t="shared" si="638"/>
        <v>5103.125</v>
      </c>
      <c r="HOC53" s="7">
        <f t="shared" si="638"/>
        <v>5103.125</v>
      </c>
      <c r="HOD53" s="7">
        <f t="shared" si="638"/>
        <v>5103.125</v>
      </c>
      <c r="HOE53" s="7">
        <f t="shared" si="638"/>
        <v>5103.125</v>
      </c>
      <c r="HOF53" s="7">
        <f t="shared" si="638"/>
        <v>5103.125</v>
      </c>
      <c r="HOG53" s="7">
        <f t="shared" si="638"/>
        <v>5103.125</v>
      </c>
      <c r="HOH53" s="7">
        <f t="shared" si="638"/>
        <v>5103.125</v>
      </c>
      <c r="HOI53" s="7">
        <f t="shared" si="638"/>
        <v>5103.125</v>
      </c>
      <c r="HOJ53" s="7">
        <f t="shared" si="638"/>
        <v>5103.125</v>
      </c>
      <c r="HOK53" s="7">
        <f t="shared" si="638"/>
        <v>5103.125</v>
      </c>
      <c r="HOL53" s="7">
        <f t="shared" si="638"/>
        <v>5103.125</v>
      </c>
      <c r="HOM53" s="7">
        <f t="shared" si="638"/>
        <v>5103.125</v>
      </c>
      <c r="HON53" s="7">
        <f t="shared" si="638"/>
        <v>5103.125</v>
      </c>
      <c r="HOO53" s="7">
        <f t="shared" si="638"/>
        <v>5103.125</v>
      </c>
      <c r="HOP53" s="7">
        <f t="shared" si="638"/>
        <v>5103.125</v>
      </c>
      <c r="HOQ53" s="7">
        <f t="shared" si="638"/>
        <v>5103.125</v>
      </c>
      <c r="HOR53" s="7">
        <f t="shared" si="638"/>
        <v>5103.125</v>
      </c>
      <c r="HOS53" s="7">
        <f t="shared" si="638"/>
        <v>5103.125</v>
      </c>
      <c r="HOT53" s="7">
        <f t="shared" si="638"/>
        <v>5103.125</v>
      </c>
      <c r="HOU53" s="7">
        <f t="shared" si="638"/>
        <v>5103.125</v>
      </c>
      <c r="HOV53" s="7">
        <f t="shared" si="638"/>
        <v>5103.125</v>
      </c>
      <c r="HOW53" s="7">
        <f t="shared" si="638"/>
        <v>5103.125</v>
      </c>
      <c r="HOX53" s="7">
        <f t="shared" si="638"/>
        <v>5103.125</v>
      </c>
      <c r="HOY53" s="7">
        <f t="shared" si="638"/>
        <v>5103.125</v>
      </c>
      <c r="HOZ53" s="7">
        <f t="shared" si="638"/>
        <v>5103.125</v>
      </c>
      <c r="HPA53" s="7">
        <f t="shared" si="638"/>
        <v>5103.125</v>
      </c>
      <c r="HPB53" s="7">
        <f t="shared" si="638"/>
        <v>5103.125</v>
      </c>
      <c r="HPC53" s="7">
        <f t="shared" si="638"/>
        <v>5103.125</v>
      </c>
      <c r="HPD53" s="7">
        <f t="shared" si="638"/>
        <v>5103.125</v>
      </c>
      <c r="HPE53" s="7">
        <f t="shared" si="638"/>
        <v>5103.125</v>
      </c>
      <c r="HPF53" s="7">
        <f t="shared" si="638"/>
        <v>5103.125</v>
      </c>
      <c r="HPG53" s="7">
        <f t="shared" si="638"/>
        <v>5103.125</v>
      </c>
      <c r="HPH53" s="7">
        <f t="shared" si="638"/>
        <v>5103.125</v>
      </c>
      <c r="HPI53" s="7">
        <f t="shared" si="638"/>
        <v>5103.125</v>
      </c>
      <c r="HPJ53" s="7">
        <f t="shared" ref="HPJ53:HRU53" si="639">HPJ48+HPI53</f>
        <v>5103.125</v>
      </c>
      <c r="HPK53" s="7">
        <f t="shared" si="639"/>
        <v>5103.125</v>
      </c>
      <c r="HPL53" s="7">
        <f t="shared" si="639"/>
        <v>5103.125</v>
      </c>
      <c r="HPM53" s="7">
        <f t="shared" si="639"/>
        <v>5103.125</v>
      </c>
      <c r="HPN53" s="7">
        <f t="shared" si="639"/>
        <v>5103.125</v>
      </c>
      <c r="HPO53" s="7">
        <f t="shared" si="639"/>
        <v>5103.125</v>
      </c>
      <c r="HPP53" s="7">
        <f t="shared" si="639"/>
        <v>5103.125</v>
      </c>
      <c r="HPQ53" s="7">
        <f t="shared" si="639"/>
        <v>5103.125</v>
      </c>
      <c r="HPR53" s="7">
        <f t="shared" si="639"/>
        <v>5103.125</v>
      </c>
      <c r="HPS53" s="7">
        <f t="shared" si="639"/>
        <v>5103.125</v>
      </c>
      <c r="HPT53" s="7">
        <f t="shared" si="639"/>
        <v>5103.125</v>
      </c>
      <c r="HPU53" s="7">
        <f t="shared" si="639"/>
        <v>5103.125</v>
      </c>
      <c r="HPV53" s="7">
        <f t="shared" si="639"/>
        <v>5103.125</v>
      </c>
      <c r="HPW53" s="7">
        <f t="shared" si="639"/>
        <v>5103.125</v>
      </c>
      <c r="HPX53" s="7">
        <f t="shared" si="639"/>
        <v>5103.125</v>
      </c>
      <c r="HPY53" s="7">
        <f t="shared" si="639"/>
        <v>5103.125</v>
      </c>
      <c r="HPZ53" s="7">
        <f t="shared" si="639"/>
        <v>5103.125</v>
      </c>
      <c r="HQA53" s="7">
        <f t="shared" si="639"/>
        <v>5103.125</v>
      </c>
      <c r="HQB53" s="7">
        <f t="shared" si="639"/>
        <v>5103.125</v>
      </c>
      <c r="HQC53" s="7">
        <f t="shared" si="639"/>
        <v>5103.125</v>
      </c>
      <c r="HQD53" s="7">
        <f t="shared" si="639"/>
        <v>5103.125</v>
      </c>
      <c r="HQE53" s="7">
        <f t="shared" si="639"/>
        <v>5103.125</v>
      </c>
      <c r="HQF53" s="7">
        <f t="shared" si="639"/>
        <v>5103.125</v>
      </c>
      <c r="HQG53" s="7">
        <f t="shared" si="639"/>
        <v>5103.125</v>
      </c>
      <c r="HQH53" s="7">
        <f t="shared" si="639"/>
        <v>5103.125</v>
      </c>
      <c r="HQI53" s="7">
        <f t="shared" si="639"/>
        <v>5103.125</v>
      </c>
      <c r="HQJ53" s="7">
        <f t="shared" si="639"/>
        <v>5103.125</v>
      </c>
      <c r="HQK53" s="7">
        <f t="shared" si="639"/>
        <v>5103.125</v>
      </c>
      <c r="HQL53" s="7">
        <f t="shared" si="639"/>
        <v>5103.125</v>
      </c>
      <c r="HQM53" s="7">
        <f t="shared" si="639"/>
        <v>5103.125</v>
      </c>
      <c r="HQN53" s="7">
        <f t="shared" si="639"/>
        <v>5103.125</v>
      </c>
      <c r="HQO53" s="7">
        <f t="shared" si="639"/>
        <v>5103.125</v>
      </c>
      <c r="HQP53" s="7">
        <f t="shared" si="639"/>
        <v>5103.125</v>
      </c>
      <c r="HQQ53" s="7">
        <f t="shared" si="639"/>
        <v>5103.125</v>
      </c>
      <c r="HQR53" s="7">
        <f t="shared" si="639"/>
        <v>5103.125</v>
      </c>
      <c r="HQS53" s="7">
        <f t="shared" si="639"/>
        <v>5103.125</v>
      </c>
      <c r="HQT53" s="7">
        <f t="shared" si="639"/>
        <v>5103.125</v>
      </c>
      <c r="HQU53" s="7">
        <f t="shared" si="639"/>
        <v>5103.125</v>
      </c>
      <c r="HQV53" s="7">
        <f t="shared" si="639"/>
        <v>5103.125</v>
      </c>
      <c r="HQW53" s="7">
        <f t="shared" si="639"/>
        <v>5103.125</v>
      </c>
      <c r="HQX53" s="7">
        <f t="shared" si="639"/>
        <v>5103.125</v>
      </c>
      <c r="HQY53" s="7">
        <f t="shared" si="639"/>
        <v>5103.125</v>
      </c>
      <c r="HQZ53" s="7">
        <f t="shared" si="639"/>
        <v>5103.125</v>
      </c>
      <c r="HRA53" s="7">
        <f t="shared" si="639"/>
        <v>5103.125</v>
      </c>
      <c r="HRB53" s="7">
        <f t="shared" si="639"/>
        <v>5103.125</v>
      </c>
      <c r="HRC53" s="7">
        <f t="shared" si="639"/>
        <v>5103.125</v>
      </c>
      <c r="HRD53" s="7">
        <f t="shared" si="639"/>
        <v>5103.125</v>
      </c>
      <c r="HRE53" s="7">
        <f t="shared" si="639"/>
        <v>5103.125</v>
      </c>
      <c r="HRF53" s="7">
        <f t="shared" si="639"/>
        <v>5103.125</v>
      </c>
      <c r="HRG53" s="7">
        <f t="shared" si="639"/>
        <v>5103.125</v>
      </c>
      <c r="HRH53" s="7">
        <f t="shared" si="639"/>
        <v>5103.125</v>
      </c>
      <c r="HRI53" s="7">
        <f t="shared" si="639"/>
        <v>5103.125</v>
      </c>
      <c r="HRJ53" s="7">
        <f t="shared" si="639"/>
        <v>5103.125</v>
      </c>
      <c r="HRK53" s="7">
        <f t="shared" si="639"/>
        <v>5103.125</v>
      </c>
      <c r="HRL53" s="7">
        <f t="shared" si="639"/>
        <v>5103.125</v>
      </c>
      <c r="HRM53" s="7">
        <f t="shared" si="639"/>
        <v>5103.125</v>
      </c>
      <c r="HRN53" s="7">
        <f t="shared" si="639"/>
        <v>5103.125</v>
      </c>
      <c r="HRO53" s="7">
        <f t="shared" si="639"/>
        <v>5103.125</v>
      </c>
      <c r="HRP53" s="7">
        <f t="shared" si="639"/>
        <v>5103.125</v>
      </c>
      <c r="HRQ53" s="7">
        <f t="shared" si="639"/>
        <v>5103.125</v>
      </c>
      <c r="HRR53" s="7">
        <f t="shared" si="639"/>
        <v>5103.125</v>
      </c>
      <c r="HRS53" s="7">
        <f t="shared" si="639"/>
        <v>5103.125</v>
      </c>
      <c r="HRT53" s="7">
        <f t="shared" si="639"/>
        <v>5103.125</v>
      </c>
      <c r="HRU53" s="7">
        <f t="shared" si="639"/>
        <v>5103.125</v>
      </c>
      <c r="HRV53" s="7">
        <f t="shared" ref="HRV53:HUG53" si="640">HRV48+HRU53</f>
        <v>5103.125</v>
      </c>
      <c r="HRW53" s="7">
        <f t="shared" si="640"/>
        <v>5103.125</v>
      </c>
      <c r="HRX53" s="7">
        <f t="shared" si="640"/>
        <v>5103.125</v>
      </c>
      <c r="HRY53" s="7">
        <f t="shared" si="640"/>
        <v>5103.125</v>
      </c>
      <c r="HRZ53" s="7">
        <f t="shared" si="640"/>
        <v>5103.125</v>
      </c>
      <c r="HSA53" s="7">
        <f t="shared" si="640"/>
        <v>5103.125</v>
      </c>
      <c r="HSB53" s="7">
        <f t="shared" si="640"/>
        <v>5103.125</v>
      </c>
      <c r="HSC53" s="7">
        <f t="shared" si="640"/>
        <v>5103.125</v>
      </c>
      <c r="HSD53" s="7">
        <f t="shared" si="640"/>
        <v>5103.125</v>
      </c>
      <c r="HSE53" s="7">
        <f t="shared" si="640"/>
        <v>5103.125</v>
      </c>
      <c r="HSF53" s="7">
        <f t="shared" si="640"/>
        <v>5103.125</v>
      </c>
      <c r="HSG53" s="7">
        <f t="shared" si="640"/>
        <v>5103.125</v>
      </c>
      <c r="HSH53" s="7">
        <f t="shared" si="640"/>
        <v>5103.125</v>
      </c>
      <c r="HSI53" s="7">
        <f t="shared" si="640"/>
        <v>5103.125</v>
      </c>
      <c r="HSJ53" s="7">
        <f t="shared" si="640"/>
        <v>5103.125</v>
      </c>
      <c r="HSK53" s="7">
        <f t="shared" si="640"/>
        <v>5103.125</v>
      </c>
      <c r="HSL53" s="7">
        <f t="shared" si="640"/>
        <v>5103.125</v>
      </c>
      <c r="HSM53" s="7">
        <f t="shared" si="640"/>
        <v>5103.125</v>
      </c>
      <c r="HSN53" s="7">
        <f t="shared" si="640"/>
        <v>5103.125</v>
      </c>
      <c r="HSO53" s="7">
        <f t="shared" si="640"/>
        <v>5103.125</v>
      </c>
      <c r="HSP53" s="7">
        <f t="shared" si="640"/>
        <v>5103.125</v>
      </c>
      <c r="HSQ53" s="7">
        <f t="shared" si="640"/>
        <v>5103.125</v>
      </c>
      <c r="HSR53" s="7">
        <f t="shared" si="640"/>
        <v>5103.125</v>
      </c>
      <c r="HSS53" s="7">
        <f t="shared" si="640"/>
        <v>5103.125</v>
      </c>
      <c r="HST53" s="7">
        <f t="shared" si="640"/>
        <v>5103.125</v>
      </c>
      <c r="HSU53" s="7">
        <f t="shared" si="640"/>
        <v>5103.125</v>
      </c>
      <c r="HSV53" s="7">
        <f t="shared" si="640"/>
        <v>5103.125</v>
      </c>
      <c r="HSW53" s="7">
        <f t="shared" si="640"/>
        <v>5103.125</v>
      </c>
      <c r="HSX53" s="7">
        <f t="shared" si="640"/>
        <v>5103.125</v>
      </c>
      <c r="HSY53" s="7">
        <f t="shared" si="640"/>
        <v>5103.125</v>
      </c>
      <c r="HSZ53" s="7">
        <f t="shared" si="640"/>
        <v>5103.125</v>
      </c>
      <c r="HTA53" s="7">
        <f t="shared" si="640"/>
        <v>5103.125</v>
      </c>
      <c r="HTB53" s="7">
        <f t="shared" si="640"/>
        <v>5103.125</v>
      </c>
      <c r="HTC53" s="7">
        <f t="shared" si="640"/>
        <v>5103.125</v>
      </c>
      <c r="HTD53" s="7">
        <f t="shared" si="640"/>
        <v>5103.125</v>
      </c>
      <c r="HTE53" s="7">
        <f t="shared" si="640"/>
        <v>5103.125</v>
      </c>
      <c r="HTF53" s="7">
        <f t="shared" si="640"/>
        <v>5103.125</v>
      </c>
      <c r="HTG53" s="7">
        <f t="shared" si="640"/>
        <v>5103.125</v>
      </c>
      <c r="HTH53" s="7">
        <f t="shared" si="640"/>
        <v>5103.125</v>
      </c>
      <c r="HTI53" s="7">
        <f t="shared" si="640"/>
        <v>5103.125</v>
      </c>
      <c r="HTJ53" s="7">
        <f t="shared" si="640"/>
        <v>5103.125</v>
      </c>
      <c r="HTK53" s="7">
        <f t="shared" si="640"/>
        <v>5103.125</v>
      </c>
      <c r="HTL53" s="7">
        <f t="shared" si="640"/>
        <v>5103.125</v>
      </c>
      <c r="HTM53" s="7">
        <f t="shared" si="640"/>
        <v>5103.125</v>
      </c>
      <c r="HTN53" s="7">
        <f t="shared" si="640"/>
        <v>5103.125</v>
      </c>
      <c r="HTO53" s="7">
        <f t="shared" si="640"/>
        <v>5103.125</v>
      </c>
      <c r="HTP53" s="7">
        <f t="shared" si="640"/>
        <v>5103.125</v>
      </c>
      <c r="HTQ53" s="7">
        <f t="shared" si="640"/>
        <v>5103.125</v>
      </c>
      <c r="HTR53" s="7">
        <f t="shared" si="640"/>
        <v>5103.125</v>
      </c>
      <c r="HTS53" s="7">
        <f t="shared" si="640"/>
        <v>5103.125</v>
      </c>
      <c r="HTT53" s="7">
        <f t="shared" si="640"/>
        <v>5103.125</v>
      </c>
      <c r="HTU53" s="7">
        <f t="shared" si="640"/>
        <v>5103.125</v>
      </c>
      <c r="HTV53" s="7">
        <f t="shared" si="640"/>
        <v>5103.125</v>
      </c>
      <c r="HTW53" s="7">
        <f t="shared" si="640"/>
        <v>5103.125</v>
      </c>
      <c r="HTX53" s="7">
        <f t="shared" si="640"/>
        <v>5103.125</v>
      </c>
      <c r="HTY53" s="7">
        <f t="shared" si="640"/>
        <v>5103.125</v>
      </c>
      <c r="HTZ53" s="7">
        <f t="shared" si="640"/>
        <v>5103.125</v>
      </c>
      <c r="HUA53" s="7">
        <f t="shared" si="640"/>
        <v>5103.125</v>
      </c>
      <c r="HUB53" s="7">
        <f t="shared" si="640"/>
        <v>5103.125</v>
      </c>
      <c r="HUC53" s="7">
        <f t="shared" si="640"/>
        <v>5103.125</v>
      </c>
      <c r="HUD53" s="7">
        <f t="shared" si="640"/>
        <v>5103.125</v>
      </c>
      <c r="HUE53" s="7">
        <f t="shared" si="640"/>
        <v>5103.125</v>
      </c>
      <c r="HUF53" s="7">
        <f t="shared" si="640"/>
        <v>5103.125</v>
      </c>
      <c r="HUG53" s="7">
        <f t="shared" si="640"/>
        <v>5103.125</v>
      </c>
      <c r="HUH53" s="7">
        <f t="shared" ref="HUH53:HWS53" si="641">HUH48+HUG53</f>
        <v>5103.125</v>
      </c>
      <c r="HUI53" s="7">
        <f t="shared" si="641"/>
        <v>5103.125</v>
      </c>
      <c r="HUJ53" s="7">
        <f t="shared" si="641"/>
        <v>5103.125</v>
      </c>
      <c r="HUK53" s="7">
        <f t="shared" si="641"/>
        <v>5103.125</v>
      </c>
      <c r="HUL53" s="7">
        <f t="shared" si="641"/>
        <v>5103.125</v>
      </c>
      <c r="HUM53" s="7">
        <f t="shared" si="641"/>
        <v>5103.125</v>
      </c>
      <c r="HUN53" s="7">
        <f t="shared" si="641"/>
        <v>5103.125</v>
      </c>
      <c r="HUO53" s="7">
        <f t="shared" si="641"/>
        <v>5103.125</v>
      </c>
      <c r="HUP53" s="7">
        <f t="shared" si="641"/>
        <v>5103.125</v>
      </c>
      <c r="HUQ53" s="7">
        <f t="shared" si="641"/>
        <v>5103.125</v>
      </c>
      <c r="HUR53" s="7">
        <f t="shared" si="641"/>
        <v>5103.125</v>
      </c>
      <c r="HUS53" s="7">
        <f t="shared" si="641"/>
        <v>5103.125</v>
      </c>
      <c r="HUT53" s="7">
        <f t="shared" si="641"/>
        <v>5103.125</v>
      </c>
      <c r="HUU53" s="7">
        <f t="shared" si="641"/>
        <v>5103.125</v>
      </c>
      <c r="HUV53" s="7">
        <f t="shared" si="641"/>
        <v>5103.125</v>
      </c>
      <c r="HUW53" s="7">
        <f t="shared" si="641"/>
        <v>5103.125</v>
      </c>
      <c r="HUX53" s="7">
        <f t="shared" si="641"/>
        <v>5103.125</v>
      </c>
      <c r="HUY53" s="7">
        <f t="shared" si="641"/>
        <v>5103.125</v>
      </c>
      <c r="HUZ53" s="7">
        <f t="shared" si="641"/>
        <v>5103.125</v>
      </c>
      <c r="HVA53" s="7">
        <f t="shared" si="641"/>
        <v>5103.125</v>
      </c>
      <c r="HVB53" s="7">
        <f t="shared" si="641"/>
        <v>5103.125</v>
      </c>
      <c r="HVC53" s="7">
        <f t="shared" si="641"/>
        <v>5103.125</v>
      </c>
      <c r="HVD53" s="7">
        <f t="shared" si="641"/>
        <v>5103.125</v>
      </c>
      <c r="HVE53" s="7">
        <f t="shared" si="641"/>
        <v>5103.125</v>
      </c>
      <c r="HVF53" s="7">
        <f t="shared" si="641"/>
        <v>5103.125</v>
      </c>
      <c r="HVG53" s="7">
        <f t="shared" si="641"/>
        <v>5103.125</v>
      </c>
      <c r="HVH53" s="7">
        <f t="shared" si="641"/>
        <v>5103.125</v>
      </c>
      <c r="HVI53" s="7">
        <f t="shared" si="641"/>
        <v>5103.125</v>
      </c>
      <c r="HVJ53" s="7">
        <f t="shared" si="641"/>
        <v>5103.125</v>
      </c>
      <c r="HVK53" s="7">
        <f t="shared" si="641"/>
        <v>5103.125</v>
      </c>
      <c r="HVL53" s="7">
        <f t="shared" si="641"/>
        <v>5103.125</v>
      </c>
      <c r="HVM53" s="7">
        <f t="shared" si="641"/>
        <v>5103.125</v>
      </c>
      <c r="HVN53" s="7">
        <f t="shared" si="641"/>
        <v>5103.125</v>
      </c>
      <c r="HVO53" s="7">
        <f t="shared" si="641"/>
        <v>5103.125</v>
      </c>
      <c r="HVP53" s="7">
        <f t="shared" si="641"/>
        <v>5103.125</v>
      </c>
      <c r="HVQ53" s="7">
        <f t="shared" si="641"/>
        <v>5103.125</v>
      </c>
      <c r="HVR53" s="7">
        <f t="shared" si="641"/>
        <v>5103.125</v>
      </c>
      <c r="HVS53" s="7">
        <f t="shared" si="641"/>
        <v>5103.125</v>
      </c>
      <c r="HVT53" s="7">
        <f t="shared" si="641"/>
        <v>5103.125</v>
      </c>
      <c r="HVU53" s="7">
        <f t="shared" si="641"/>
        <v>5103.125</v>
      </c>
      <c r="HVV53" s="7">
        <f t="shared" si="641"/>
        <v>5103.125</v>
      </c>
      <c r="HVW53" s="7">
        <f t="shared" si="641"/>
        <v>5103.125</v>
      </c>
      <c r="HVX53" s="7">
        <f t="shared" si="641"/>
        <v>5103.125</v>
      </c>
      <c r="HVY53" s="7">
        <f t="shared" si="641"/>
        <v>5103.125</v>
      </c>
      <c r="HVZ53" s="7">
        <f t="shared" si="641"/>
        <v>5103.125</v>
      </c>
      <c r="HWA53" s="7">
        <f t="shared" si="641"/>
        <v>5103.125</v>
      </c>
      <c r="HWB53" s="7">
        <f t="shared" si="641"/>
        <v>5103.125</v>
      </c>
      <c r="HWC53" s="7">
        <f t="shared" si="641"/>
        <v>5103.125</v>
      </c>
      <c r="HWD53" s="7">
        <f t="shared" si="641"/>
        <v>5103.125</v>
      </c>
      <c r="HWE53" s="7">
        <f t="shared" si="641"/>
        <v>5103.125</v>
      </c>
      <c r="HWF53" s="7">
        <f t="shared" si="641"/>
        <v>5103.125</v>
      </c>
      <c r="HWG53" s="7">
        <f t="shared" si="641"/>
        <v>5103.125</v>
      </c>
      <c r="HWH53" s="7">
        <f t="shared" si="641"/>
        <v>5103.125</v>
      </c>
      <c r="HWI53" s="7">
        <f t="shared" si="641"/>
        <v>5103.125</v>
      </c>
      <c r="HWJ53" s="7">
        <f t="shared" si="641"/>
        <v>5103.125</v>
      </c>
      <c r="HWK53" s="7">
        <f t="shared" si="641"/>
        <v>5103.125</v>
      </c>
      <c r="HWL53" s="7">
        <f t="shared" si="641"/>
        <v>5103.125</v>
      </c>
      <c r="HWM53" s="7">
        <f t="shared" si="641"/>
        <v>5103.125</v>
      </c>
      <c r="HWN53" s="7">
        <f t="shared" si="641"/>
        <v>5103.125</v>
      </c>
      <c r="HWO53" s="7">
        <f t="shared" si="641"/>
        <v>5103.125</v>
      </c>
      <c r="HWP53" s="7">
        <f t="shared" si="641"/>
        <v>5103.125</v>
      </c>
      <c r="HWQ53" s="7">
        <f t="shared" si="641"/>
        <v>5103.125</v>
      </c>
      <c r="HWR53" s="7">
        <f t="shared" si="641"/>
        <v>5103.125</v>
      </c>
      <c r="HWS53" s="7">
        <f t="shared" si="641"/>
        <v>5103.125</v>
      </c>
      <c r="HWT53" s="7">
        <f t="shared" ref="HWT53:HZE53" si="642">HWT48+HWS53</f>
        <v>5103.125</v>
      </c>
      <c r="HWU53" s="7">
        <f t="shared" si="642"/>
        <v>5103.125</v>
      </c>
      <c r="HWV53" s="7">
        <f t="shared" si="642"/>
        <v>5103.125</v>
      </c>
      <c r="HWW53" s="7">
        <f t="shared" si="642"/>
        <v>5103.125</v>
      </c>
      <c r="HWX53" s="7">
        <f t="shared" si="642"/>
        <v>5103.125</v>
      </c>
      <c r="HWY53" s="7">
        <f t="shared" si="642"/>
        <v>5103.125</v>
      </c>
      <c r="HWZ53" s="7">
        <f t="shared" si="642"/>
        <v>5103.125</v>
      </c>
      <c r="HXA53" s="7">
        <f t="shared" si="642"/>
        <v>5103.125</v>
      </c>
      <c r="HXB53" s="7">
        <f t="shared" si="642"/>
        <v>5103.125</v>
      </c>
      <c r="HXC53" s="7">
        <f t="shared" si="642"/>
        <v>5103.125</v>
      </c>
      <c r="HXD53" s="7">
        <f t="shared" si="642"/>
        <v>5103.125</v>
      </c>
      <c r="HXE53" s="7">
        <f t="shared" si="642"/>
        <v>5103.125</v>
      </c>
      <c r="HXF53" s="7">
        <f t="shared" si="642"/>
        <v>5103.125</v>
      </c>
      <c r="HXG53" s="7">
        <f t="shared" si="642"/>
        <v>5103.125</v>
      </c>
      <c r="HXH53" s="7">
        <f t="shared" si="642"/>
        <v>5103.125</v>
      </c>
      <c r="HXI53" s="7">
        <f t="shared" si="642"/>
        <v>5103.125</v>
      </c>
      <c r="HXJ53" s="7">
        <f t="shared" si="642"/>
        <v>5103.125</v>
      </c>
      <c r="HXK53" s="7">
        <f t="shared" si="642"/>
        <v>5103.125</v>
      </c>
      <c r="HXL53" s="7">
        <f t="shared" si="642"/>
        <v>5103.125</v>
      </c>
      <c r="HXM53" s="7">
        <f t="shared" si="642"/>
        <v>5103.125</v>
      </c>
      <c r="HXN53" s="7">
        <f t="shared" si="642"/>
        <v>5103.125</v>
      </c>
      <c r="HXO53" s="7">
        <f t="shared" si="642"/>
        <v>5103.125</v>
      </c>
      <c r="HXP53" s="7">
        <f t="shared" si="642"/>
        <v>5103.125</v>
      </c>
      <c r="HXQ53" s="7">
        <f t="shared" si="642"/>
        <v>5103.125</v>
      </c>
      <c r="HXR53" s="7">
        <f t="shared" si="642"/>
        <v>5103.125</v>
      </c>
      <c r="HXS53" s="7">
        <f t="shared" si="642"/>
        <v>5103.125</v>
      </c>
      <c r="HXT53" s="7">
        <f t="shared" si="642"/>
        <v>5103.125</v>
      </c>
      <c r="HXU53" s="7">
        <f t="shared" si="642"/>
        <v>5103.125</v>
      </c>
      <c r="HXV53" s="7">
        <f t="shared" si="642"/>
        <v>5103.125</v>
      </c>
      <c r="HXW53" s="7">
        <f t="shared" si="642"/>
        <v>5103.125</v>
      </c>
      <c r="HXX53" s="7">
        <f t="shared" si="642"/>
        <v>5103.125</v>
      </c>
      <c r="HXY53" s="7">
        <f t="shared" si="642"/>
        <v>5103.125</v>
      </c>
      <c r="HXZ53" s="7">
        <f t="shared" si="642"/>
        <v>5103.125</v>
      </c>
      <c r="HYA53" s="7">
        <f t="shared" si="642"/>
        <v>5103.125</v>
      </c>
      <c r="HYB53" s="7">
        <f t="shared" si="642"/>
        <v>5103.125</v>
      </c>
      <c r="HYC53" s="7">
        <f t="shared" si="642"/>
        <v>5103.125</v>
      </c>
      <c r="HYD53" s="7">
        <f t="shared" si="642"/>
        <v>5103.125</v>
      </c>
      <c r="HYE53" s="7">
        <f t="shared" si="642"/>
        <v>5103.125</v>
      </c>
      <c r="HYF53" s="7">
        <f t="shared" si="642"/>
        <v>5103.125</v>
      </c>
      <c r="HYG53" s="7">
        <f t="shared" si="642"/>
        <v>5103.125</v>
      </c>
      <c r="HYH53" s="7">
        <f t="shared" si="642"/>
        <v>5103.125</v>
      </c>
      <c r="HYI53" s="7">
        <f t="shared" si="642"/>
        <v>5103.125</v>
      </c>
      <c r="HYJ53" s="7">
        <f t="shared" si="642"/>
        <v>5103.125</v>
      </c>
      <c r="HYK53" s="7">
        <f t="shared" si="642"/>
        <v>5103.125</v>
      </c>
      <c r="HYL53" s="7">
        <f t="shared" si="642"/>
        <v>5103.125</v>
      </c>
      <c r="HYM53" s="7">
        <f t="shared" si="642"/>
        <v>5103.125</v>
      </c>
      <c r="HYN53" s="7">
        <f t="shared" si="642"/>
        <v>5103.125</v>
      </c>
      <c r="HYO53" s="7">
        <f t="shared" si="642"/>
        <v>5103.125</v>
      </c>
      <c r="HYP53" s="7">
        <f t="shared" si="642"/>
        <v>5103.125</v>
      </c>
      <c r="HYQ53" s="7">
        <f t="shared" si="642"/>
        <v>5103.125</v>
      </c>
      <c r="HYR53" s="7">
        <f t="shared" si="642"/>
        <v>5103.125</v>
      </c>
      <c r="HYS53" s="7">
        <f t="shared" si="642"/>
        <v>5103.125</v>
      </c>
      <c r="HYT53" s="7">
        <f t="shared" si="642"/>
        <v>5103.125</v>
      </c>
      <c r="HYU53" s="7">
        <f t="shared" si="642"/>
        <v>5103.125</v>
      </c>
      <c r="HYV53" s="7">
        <f t="shared" si="642"/>
        <v>5103.125</v>
      </c>
      <c r="HYW53" s="7">
        <f t="shared" si="642"/>
        <v>5103.125</v>
      </c>
      <c r="HYX53" s="7">
        <f t="shared" si="642"/>
        <v>5103.125</v>
      </c>
      <c r="HYY53" s="7">
        <f t="shared" si="642"/>
        <v>5103.125</v>
      </c>
      <c r="HYZ53" s="7">
        <f t="shared" si="642"/>
        <v>5103.125</v>
      </c>
      <c r="HZA53" s="7">
        <f t="shared" si="642"/>
        <v>5103.125</v>
      </c>
      <c r="HZB53" s="7">
        <f t="shared" si="642"/>
        <v>5103.125</v>
      </c>
      <c r="HZC53" s="7">
        <f t="shared" si="642"/>
        <v>5103.125</v>
      </c>
      <c r="HZD53" s="7">
        <f t="shared" si="642"/>
        <v>5103.125</v>
      </c>
      <c r="HZE53" s="7">
        <f t="shared" si="642"/>
        <v>5103.125</v>
      </c>
      <c r="HZF53" s="7">
        <f t="shared" ref="HZF53:IBQ53" si="643">HZF48+HZE53</f>
        <v>5103.125</v>
      </c>
      <c r="HZG53" s="7">
        <f t="shared" si="643"/>
        <v>5103.125</v>
      </c>
      <c r="HZH53" s="7">
        <f t="shared" si="643"/>
        <v>5103.125</v>
      </c>
      <c r="HZI53" s="7">
        <f t="shared" si="643"/>
        <v>5103.125</v>
      </c>
      <c r="HZJ53" s="7">
        <f t="shared" si="643"/>
        <v>5103.125</v>
      </c>
      <c r="HZK53" s="7">
        <f t="shared" si="643"/>
        <v>5103.125</v>
      </c>
      <c r="HZL53" s="7">
        <f t="shared" si="643"/>
        <v>5103.125</v>
      </c>
      <c r="HZM53" s="7">
        <f t="shared" si="643"/>
        <v>5103.125</v>
      </c>
      <c r="HZN53" s="7">
        <f t="shared" si="643"/>
        <v>5103.125</v>
      </c>
      <c r="HZO53" s="7">
        <f t="shared" si="643"/>
        <v>5103.125</v>
      </c>
      <c r="HZP53" s="7">
        <f t="shared" si="643"/>
        <v>5103.125</v>
      </c>
      <c r="HZQ53" s="7">
        <f t="shared" si="643"/>
        <v>5103.125</v>
      </c>
      <c r="HZR53" s="7">
        <f t="shared" si="643"/>
        <v>5103.125</v>
      </c>
      <c r="HZS53" s="7">
        <f t="shared" si="643"/>
        <v>5103.125</v>
      </c>
      <c r="HZT53" s="7">
        <f t="shared" si="643"/>
        <v>5103.125</v>
      </c>
      <c r="HZU53" s="7">
        <f t="shared" si="643"/>
        <v>5103.125</v>
      </c>
      <c r="HZV53" s="7">
        <f t="shared" si="643"/>
        <v>5103.125</v>
      </c>
      <c r="HZW53" s="7">
        <f t="shared" si="643"/>
        <v>5103.125</v>
      </c>
      <c r="HZX53" s="7">
        <f t="shared" si="643"/>
        <v>5103.125</v>
      </c>
      <c r="HZY53" s="7">
        <f t="shared" si="643"/>
        <v>5103.125</v>
      </c>
      <c r="HZZ53" s="7">
        <f t="shared" si="643"/>
        <v>5103.125</v>
      </c>
      <c r="IAA53" s="7">
        <f t="shared" si="643"/>
        <v>5103.125</v>
      </c>
      <c r="IAB53" s="7">
        <f t="shared" si="643"/>
        <v>5103.125</v>
      </c>
      <c r="IAC53" s="7">
        <f t="shared" si="643"/>
        <v>5103.125</v>
      </c>
      <c r="IAD53" s="7">
        <f t="shared" si="643"/>
        <v>5103.125</v>
      </c>
      <c r="IAE53" s="7">
        <f t="shared" si="643"/>
        <v>5103.125</v>
      </c>
      <c r="IAF53" s="7">
        <f t="shared" si="643"/>
        <v>5103.125</v>
      </c>
      <c r="IAG53" s="7">
        <f t="shared" si="643"/>
        <v>5103.125</v>
      </c>
      <c r="IAH53" s="7">
        <f t="shared" si="643"/>
        <v>5103.125</v>
      </c>
      <c r="IAI53" s="7">
        <f t="shared" si="643"/>
        <v>5103.125</v>
      </c>
      <c r="IAJ53" s="7">
        <f t="shared" si="643"/>
        <v>5103.125</v>
      </c>
      <c r="IAK53" s="7">
        <f t="shared" si="643"/>
        <v>5103.125</v>
      </c>
      <c r="IAL53" s="7">
        <f t="shared" si="643"/>
        <v>5103.125</v>
      </c>
      <c r="IAM53" s="7">
        <f t="shared" si="643"/>
        <v>5103.125</v>
      </c>
      <c r="IAN53" s="7">
        <f t="shared" si="643"/>
        <v>5103.125</v>
      </c>
      <c r="IAO53" s="7">
        <f t="shared" si="643"/>
        <v>5103.125</v>
      </c>
      <c r="IAP53" s="7">
        <f t="shared" si="643"/>
        <v>5103.125</v>
      </c>
      <c r="IAQ53" s="7">
        <f t="shared" si="643"/>
        <v>5103.125</v>
      </c>
      <c r="IAR53" s="7">
        <f t="shared" si="643"/>
        <v>5103.125</v>
      </c>
      <c r="IAS53" s="7">
        <f t="shared" si="643"/>
        <v>5103.125</v>
      </c>
      <c r="IAT53" s="7">
        <f t="shared" si="643"/>
        <v>5103.125</v>
      </c>
      <c r="IAU53" s="7">
        <f t="shared" si="643"/>
        <v>5103.125</v>
      </c>
      <c r="IAV53" s="7">
        <f t="shared" si="643"/>
        <v>5103.125</v>
      </c>
      <c r="IAW53" s="7">
        <f t="shared" si="643"/>
        <v>5103.125</v>
      </c>
      <c r="IAX53" s="7">
        <f t="shared" si="643"/>
        <v>5103.125</v>
      </c>
      <c r="IAY53" s="7">
        <f t="shared" si="643"/>
        <v>5103.125</v>
      </c>
      <c r="IAZ53" s="7">
        <f t="shared" si="643"/>
        <v>5103.125</v>
      </c>
      <c r="IBA53" s="7">
        <f t="shared" si="643"/>
        <v>5103.125</v>
      </c>
      <c r="IBB53" s="7">
        <f t="shared" si="643"/>
        <v>5103.125</v>
      </c>
      <c r="IBC53" s="7">
        <f t="shared" si="643"/>
        <v>5103.125</v>
      </c>
      <c r="IBD53" s="7">
        <f t="shared" si="643"/>
        <v>5103.125</v>
      </c>
      <c r="IBE53" s="7">
        <f t="shared" si="643"/>
        <v>5103.125</v>
      </c>
      <c r="IBF53" s="7">
        <f t="shared" si="643"/>
        <v>5103.125</v>
      </c>
      <c r="IBG53" s="7">
        <f t="shared" si="643"/>
        <v>5103.125</v>
      </c>
      <c r="IBH53" s="7">
        <f t="shared" si="643"/>
        <v>5103.125</v>
      </c>
      <c r="IBI53" s="7">
        <f t="shared" si="643"/>
        <v>5103.125</v>
      </c>
      <c r="IBJ53" s="7">
        <f t="shared" si="643"/>
        <v>5103.125</v>
      </c>
      <c r="IBK53" s="7">
        <f t="shared" si="643"/>
        <v>5103.125</v>
      </c>
      <c r="IBL53" s="7">
        <f t="shared" si="643"/>
        <v>5103.125</v>
      </c>
      <c r="IBM53" s="7">
        <f t="shared" si="643"/>
        <v>5103.125</v>
      </c>
      <c r="IBN53" s="7">
        <f t="shared" si="643"/>
        <v>5103.125</v>
      </c>
      <c r="IBO53" s="7">
        <f t="shared" si="643"/>
        <v>5103.125</v>
      </c>
      <c r="IBP53" s="7">
        <f t="shared" si="643"/>
        <v>5103.125</v>
      </c>
      <c r="IBQ53" s="7">
        <f t="shared" si="643"/>
        <v>5103.125</v>
      </c>
      <c r="IBR53" s="7">
        <f t="shared" ref="IBR53:IEC53" si="644">IBR48+IBQ53</f>
        <v>5103.125</v>
      </c>
      <c r="IBS53" s="7">
        <f t="shared" si="644"/>
        <v>5103.125</v>
      </c>
      <c r="IBT53" s="7">
        <f t="shared" si="644"/>
        <v>5103.125</v>
      </c>
      <c r="IBU53" s="7">
        <f t="shared" si="644"/>
        <v>5103.125</v>
      </c>
      <c r="IBV53" s="7">
        <f t="shared" si="644"/>
        <v>5103.125</v>
      </c>
      <c r="IBW53" s="7">
        <f t="shared" si="644"/>
        <v>5103.125</v>
      </c>
      <c r="IBX53" s="7">
        <f t="shared" si="644"/>
        <v>5103.125</v>
      </c>
      <c r="IBY53" s="7">
        <f t="shared" si="644"/>
        <v>5103.125</v>
      </c>
      <c r="IBZ53" s="7">
        <f t="shared" si="644"/>
        <v>5103.125</v>
      </c>
      <c r="ICA53" s="7">
        <f t="shared" si="644"/>
        <v>5103.125</v>
      </c>
      <c r="ICB53" s="7">
        <f t="shared" si="644"/>
        <v>5103.125</v>
      </c>
      <c r="ICC53" s="7">
        <f t="shared" si="644"/>
        <v>5103.125</v>
      </c>
      <c r="ICD53" s="7">
        <f t="shared" si="644"/>
        <v>5103.125</v>
      </c>
      <c r="ICE53" s="7">
        <f t="shared" si="644"/>
        <v>5103.125</v>
      </c>
      <c r="ICF53" s="7">
        <f t="shared" si="644"/>
        <v>5103.125</v>
      </c>
      <c r="ICG53" s="7">
        <f t="shared" si="644"/>
        <v>5103.125</v>
      </c>
      <c r="ICH53" s="7">
        <f t="shared" si="644"/>
        <v>5103.125</v>
      </c>
      <c r="ICI53" s="7">
        <f t="shared" si="644"/>
        <v>5103.125</v>
      </c>
      <c r="ICJ53" s="7">
        <f t="shared" si="644"/>
        <v>5103.125</v>
      </c>
      <c r="ICK53" s="7">
        <f t="shared" si="644"/>
        <v>5103.125</v>
      </c>
      <c r="ICL53" s="7">
        <f t="shared" si="644"/>
        <v>5103.125</v>
      </c>
      <c r="ICM53" s="7">
        <f t="shared" si="644"/>
        <v>5103.125</v>
      </c>
      <c r="ICN53" s="7">
        <f t="shared" si="644"/>
        <v>5103.125</v>
      </c>
      <c r="ICO53" s="7">
        <f t="shared" si="644"/>
        <v>5103.125</v>
      </c>
      <c r="ICP53" s="7">
        <f t="shared" si="644"/>
        <v>5103.125</v>
      </c>
      <c r="ICQ53" s="7">
        <f t="shared" si="644"/>
        <v>5103.125</v>
      </c>
      <c r="ICR53" s="7">
        <f t="shared" si="644"/>
        <v>5103.125</v>
      </c>
      <c r="ICS53" s="7">
        <f t="shared" si="644"/>
        <v>5103.125</v>
      </c>
      <c r="ICT53" s="7">
        <f t="shared" si="644"/>
        <v>5103.125</v>
      </c>
      <c r="ICU53" s="7">
        <f t="shared" si="644"/>
        <v>5103.125</v>
      </c>
      <c r="ICV53" s="7">
        <f t="shared" si="644"/>
        <v>5103.125</v>
      </c>
      <c r="ICW53" s="7">
        <f t="shared" si="644"/>
        <v>5103.125</v>
      </c>
      <c r="ICX53" s="7">
        <f t="shared" si="644"/>
        <v>5103.125</v>
      </c>
      <c r="ICY53" s="7">
        <f t="shared" si="644"/>
        <v>5103.125</v>
      </c>
      <c r="ICZ53" s="7">
        <f t="shared" si="644"/>
        <v>5103.125</v>
      </c>
      <c r="IDA53" s="7">
        <f t="shared" si="644"/>
        <v>5103.125</v>
      </c>
      <c r="IDB53" s="7">
        <f t="shared" si="644"/>
        <v>5103.125</v>
      </c>
      <c r="IDC53" s="7">
        <f t="shared" si="644"/>
        <v>5103.125</v>
      </c>
      <c r="IDD53" s="7">
        <f t="shared" si="644"/>
        <v>5103.125</v>
      </c>
      <c r="IDE53" s="7">
        <f t="shared" si="644"/>
        <v>5103.125</v>
      </c>
      <c r="IDF53" s="7">
        <f t="shared" si="644"/>
        <v>5103.125</v>
      </c>
      <c r="IDG53" s="7">
        <f t="shared" si="644"/>
        <v>5103.125</v>
      </c>
      <c r="IDH53" s="7">
        <f t="shared" si="644"/>
        <v>5103.125</v>
      </c>
      <c r="IDI53" s="7">
        <f t="shared" si="644"/>
        <v>5103.125</v>
      </c>
      <c r="IDJ53" s="7">
        <f t="shared" si="644"/>
        <v>5103.125</v>
      </c>
      <c r="IDK53" s="7">
        <f t="shared" si="644"/>
        <v>5103.125</v>
      </c>
      <c r="IDL53" s="7">
        <f t="shared" si="644"/>
        <v>5103.125</v>
      </c>
      <c r="IDM53" s="7">
        <f t="shared" si="644"/>
        <v>5103.125</v>
      </c>
      <c r="IDN53" s="7">
        <f t="shared" si="644"/>
        <v>5103.125</v>
      </c>
      <c r="IDO53" s="7">
        <f t="shared" si="644"/>
        <v>5103.125</v>
      </c>
      <c r="IDP53" s="7">
        <f t="shared" si="644"/>
        <v>5103.125</v>
      </c>
      <c r="IDQ53" s="7">
        <f t="shared" si="644"/>
        <v>5103.125</v>
      </c>
      <c r="IDR53" s="7">
        <f t="shared" si="644"/>
        <v>5103.125</v>
      </c>
      <c r="IDS53" s="7">
        <f t="shared" si="644"/>
        <v>5103.125</v>
      </c>
      <c r="IDT53" s="7">
        <f t="shared" si="644"/>
        <v>5103.125</v>
      </c>
      <c r="IDU53" s="7">
        <f t="shared" si="644"/>
        <v>5103.125</v>
      </c>
      <c r="IDV53" s="7">
        <f t="shared" si="644"/>
        <v>5103.125</v>
      </c>
      <c r="IDW53" s="7">
        <f t="shared" si="644"/>
        <v>5103.125</v>
      </c>
      <c r="IDX53" s="7">
        <f t="shared" si="644"/>
        <v>5103.125</v>
      </c>
      <c r="IDY53" s="7">
        <f t="shared" si="644"/>
        <v>5103.125</v>
      </c>
      <c r="IDZ53" s="7">
        <f t="shared" si="644"/>
        <v>5103.125</v>
      </c>
      <c r="IEA53" s="7">
        <f t="shared" si="644"/>
        <v>5103.125</v>
      </c>
      <c r="IEB53" s="7">
        <f t="shared" si="644"/>
        <v>5103.125</v>
      </c>
      <c r="IEC53" s="7">
        <f t="shared" si="644"/>
        <v>5103.125</v>
      </c>
      <c r="IED53" s="7">
        <f t="shared" ref="IED53:IGO53" si="645">IED48+IEC53</f>
        <v>5103.125</v>
      </c>
      <c r="IEE53" s="7">
        <f t="shared" si="645"/>
        <v>5103.125</v>
      </c>
      <c r="IEF53" s="7">
        <f t="shared" si="645"/>
        <v>5103.125</v>
      </c>
      <c r="IEG53" s="7">
        <f t="shared" si="645"/>
        <v>5103.125</v>
      </c>
      <c r="IEH53" s="7">
        <f t="shared" si="645"/>
        <v>5103.125</v>
      </c>
      <c r="IEI53" s="7">
        <f t="shared" si="645"/>
        <v>5103.125</v>
      </c>
      <c r="IEJ53" s="7">
        <f t="shared" si="645"/>
        <v>5103.125</v>
      </c>
      <c r="IEK53" s="7">
        <f t="shared" si="645"/>
        <v>5103.125</v>
      </c>
      <c r="IEL53" s="7">
        <f t="shared" si="645"/>
        <v>5103.125</v>
      </c>
      <c r="IEM53" s="7">
        <f t="shared" si="645"/>
        <v>5103.125</v>
      </c>
      <c r="IEN53" s="7">
        <f t="shared" si="645"/>
        <v>5103.125</v>
      </c>
      <c r="IEO53" s="7">
        <f t="shared" si="645"/>
        <v>5103.125</v>
      </c>
      <c r="IEP53" s="7">
        <f t="shared" si="645"/>
        <v>5103.125</v>
      </c>
      <c r="IEQ53" s="7">
        <f t="shared" si="645"/>
        <v>5103.125</v>
      </c>
      <c r="IER53" s="7">
        <f t="shared" si="645"/>
        <v>5103.125</v>
      </c>
      <c r="IES53" s="7">
        <f t="shared" si="645"/>
        <v>5103.125</v>
      </c>
      <c r="IET53" s="7">
        <f t="shared" si="645"/>
        <v>5103.125</v>
      </c>
      <c r="IEU53" s="7">
        <f t="shared" si="645"/>
        <v>5103.125</v>
      </c>
      <c r="IEV53" s="7">
        <f t="shared" si="645"/>
        <v>5103.125</v>
      </c>
      <c r="IEW53" s="7">
        <f t="shared" si="645"/>
        <v>5103.125</v>
      </c>
      <c r="IEX53" s="7">
        <f t="shared" si="645"/>
        <v>5103.125</v>
      </c>
      <c r="IEY53" s="7">
        <f t="shared" si="645"/>
        <v>5103.125</v>
      </c>
      <c r="IEZ53" s="7">
        <f t="shared" si="645"/>
        <v>5103.125</v>
      </c>
      <c r="IFA53" s="7">
        <f t="shared" si="645"/>
        <v>5103.125</v>
      </c>
      <c r="IFB53" s="7">
        <f t="shared" si="645"/>
        <v>5103.125</v>
      </c>
      <c r="IFC53" s="7">
        <f t="shared" si="645"/>
        <v>5103.125</v>
      </c>
      <c r="IFD53" s="7">
        <f t="shared" si="645"/>
        <v>5103.125</v>
      </c>
      <c r="IFE53" s="7">
        <f t="shared" si="645"/>
        <v>5103.125</v>
      </c>
      <c r="IFF53" s="7">
        <f t="shared" si="645"/>
        <v>5103.125</v>
      </c>
      <c r="IFG53" s="7">
        <f t="shared" si="645"/>
        <v>5103.125</v>
      </c>
      <c r="IFH53" s="7">
        <f t="shared" si="645"/>
        <v>5103.125</v>
      </c>
      <c r="IFI53" s="7">
        <f t="shared" si="645"/>
        <v>5103.125</v>
      </c>
      <c r="IFJ53" s="7">
        <f t="shared" si="645"/>
        <v>5103.125</v>
      </c>
      <c r="IFK53" s="7">
        <f t="shared" si="645"/>
        <v>5103.125</v>
      </c>
      <c r="IFL53" s="7">
        <f t="shared" si="645"/>
        <v>5103.125</v>
      </c>
      <c r="IFM53" s="7">
        <f t="shared" si="645"/>
        <v>5103.125</v>
      </c>
      <c r="IFN53" s="7">
        <f t="shared" si="645"/>
        <v>5103.125</v>
      </c>
      <c r="IFO53" s="7">
        <f t="shared" si="645"/>
        <v>5103.125</v>
      </c>
      <c r="IFP53" s="7">
        <f t="shared" si="645"/>
        <v>5103.125</v>
      </c>
      <c r="IFQ53" s="7">
        <f t="shared" si="645"/>
        <v>5103.125</v>
      </c>
      <c r="IFR53" s="7">
        <f t="shared" si="645"/>
        <v>5103.125</v>
      </c>
      <c r="IFS53" s="7">
        <f t="shared" si="645"/>
        <v>5103.125</v>
      </c>
      <c r="IFT53" s="7">
        <f t="shared" si="645"/>
        <v>5103.125</v>
      </c>
      <c r="IFU53" s="7">
        <f t="shared" si="645"/>
        <v>5103.125</v>
      </c>
      <c r="IFV53" s="7">
        <f t="shared" si="645"/>
        <v>5103.125</v>
      </c>
      <c r="IFW53" s="7">
        <f t="shared" si="645"/>
        <v>5103.125</v>
      </c>
      <c r="IFX53" s="7">
        <f t="shared" si="645"/>
        <v>5103.125</v>
      </c>
      <c r="IFY53" s="7">
        <f t="shared" si="645"/>
        <v>5103.125</v>
      </c>
      <c r="IFZ53" s="7">
        <f t="shared" si="645"/>
        <v>5103.125</v>
      </c>
      <c r="IGA53" s="7">
        <f t="shared" si="645"/>
        <v>5103.125</v>
      </c>
      <c r="IGB53" s="7">
        <f t="shared" si="645"/>
        <v>5103.125</v>
      </c>
      <c r="IGC53" s="7">
        <f t="shared" si="645"/>
        <v>5103.125</v>
      </c>
      <c r="IGD53" s="7">
        <f t="shared" si="645"/>
        <v>5103.125</v>
      </c>
      <c r="IGE53" s="7">
        <f t="shared" si="645"/>
        <v>5103.125</v>
      </c>
      <c r="IGF53" s="7">
        <f t="shared" si="645"/>
        <v>5103.125</v>
      </c>
      <c r="IGG53" s="7">
        <f t="shared" si="645"/>
        <v>5103.125</v>
      </c>
      <c r="IGH53" s="7">
        <f t="shared" si="645"/>
        <v>5103.125</v>
      </c>
      <c r="IGI53" s="7">
        <f t="shared" si="645"/>
        <v>5103.125</v>
      </c>
      <c r="IGJ53" s="7">
        <f t="shared" si="645"/>
        <v>5103.125</v>
      </c>
      <c r="IGK53" s="7">
        <f t="shared" si="645"/>
        <v>5103.125</v>
      </c>
      <c r="IGL53" s="7">
        <f t="shared" si="645"/>
        <v>5103.125</v>
      </c>
      <c r="IGM53" s="7">
        <f t="shared" si="645"/>
        <v>5103.125</v>
      </c>
      <c r="IGN53" s="7">
        <f t="shared" si="645"/>
        <v>5103.125</v>
      </c>
      <c r="IGO53" s="7">
        <f t="shared" si="645"/>
        <v>5103.125</v>
      </c>
      <c r="IGP53" s="7">
        <f t="shared" ref="IGP53:IJA53" si="646">IGP48+IGO53</f>
        <v>5103.125</v>
      </c>
      <c r="IGQ53" s="7">
        <f t="shared" si="646"/>
        <v>5103.125</v>
      </c>
      <c r="IGR53" s="7">
        <f t="shared" si="646"/>
        <v>5103.125</v>
      </c>
      <c r="IGS53" s="7">
        <f t="shared" si="646"/>
        <v>5103.125</v>
      </c>
      <c r="IGT53" s="7">
        <f t="shared" si="646"/>
        <v>5103.125</v>
      </c>
      <c r="IGU53" s="7">
        <f t="shared" si="646"/>
        <v>5103.125</v>
      </c>
      <c r="IGV53" s="7">
        <f t="shared" si="646"/>
        <v>5103.125</v>
      </c>
      <c r="IGW53" s="7">
        <f t="shared" si="646"/>
        <v>5103.125</v>
      </c>
      <c r="IGX53" s="7">
        <f t="shared" si="646"/>
        <v>5103.125</v>
      </c>
      <c r="IGY53" s="7">
        <f t="shared" si="646"/>
        <v>5103.125</v>
      </c>
      <c r="IGZ53" s="7">
        <f t="shared" si="646"/>
        <v>5103.125</v>
      </c>
      <c r="IHA53" s="7">
        <f t="shared" si="646"/>
        <v>5103.125</v>
      </c>
      <c r="IHB53" s="7">
        <f t="shared" si="646"/>
        <v>5103.125</v>
      </c>
      <c r="IHC53" s="7">
        <f t="shared" si="646"/>
        <v>5103.125</v>
      </c>
      <c r="IHD53" s="7">
        <f t="shared" si="646"/>
        <v>5103.125</v>
      </c>
      <c r="IHE53" s="7">
        <f t="shared" si="646"/>
        <v>5103.125</v>
      </c>
      <c r="IHF53" s="7">
        <f t="shared" si="646"/>
        <v>5103.125</v>
      </c>
      <c r="IHG53" s="7">
        <f t="shared" si="646"/>
        <v>5103.125</v>
      </c>
      <c r="IHH53" s="7">
        <f t="shared" si="646"/>
        <v>5103.125</v>
      </c>
      <c r="IHI53" s="7">
        <f t="shared" si="646"/>
        <v>5103.125</v>
      </c>
      <c r="IHJ53" s="7">
        <f t="shared" si="646"/>
        <v>5103.125</v>
      </c>
      <c r="IHK53" s="7">
        <f t="shared" si="646"/>
        <v>5103.125</v>
      </c>
      <c r="IHL53" s="7">
        <f t="shared" si="646"/>
        <v>5103.125</v>
      </c>
      <c r="IHM53" s="7">
        <f t="shared" si="646"/>
        <v>5103.125</v>
      </c>
      <c r="IHN53" s="7">
        <f t="shared" si="646"/>
        <v>5103.125</v>
      </c>
      <c r="IHO53" s="7">
        <f t="shared" si="646"/>
        <v>5103.125</v>
      </c>
      <c r="IHP53" s="7">
        <f t="shared" si="646"/>
        <v>5103.125</v>
      </c>
      <c r="IHQ53" s="7">
        <f t="shared" si="646"/>
        <v>5103.125</v>
      </c>
      <c r="IHR53" s="7">
        <f t="shared" si="646"/>
        <v>5103.125</v>
      </c>
      <c r="IHS53" s="7">
        <f t="shared" si="646"/>
        <v>5103.125</v>
      </c>
      <c r="IHT53" s="7">
        <f t="shared" si="646"/>
        <v>5103.125</v>
      </c>
      <c r="IHU53" s="7">
        <f t="shared" si="646"/>
        <v>5103.125</v>
      </c>
      <c r="IHV53" s="7">
        <f t="shared" si="646"/>
        <v>5103.125</v>
      </c>
      <c r="IHW53" s="7">
        <f t="shared" si="646"/>
        <v>5103.125</v>
      </c>
      <c r="IHX53" s="7">
        <f t="shared" si="646"/>
        <v>5103.125</v>
      </c>
      <c r="IHY53" s="7">
        <f t="shared" si="646"/>
        <v>5103.125</v>
      </c>
      <c r="IHZ53" s="7">
        <f t="shared" si="646"/>
        <v>5103.125</v>
      </c>
      <c r="IIA53" s="7">
        <f t="shared" si="646"/>
        <v>5103.125</v>
      </c>
      <c r="IIB53" s="7">
        <f t="shared" si="646"/>
        <v>5103.125</v>
      </c>
      <c r="IIC53" s="7">
        <f t="shared" si="646"/>
        <v>5103.125</v>
      </c>
      <c r="IID53" s="7">
        <f t="shared" si="646"/>
        <v>5103.125</v>
      </c>
      <c r="IIE53" s="7">
        <f t="shared" si="646"/>
        <v>5103.125</v>
      </c>
      <c r="IIF53" s="7">
        <f t="shared" si="646"/>
        <v>5103.125</v>
      </c>
      <c r="IIG53" s="7">
        <f t="shared" si="646"/>
        <v>5103.125</v>
      </c>
      <c r="IIH53" s="7">
        <f t="shared" si="646"/>
        <v>5103.125</v>
      </c>
      <c r="III53" s="7">
        <f t="shared" si="646"/>
        <v>5103.125</v>
      </c>
      <c r="IIJ53" s="7">
        <f t="shared" si="646"/>
        <v>5103.125</v>
      </c>
      <c r="IIK53" s="7">
        <f t="shared" si="646"/>
        <v>5103.125</v>
      </c>
      <c r="IIL53" s="7">
        <f t="shared" si="646"/>
        <v>5103.125</v>
      </c>
      <c r="IIM53" s="7">
        <f t="shared" si="646"/>
        <v>5103.125</v>
      </c>
      <c r="IIN53" s="7">
        <f t="shared" si="646"/>
        <v>5103.125</v>
      </c>
      <c r="IIO53" s="7">
        <f t="shared" si="646"/>
        <v>5103.125</v>
      </c>
      <c r="IIP53" s="7">
        <f t="shared" si="646"/>
        <v>5103.125</v>
      </c>
      <c r="IIQ53" s="7">
        <f t="shared" si="646"/>
        <v>5103.125</v>
      </c>
      <c r="IIR53" s="7">
        <f t="shared" si="646"/>
        <v>5103.125</v>
      </c>
      <c r="IIS53" s="7">
        <f t="shared" si="646"/>
        <v>5103.125</v>
      </c>
      <c r="IIT53" s="7">
        <f t="shared" si="646"/>
        <v>5103.125</v>
      </c>
      <c r="IIU53" s="7">
        <f t="shared" si="646"/>
        <v>5103.125</v>
      </c>
      <c r="IIV53" s="7">
        <f t="shared" si="646"/>
        <v>5103.125</v>
      </c>
      <c r="IIW53" s="7">
        <f t="shared" si="646"/>
        <v>5103.125</v>
      </c>
      <c r="IIX53" s="7">
        <f t="shared" si="646"/>
        <v>5103.125</v>
      </c>
      <c r="IIY53" s="7">
        <f t="shared" si="646"/>
        <v>5103.125</v>
      </c>
      <c r="IIZ53" s="7">
        <f t="shared" si="646"/>
        <v>5103.125</v>
      </c>
      <c r="IJA53" s="7">
        <f t="shared" si="646"/>
        <v>5103.125</v>
      </c>
      <c r="IJB53" s="7">
        <f t="shared" ref="IJB53:ILM53" si="647">IJB48+IJA53</f>
        <v>5103.125</v>
      </c>
      <c r="IJC53" s="7">
        <f t="shared" si="647"/>
        <v>5103.125</v>
      </c>
      <c r="IJD53" s="7">
        <f t="shared" si="647"/>
        <v>5103.125</v>
      </c>
      <c r="IJE53" s="7">
        <f t="shared" si="647"/>
        <v>5103.125</v>
      </c>
      <c r="IJF53" s="7">
        <f t="shared" si="647"/>
        <v>5103.125</v>
      </c>
      <c r="IJG53" s="7">
        <f t="shared" si="647"/>
        <v>5103.125</v>
      </c>
      <c r="IJH53" s="7">
        <f t="shared" si="647"/>
        <v>5103.125</v>
      </c>
      <c r="IJI53" s="7">
        <f t="shared" si="647"/>
        <v>5103.125</v>
      </c>
      <c r="IJJ53" s="7">
        <f t="shared" si="647"/>
        <v>5103.125</v>
      </c>
      <c r="IJK53" s="7">
        <f t="shared" si="647"/>
        <v>5103.125</v>
      </c>
      <c r="IJL53" s="7">
        <f t="shared" si="647"/>
        <v>5103.125</v>
      </c>
      <c r="IJM53" s="7">
        <f t="shared" si="647"/>
        <v>5103.125</v>
      </c>
      <c r="IJN53" s="7">
        <f t="shared" si="647"/>
        <v>5103.125</v>
      </c>
      <c r="IJO53" s="7">
        <f t="shared" si="647"/>
        <v>5103.125</v>
      </c>
      <c r="IJP53" s="7">
        <f t="shared" si="647"/>
        <v>5103.125</v>
      </c>
      <c r="IJQ53" s="7">
        <f t="shared" si="647"/>
        <v>5103.125</v>
      </c>
      <c r="IJR53" s="7">
        <f t="shared" si="647"/>
        <v>5103.125</v>
      </c>
      <c r="IJS53" s="7">
        <f t="shared" si="647"/>
        <v>5103.125</v>
      </c>
      <c r="IJT53" s="7">
        <f t="shared" si="647"/>
        <v>5103.125</v>
      </c>
      <c r="IJU53" s="7">
        <f t="shared" si="647"/>
        <v>5103.125</v>
      </c>
      <c r="IJV53" s="7">
        <f t="shared" si="647"/>
        <v>5103.125</v>
      </c>
      <c r="IJW53" s="7">
        <f t="shared" si="647"/>
        <v>5103.125</v>
      </c>
      <c r="IJX53" s="7">
        <f t="shared" si="647"/>
        <v>5103.125</v>
      </c>
      <c r="IJY53" s="7">
        <f t="shared" si="647"/>
        <v>5103.125</v>
      </c>
      <c r="IJZ53" s="7">
        <f t="shared" si="647"/>
        <v>5103.125</v>
      </c>
      <c r="IKA53" s="7">
        <f t="shared" si="647"/>
        <v>5103.125</v>
      </c>
      <c r="IKB53" s="7">
        <f t="shared" si="647"/>
        <v>5103.125</v>
      </c>
      <c r="IKC53" s="7">
        <f t="shared" si="647"/>
        <v>5103.125</v>
      </c>
      <c r="IKD53" s="7">
        <f t="shared" si="647"/>
        <v>5103.125</v>
      </c>
      <c r="IKE53" s="7">
        <f t="shared" si="647"/>
        <v>5103.125</v>
      </c>
      <c r="IKF53" s="7">
        <f t="shared" si="647"/>
        <v>5103.125</v>
      </c>
      <c r="IKG53" s="7">
        <f t="shared" si="647"/>
        <v>5103.125</v>
      </c>
      <c r="IKH53" s="7">
        <f t="shared" si="647"/>
        <v>5103.125</v>
      </c>
      <c r="IKI53" s="7">
        <f t="shared" si="647"/>
        <v>5103.125</v>
      </c>
      <c r="IKJ53" s="7">
        <f t="shared" si="647"/>
        <v>5103.125</v>
      </c>
      <c r="IKK53" s="7">
        <f t="shared" si="647"/>
        <v>5103.125</v>
      </c>
      <c r="IKL53" s="7">
        <f t="shared" si="647"/>
        <v>5103.125</v>
      </c>
      <c r="IKM53" s="7">
        <f t="shared" si="647"/>
        <v>5103.125</v>
      </c>
      <c r="IKN53" s="7">
        <f t="shared" si="647"/>
        <v>5103.125</v>
      </c>
      <c r="IKO53" s="7">
        <f t="shared" si="647"/>
        <v>5103.125</v>
      </c>
      <c r="IKP53" s="7">
        <f t="shared" si="647"/>
        <v>5103.125</v>
      </c>
      <c r="IKQ53" s="7">
        <f t="shared" si="647"/>
        <v>5103.125</v>
      </c>
      <c r="IKR53" s="7">
        <f t="shared" si="647"/>
        <v>5103.125</v>
      </c>
      <c r="IKS53" s="7">
        <f t="shared" si="647"/>
        <v>5103.125</v>
      </c>
      <c r="IKT53" s="7">
        <f t="shared" si="647"/>
        <v>5103.125</v>
      </c>
      <c r="IKU53" s="7">
        <f t="shared" si="647"/>
        <v>5103.125</v>
      </c>
      <c r="IKV53" s="7">
        <f t="shared" si="647"/>
        <v>5103.125</v>
      </c>
      <c r="IKW53" s="7">
        <f t="shared" si="647"/>
        <v>5103.125</v>
      </c>
      <c r="IKX53" s="7">
        <f t="shared" si="647"/>
        <v>5103.125</v>
      </c>
      <c r="IKY53" s="7">
        <f t="shared" si="647"/>
        <v>5103.125</v>
      </c>
      <c r="IKZ53" s="7">
        <f t="shared" si="647"/>
        <v>5103.125</v>
      </c>
      <c r="ILA53" s="7">
        <f t="shared" si="647"/>
        <v>5103.125</v>
      </c>
      <c r="ILB53" s="7">
        <f t="shared" si="647"/>
        <v>5103.125</v>
      </c>
      <c r="ILC53" s="7">
        <f t="shared" si="647"/>
        <v>5103.125</v>
      </c>
      <c r="ILD53" s="7">
        <f t="shared" si="647"/>
        <v>5103.125</v>
      </c>
      <c r="ILE53" s="7">
        <f t="shared" si="647"/>
        <v>5103.125</v>
      </c>
      <c r="ILF53" s="7">
        <f t="shared" si="647"/>
        <v>5103.125</v>
      </c>
      <c r="ILG53" s="7">
        <f t="shared" si="647"/>
        <v>5103.125</v>
      </c>
      <c r="ILH53" s="7">
        <f t="shared" si="647"/>
        <v>5103.125</v>
      </c>
      <c r="ILI53" s="7">
        <f t="shared" si="647"/>
        <v>5103.125</v>
      </c>
      <c r="ILJ53" s="7">
        <f t="shared" si="647"/>
        <v>5103.125</v>
      </c>
      <c r="ILK53" s="7">
        <f t="shared" si="647"/>
        <v>5103.125</v>
      </c>
      <c r="ILL53" s="7">
        <f t="shared" si="647"/>
        <v>5103.125</v>
      </c>
      <c r="ILM53" s="7">
        <f t="shared" si="647"/>
        <v>5103.125</v>
      </c>
      <c r="ILN53" s="7">
        <f t="shared" ref="ILN53:INY53" si="648">ILN48+ILM53</f>
        <v>5103.125</v>
      </c>
      <c r="ILO53" s="7">
        <f t="shared" si="648"/>
        <v>5103.125</v>
      </c>
      <c r="ILP53" s="7">
        <f t="shared" si="648"/>
        <v>5103.125</v>
      </c>
      <c r="ILQ53" s="7">
        <f t="shared" si="648"/>
        <v>5103.125</v>
      </c>
      <c r="ILR53" s="7">
        <f t="shared" si="648"/>
        <v>5103.125</v>
      </c>
      <c r="ILS53" s="7">
        <f t="shared" si="648"/>
        <v>5103.125</v>
      </c>
      <c r="ILT53" s="7">
        <f t="shared" si="648"/>
        <v>5103.125</v>
      </c>
      <c r="ILU53" s="7">
        <f t="shared" si="648"/>
        <v>5103.125</v>
      </c>
      <c r="ILV53" s="7">
        <f t="shared" si="648"/>
        <v>5103.125</v>
      </c>
      <c r="ILW53" s="7">
        <f t="shared" si="648"/>
        <v>5103.125</v>
      </c>
      <c r="ILX53" s="7">
        <f t="shared" si="648"/>
        <v>5103.125</v>
      </c>
      <c r="ILY53" s="7">
        <f t="shared" si="648"/>
        <v>5103.125</v>
      </c>
      <c r="ILZ53" s="7">
        <f t="shared" si="648"/>
        <v>5103.125</v>
      </c>
      <c r="IMA53" s="7">
        <f t="shared" si="648"/>
        <v>5103.125</v>
      </c>
      <c r="IMB53" s="7">
        <f t="shared" si="648"/>
        <v>5103.125</v>
      </c>
      <c r="IMC53" s="7">
        <f t="shared" si="648"/>
        <v>5103.125</v>
      </c>
      <c r="IMD53" s="7">
        <f t="shared" si="648"/>
        <v>5103.125</v>
      </c>
      <c r="IME53" s="7">
        <f t="shared" si="648"/>
        <v>5103.125</v>
      </c>
      <c r="IMF53" s="7">
        <f t="shared" si="648"/>
        <v>5103.125</v>
      </c>
      <c r="IMG53" s="7">
        <f t="shared" si="648"/>
        <v>5103.125</v>
      </c>
      <c r="IMH53" s="7">
        <f t="shared" si="648"/>
        <v>5103.125</v>
      </c>
      <c r="IMI53" s="7">
        <f t="shared" si="648"/>
        <v>5103.125</v>
      </c>
      <c r="IMJ53" s="7">
        <f t="shared" si="648"/>
        <v>5103.125</v>
      </c>
      <c r="IMK53" s="7">
        <f t="shared" si="648"/>
        <v>5103.125</v>
      </c>
      <c r="IML53" s="7">
        <f t="shared" si="648"/>
        <v>5103.125</v>
      </c>
      <c r="IMM53" s="7">
        <f t="shared" si="648"/>
        <v>5103.125</v>
      </c>
      <c r="IMN53" s="7">
        <f t="shared" si="648"/>
        <v>5103.125</v>
      </c>
      <c r="IMO53" s="7">
        <f t="shared" si="648"/>
        <v>5103.125</v>
      </c>
      <c r="IMP53" s="7">
        <f t="shared" si="648"/>
        <v>5103.125</v>
      </c>
      <c r="IMQ53" s="7">
        <f t="shared" si="648"/>
        <v>5103.125</v>
      </c>
      <c r="IMR53" s="7">
        <f t="shared" si="648"/>
        <v>5103.125</v>
      </c>
      <c r="IMS53" s="7">
        <f t="shared" si="648"/>
        <v>5103.125</v>
      </c>
      <c r="IMT53" s="7">
        <f t="shared" si="648"/>
        <v>5103.125</v>
      </c>
      <c r="IMU53" s="7">
        <f t="shared" si="648"/>
        <v>5103.125</v>
      </c>
      <c r="IMV53" s="7">
        <f t="shared" si="648"/>
        <v>5103.125</v>
      </c>
      <c r="IMW53" s="7">
        <f t="shared" si="648"/>
        <v>5103.125</v>
      </c>
      <c r="IMX53" s="7">
        <f t="shared" si="648"/>
        <v>5103.125</v>
      </c>
      <c r="IMY53" s="7">
        <f t="shared" si="648"/>
        <v>5103.125</v>
      </c>
      <c r="IMZ53" s="7">
        <f t="shared" si="648"/>
        <v>5103.125</v>
      </c>
      <c r="INA53" s="7">
        <f t="shared" si="648"/>
        <v>5103.125</v>
      </c>
      <c r="INB53" s="7">
        <f t="shared" si="648"/>
        <v>5103.125</v>
      </c>
      <c r="INC53" s="7">
        <f t="shared" si="648"/>
        <v>5103.125</v>
      </c>
      <c r="IND53" s="7">
        <f t="shared" si="648"/>
        <v>5103.125</v>
      </c>
      <c r="INE53" s="7">
        <f t="shared" si="648"/>
        <v>5103.125</v>
      </c>
      <c r="INF53" s="7">
        <f t="shared" si="648"/>
        <v>5103.125</v>
      </c>
      <c r="ING53" s="7">
        <f t="shared" si="648"/>
        <v>5103.125</v>
      </c>
      <c r="INH53" s="7">
        <f t="shared" si="648"/>
        <v>5103.125</v>
      </c>
      <c r="INI53" s="7">
        <f t="shared" si="648"/>
        <v>5103.125</v>
      </c>
      <c r="INJ53" s="7">
        <f t="shared" si="648"/>
        <v>5103.125</v>
      </c>
      <c r="INK53" s="7">
        <f t="shared" si="648"/>
        <v>5103.125</v>
      </c>
      <c r="INL53" s="7">
        <f t="shared" si="648"/>
        <v>5103.125</v>
      </c>
      <c r="INM53" s="7">
        <f t="shared" si="648"/>
        <v>5103.125</v>
      </c>
      <c r="INN53" s="7">
        <f t="shared" si="648"/>
        <v>5103.125</v>
      </c>
      <c r="INO53" s="7">
        <f t="shared" si="648"/>
        <v>5103.125</v>
      </c>
      <c r="INP53" s="7">
        <f t="shared" si="648"/>
        <v>5103.125</v>
      </c>
      <c r="INQ53" s="7">
        <f t="shared" si="648"/>
        <v>5103.125</v>
      </c>
      <c r="INR53" s="7">
        <f t="shared" si="648"/>
        <v>5103.125</v>
      </c>
      <c r="INS53" s="7">
        <f t="shared" si="648"/>
        <v>5103.125</v>
      </c>
      <c r="INT53" s="7">
        <f t="shared" si="648"/>
        <v>5103.125</v>
      </c>
      <c r="INU53" s="7">
        <f t="shared" si="648"/>
        <v>5103.125</v>
      </c>
      <c r="INV53" s="7">
        <f t="shared" si="648"/>
        <v>5103.125</v>
      </c>
      <c r="INW53" s="7">
        <f t="shared" si="648"/>
        <v>5103.125</v>
      </c>
      <c r="INX53" s="7">
        <f t="shared" si="648"/>
        <v>5103.125</v>
      </c>
      <c r="INY53" s="7">
        <f t="shared" si="648"/>
        <v>5103.125</v>
      </c>
      <c r="INZ53" s="7">
        <f t="shared" ref="INZ53:IQK53" si="649">INZ48+INY53</f>
        <v>5103.125</v>
      </c>
      <c r="IOA53" s="7">
        <f t="shared" si="649"/>
        <v>5103.125</v>
      </c>
      <c r="IOB53" s="7">
        <f t="shared" si="649"/>
        <v>5103.125</v>
      </c>
      <c r="IOC53" s="7">
        <f t="shared" si="649"/>
        <v>5103.125</v>
      </c>
      <c r="IOD53" s="7">
        <f t="shared" si="649"/>
        <v>5103.125</v>
      </c>
      <c r="IOE53" s="7">
        <f t="shared" si="649"/>
        <v>5103.125</v>
      </c>
      <c r="IOF53" s="7">
        <f t="shared" si="649"/>
        <v>5103.125</v>
      </c>
      <c r="IOG53" s="7">
        <f t="shared" si="649"/>
        <v>5103.125</v>
      </c>
      <c r="IOH53" s="7">
        <f t="shared" si="649"/>
        <v>5103.125</v>
      </c>
      <c r="IOI53" s="7">
        <f t="shared" si="649"/>
        <v>5103.125</v>
      </c>
      <c r="IOJ53" s="7">
        <f t="shared" si="649"/>
        <v>5103.125</v>
      </c>
      <c r="IOK53" s="7">
        <f t="shared" si="649"/>
        <v>5103.125</v>
      </c>
      <c r="IOL53" s="7">
        <f t="shared" si="649"/>
        <v>5103.125</v>
      </c>
      <c r="IOM53" s="7">
        <f t="shared" si="649"/>
        <v>5103.125</v>
      </c>
      <c r="ION53" s="7">
        <f t="shared" si="649"/>
        <v>5103.125</v>
      </c>
      <c r="IOO53" s="7">
        <f t="shared" si="649"/>
        <v>5103.125</v>
      </c>
      <c r="IOP53" s="7">
        <f t="shared" si="649"/>
        <v>5103.125</v>
      </c>
      <c r="IOQ53" s="7">
        <f t="shared" si="649"/>
        <v>5103.125</v>
      </c>
      <c r="IOR53" s="7">
        <f t="shared" si="649"/>
        <v>5103.125</v>
      </c>
      <c r="IOS53" s="7">
        <f t="shared" si="649"/>
        <v>5103.125</v>
      </c>
      <c r="IOT53" s="7">
        <f t="shared" si="649"/>
        <v>5103.125</v>
      </c>
      <c r="IOU53" s="7">
        <f t="shared" si="649"/>
        <v>5103.125</v>
      </c>
      <c r="IOV53" s="7">
        <f t="shared" si="649"/>
        <v>5103.125</v>
      </c>
      <c r="IOW53" s="7">
        <f t="shared" si="649"/>
        <v>5103.125</v>
      </c>
      <c r="IOX53" s="7">
        <f t="shared" si="649"/>
        <v>5103.125</v>
      </c>
      <c r="IOY53" s="7">
        <f t="shared" si="649"/>
        <v>5103.125</v>
      </c>
      <c r="IOZ53" s="7">
        <f t="shared" si="649"/>
        <v>5103.125</v>
      </c>
      <c r="IPA53" s="7">
        <f t="shared" si="649"/>
        <v>5103.125</v>
      </c>
      <c r="IPB53" s="7">
        <f t="shared" si="649"/>
        <v>5103.125</v>
      </c>
      <c r="IPC53" s="7">
        <f t="shared" si="649"/>
        <v>5103.125</v>
      </c>
      <c r="IPD53" s="7">
        <f t="shared" si="649"/>
        <v>5103.125</v>
      </c>
      <c r="IPE53" s="7">
        <f t="shared" si="649"/>
        <v>5103.125</v>
      </c>
      <c r="IPF53" s="7">
        <f t="shared" si="649"/>
        <v>5103.125</v>
      </c>
      <c r="IPG53" s="7">
        <f t="shared" si="649"/>
        <v>5103.125</v>
      </c>
      <c r="IPH53" s="7">
        <f t="shared" si="649"/>
        <v>5103.125</v>
      </c>
      <c r="IPI53" s="7">
        <f t="shared" si="649"/>
        <v>5103.125</v>
      </c>
      <c r="IPJ53" s="7">
        <f t="shared" si="649"/>
        <v>5103.125</v>
      </c>
      <c r="IPK53" s="7">
        <f t="shared" si="649"/>
        <v>5103.125</v>
      </c>
      <c r="IPL53" s="7">
        <f t="shared" si="649"/>
        <v>5103.125</v>
      </c>
      <c r="IPM53" s="7">
        <f t="shared" si="649"/>
        <v>5103.125</v>
      </c>
      <c r="IPN53" s="7">
        <f t="shared" si="649"/>
        <v>5103.125</v>
      </c>
      <c r="IPO53" s="7">
        <f t="shared" si="649"/>
        <v>5103.125</v>
      </c>
      <c r="IPP53" s="7">
        <f t="shared" si="649"/>
        <v>5103.125</v>
      </c>
      <c r="IPQ53" s="7">
        <f t="shared" si="649"/>
        <v>5103.125</v>
      </c>
      <c r="IPR53" s="7">
        <f t="shared" si="649"/>
        <v>5103.125</v>
      </c>
      <c r="IPS53" s="7">
        <f t="shared" si="649"/>
        <v>5103.125</v>
      </c>
      <c r="IPT53" s="7">
        <f t="shared" si="649"/>
        <v>5103.125</v>
      </c>
      <c r="IPU53" s="7">
        <f t="shared" si="649"/>
        <v>5103.125</v>
      </c>
      <c r="IPV53" s="7">
        <f t="shared" si="649"/>
        <v>5103.125</v>
      </c>
      <c r="IPW53" s="7">
        <f t="shared" si="649"/>
        <v>5103.125</v>
      </c>
      <c r="IPX53" s="7">
        <f t="shared" si="649"/>
        <v>5103.125</v>
      </c>
      <c r="IPY53" s="7">
        <f t="shared" si="649"/>
        <v>5103.125</v>
      </c>
      <c r="IPZ53" s="7">
        <f t="shared" si="649"/>
        <v>5103.125</v>
      </c>
      <c r="IQA53" s="7">
        <f t="shared" si="649"/>
        <v>5103.125</v>
      </c>
      <c r="IQB53" s="7">
        <f t="shared" si="649"/>
        <v>5103.125</v>
      </c>
      <c r="IQC53" s="7">
        <f t="shared" si="649"/>
        <v>5103.125</v>
      </c>
      <c r="IQD53" s="7">
        <f t="shared" si="649"/>
        <v>5103.125</v>
      </c>
      <c r="IQE53" s="7">
        <f t="shared" si="649"/>
        <v>5103.125</v>
      </c>
      <c r="IQF53" s="7">
        <f t="shared" si="649"/>
        <v>5103.125</v>
      </c>
      <c r="IQG53" s="7">
        <f t="shared" si="649"/>
        <v>5103.125</v>
      </c>
      <c r="IQH53" s="7">
        <f t="shared" si="649"/>
        <v>5103.125</v>
      </c>
      <c r="IQI53" s="7">
        <f t="shared" si="649"/>
        <v>5103.125</v>
      </c>
      <c r="IQJ53" s="7">
        <f t="shared" si="649"/>
        <v>5103.125</v>
      </c>
      <c r="IQK53" s="7">
        <f t="shared" si="649"/>
        <v>5103.125</v>
      </c>
      <c r="IQL53" s="7">
        <f t="shared" ref="IQL53:ISW53" si="650">IQL48+IQK53</f>
        <v>5103.125</v>
      </c>
      <c r="IQM53" s="7">
        <f t="shared" si="650"/>
        <v>5103.125</v>
      </c>
      <c r="IQN53" s="7">
        <f t="shared" si="650"/>
        <v>5103.125</v>
      </c>
      <c r="IQO53" s="7">
        <f t="shared" si="650"/>
        <v>5103.125</v>
      </c>
      <c r="IQP53" s="7">
        <f t="shared" si="650"/>
        <v>5103.125</v>
      </c>
      <c r="IQQ53" s="7">
        <f t="shared" si="650"/>
        <v>5103.125</v>
      </c>
      <c r="IQR53" s="7">
        <f t="shared" si="650"/>
        <v>5103.125</v>
      </c>
      <c r="IQS53" s="7">
        <f t="shared" si="650"/>
        <v>5103.125</v>
      </c>
      <c r="IQT53" s="7">
        <f t="shared" si="650"/>
        <v>5103.125</v>
      </c>
      <c r="IQU53" s="7">
        <f t="shared" si="650"/>
        <v>5103.125</v>
      </c>
      <c r="IQV53" s="7">
        <f t="shared" si="650"/>
        <v>5103.125</v>
      </c>
      <c r="IQW53" s="7">
        <f t="shared" si="650"/>
        <v>5103.125</v>
      </c>
      <c r="IQX53" s="7">
        <f t="shared" si="650"/>
        <v>5103.125</v>
      </c>
      <c r="IQY53" s="7">
        <f t="shared" si="650"/>
        <v>5103.125</v>
      </c>
      <c r="IQZ53" s="7">
        <f t="shared" si="650"/>
        <v>5103.125</v>
      </c>
      <c r="IRA53" s="7">
        <f t="shared" si="650"/>
        <v>5103.125</v>
      </c>
      <c r="IRB53" s="7">
        <f t="shared" si="650"/>
        <v>5103.125</v>
      </c>
      <c r="IRC53" s="7">
        <f t="shared" si="650"/>
        <v>5103.125</v>
      </c>
      <c r="IRD53" s="7">
        <f t="shared" si="650"/>
        <v>5103.125</v>
      </c>
      <c r="IRE53" s="7">
        <f t="shared" si="650"/>
        <v>5103.125</v>
      </c>
      <c r="IRF53" s="7">
        <f t="shared" si="650"/>
        <v>5103.125</v>
      </c>
      <c r="IRG53" s="7">
        <f t="shared" si="650"/>
        <v>5103.125</v>
      </c>
      <c r="IRH53" s="7">
        <f t="shared" si="650"/>
        <v>5103.125</v>
      </c>
      <c r="IRI53" s="7">
        <f t="shared" si="650"/>
        <v>5103.125</v>
      </c>
      <c r="IRJ53" s="7">
        <f t="shared" si="650"/>
        <v>5103.125</v>
      </c>
      <c r="IRK53" s="7">
        <f t="shared" si="650"/>
        <v>5103.125</v>
      </c>
      <c r="IRL53" s="7">
        <f t="shared" si="650"/>
        <v>5103.125</v>
      </c>
      <c r="IRM53" s="7">
        <f t="shared" si="650"/>
        <v>5103.125</v>
      </c>
      <c r="IRN53" s="7">
        <f t="shared" si="650"/>
        <v>5103.125</v>
      </c>
      <c r="IRO53" s="7">
        <f t="shared" si="650"/>
        <v>5103.125</v>
      </c>
      <c r="IRP53" s="7">
        <f t="shared" si="650"/>
        <v>5103.125</v>
      </c>
      <c r="IRQ53" s="7">
        <f t="shared" si="650"/>
        <v>5103.125</v>
      </c>
      <c r="IRR53" s="7">
        <f t="shared" si="650"/>
        <v>5103.125</v>
      </c>
      <c r="IRS53" s="7">
        <f t="shared" si="650"/>
        <v>5103.125</v>
      </c>
      <c r="IRT53" s="7">
        <f t="shared" si="650"/>
        <v>5103.125</v>
      </c>
      <c r="IRU53" s="7">
        <f t="shared" si="650"/>
        <v>5103.125</v>
      </c>
      <c r="IRV53" s="7">
        <f t="shared" si="650"/>
        <v>5103.125</v>
      </c>
      <c r="IRW53" s="7">
        <f t="shared" si="650"/>
        <v>5103.125</v>
      </c>
      <c r="IRX53" s="7">
        <f t="shared" si="650"/>
        <v>5103.125</v>
      </c>
      <c r="IRY53" s="7">
        <f t="shared" si="650"/>
        <v>5103.125</v>
      </c>
      <c r="IRZ53" s="7">
        <f t="shared" si="650"/>
        <v>5103.125</v>
      </c>
      <c r="ISA53" s="7">
        <f t="shared" si="650"/>
        <v>5103.125</v>
      </c>
      <c r="ISB53" s="7">
        <f t="shared" si="650"/>
        <v>5103.125</v>
      </c>
      <c r="ISC53" s="7">
        <f t="shared" si="650"/>
        <v>5103.125</v>
      </c>
      <c r="ISD53" s="7">
        <f t="shared" si="650"/>
        <v>5103.125</v>
      </c>
      <c r="ISE53" s="7">
        <f t="shared" si="650"/>
        <v>5103.125</v>
      </c>
      <c r="ISF53" s="7">
        <f t="shared" si="650"/>
        <v>5103.125</v>
      </c>
      <c r="ISG53" s="7">
        <f t="shared" si="650"/>
        <v>5103.125</v>
      </c>
      <c r="ISH53" s="7">
        <f t="shared" si="650"/>
        <v>5103.125</v>
      </c>
      <c r="ISI53" s="7">
        <f t="shared" si="650"/>
        <v>5103.125</v>
      </c>
      <c r="ISJ53" s="7">
        <f t="shared" si="650"/>
        <v>5103.125</v>
      </c>
      <c r="ISK53" s="7">
        <f t="shared" si="650"/>
        <v>5103.125</v>
      </c>
      <c r="ISL53" s="7">
        <f t="shared" si="650"/>
        <v>5103.125</v>
      </c>
      <c r="ISM53" s="7">
        <f t="shared" si="650"/>
        <v>5103.125</v>
      </c>
      <c r="ISN53" s="7">
        <f t="shared" si="650"/>
        <v>5103.125</v>
      </c>
      <c r="ISO53" s="7">
        <f t="shared" si="650"/>
        <v>5103.125</v>
      </c>
      <c r="ISP53" s="7">
        <f t="shared" si="650"/>
        <v>5103.125</v>
      </c>
      <c r="ISQ53" s="7">
        <f t="shared" si="650"/>
        <v>5103.125</v>
      </c>
      <c r="ISR53" s="7">
        <f t="shared" si="650"/>
        <v>5103.125</v>
      </c>
      <c r="ISS53" s="7">
        <f t="shared" si="650"/>
        <v>5103.125</v>
      </c>
      <c r="IST53" s="7">
        <f t="shared" si="650"/>
        <v>5103.125</v>
      </c>
      <c r="ISU53" s="7">
        <f t="shared" si="650"/>
        <v>5103.125</v>
      </c>
      <c r="ISV53" s="7">
        <f t="shared" si="650"/>
        <v>5103.125</v>
      </c>
      <c r="ISW53" s="7">
        <f t="shared" si="650"/>
        <v>5103.125</v>
      </c>
      <c r="ISX53" s="7">
        <f t="shared" ref="ISX53:IVI53" si="651">ISX48+ISW53</f>
        <v>5103.125</v>
      </c>
      <c r="ISY53" s="7">
        <f t="shared" si="651"/>
        <v>5103.125</v>
      </c>
      <c r="ISZ53" s="7">
        <f t="shared" si="651"/>
        <v>5103.125</v>
      </c>
      <c r="ITA53" s="7">
        <f t="shared" si="651"/>
        <v>5103.125</v>
      </c>
      <c r="ITB53" s="7">
        <f t="shared" si="651"/>
        <v>5103.125</v>
      </c>
      <c r="ITC53" s="7">
        <f t="shared" si="651"/>
        <v>5103.125</v>
      </c>
      <c r="ITD53" s="7">
        <f t="shared" si="651"/>
        <v>5103.125</v>
      </c>
      <c r="ITE53" s="7">
        <f t="shared" si="651"/>
        <v>5103.125</v>
      </c>
      <c r="ITF53" s="7">
        <f t="shared" si="651"/>
        <v>5103.125</v>
      </c>
      <c r="ITG53" s="7">
        <f t="shared" si="651"/>
        <v>5103.125</v>
      </c>
      <c r="ITH53" s="7">
        <f t="shared" si="651"/>
        <v>5103.125</v>
      </c>
      <c r="ITI53" s="7">
        <f t="shared" si="651"/>
        <v>5103.125</v>
      </c>
      <c r="ITJ53" s="7">
        <f t="shared" si="651"/>
        <v>5103.125</v>
      </c>
      <c r="ITK53" s="7">
        <f t="shared" si="651"/>
        <v>5103.125</v>
      </c>
      <c r="ITL53" s="7">
        <f t="shared" si="651"/>
        <v>5103.125</v>
      </c>
      <c r="ITM53" s="7">
        <f t="shared" si="651"/>
        <v>5103.125</v>
      </c>
      <c r="ITN53" s="7">
        <f t="shared" si="651"/>
        <v>5103.125</v>
      </c>
      <c r="ITO53" s="7">
        <f t="shared" si="651"/>
        <v>5103.125</v>
      </c>
      <c r="ITP53" s="7">
        <f t="shared" si="651"/>
        <v>5103.125</v>
      </c>
      <c r="ITQ53" s="7">
        <f t="shared" si="651"/>
        <v>5103.125</v>
      </c>
      <c r="ITR53" s="7">
        <f t="shared" si="651"/>
        <v>5103.125</v>
      </c>
      <c r="ITS53" s="7">
        <f t="shared" si="651"/>
        <v>5103.125</v>
      </c>
      <c r="ITT53" s="7">
        <f t="shared" si="651"/>
        <v>5103.125</v>
      </c>
      <c r="ITU53" s="7">
        <f t="shared" si="651"/>
        <v>5103.125</v>
      </c>
      <c r="ITV53" s="7">
        <f t="shared" si="651"/>
        <v>5103.125</v>
      </c>
      <c r="ITW53" s="7">
        <f t="shared" si="651"/>
        <v>5103.125</v>
      </c>
      <c r="ITX53" s="7">
        <f t="shared" si="651"/>
        <v>5103.125</v>
      </c>
      <c r="ITY53" s="7">
        <f t="shared" si="651"/>
        <v>5103.125</v>
      </c>
      <c r="ITZ53" s="7">
        <f t="shared" si="651"/>
        <v>5103.125</v>
      </c>
      <c r="IUA53" s="7">
        <f t="shared" si="651"/>
        <v>5103.125</v>
      </c>
      <c r="IUB53" s="7">
        <f t="shared" si="651"/>
        <v>5103.125</v>
      </c>
      <c r="IUC53" s="7">
        <f t="shared" si="651"/>
        <v>5103.125</v>
      </c>
      <c r="IUD53" s="7">
        <f t="shared" si="651"/>
        <v>5103.125</v>
      </c>
      <c r="IUE53" s="7">
        <f t="shared" si="651"/>
        <v>5103.125</v>
      </c>
      <c r="IUF53" s="7">
        <f t="shared" si="651"/>
        <v>5103.125</v>
      </c>
      <c r="IUG53" s="7">
        <f t="shared" si="651"/>
        <v>5103.125</v>
      </c>
      <c r="IUH53" s="7">
        <f t="shared" si="651"/>
        <v>5103.125</v>
      </c>
      <c r="IUI53" s="7">
        <f t="shared" si="651"/>
        <v>5103.125</v>
      </c>
      <c r="IUJ53" s="7">
        <f t="shared" si="651"/>
        <v>5103.125</v>
      </c>
      <c r="IUK53" s="7">
        <f t="shared" si="651"/>
        <v>5103.125</v>
      </c>
      <c r="IUL53" s="7">
        <f t="shared" si="651"/>
        <v>5103.125</v>
      </c>
      <c r="IUM53" s="7">
        <f t="shared" si="651"/>
        <v>5103.125</v>
      </c>
      <c r="IUN53" s="7">
        <f t="shared" si="651"/>
        <v>5103.125</v>
      </c>
      <c r="IUO53" s="7">
        <f t="shared" si="651"/>
        <v>5103.125</v>
      </c>
      <c r="IUP53" s="7">
        <f t="shared" si="651"/>
        <v>5103.125</v>
      </c>
      <c r="IUQ53" s="7">
        <f t="shared" si="651"/>
        <v>5103.125</v>
      </c>
      <c r="IUR53" s="7">
        <f t="shared" si="651"/>
        <v>5103.125</v>
      </c>
      <c r="IUS53" s="7">
        <f t="shared" si="651"/>
        <v>5103.125</v>
      </c>
      <c r="IUT53" s="7">
        <f t="shared" si="651"/>
        <v>5103.125</v>
      </c>
      <c r="IUU53" s="7">
        <f t="shared" si="651"/>
        <v>5103.125</v>
      </c>
      <c r="IUV53" s="7">
        <f t="shared" si="651"/>
        <v>5103.125</v>
      </c>
      <c r="IUW53" s="7">
        <f t="shared" si="651"/>
        <v>5103.125</v>
      </c>
      <c r="IUX53" s="7">
        <f t="shared" si="651"/>
        <v>5103.125</v>
      </c>
      <c r="IUY53" s="7">
        <f t="shared" si="651"/>
        <v>5103.125</v>
      </c>
      <c r="IUZ53" s="7">
        <f t="shared" si="651"/>
        <v>5103.125</v>
      </c>
      <c r="IVA53" s="7">
        <f t="shared" si="651"/>
        <v>5103.125</v>
      </c>
      <c r="IVB53" s="7">
        <f t="shared" si="651"/>
        <v>5103.125</v>
      </c>
      <c r="IVC53" s="7">
        <f t="shared" si="651"/>
        <v>5103.125</v>
      </c>
      <c r="IVD53" s="7">
        <f t="shared" si="651"/>
        <v>5103.125</v>
      </c>
      <c r="IVE53" s="7">
        <f t="shared" si="651"/>
        <v>5103.125</v>
      </c>
      <c r="IVF53" s="7">
        <f t="shared" si="651"/>
        <v>5103.125</v>
      </c>
      <c r="IVG53" s="7">
        <f t="shared" si="651"/>
        <v>5103.125</v>
      </c>
      <c r="IVH53" s="7">
        <f t="shared" si="651"/>
        <v>5103.125</v>
      </c>
      <c r="IVI53" s="7">
        <f t="shared" si="651"/>
        <v>5103.125</v>
      </c>
      <c r="IVJ53" s="7">
        <f t="shared" ref="IVJ53:IXU53" si="652">IVJ48+IVI53</f>
        <v>5103.125</v>
      </c>
      <c r="IVK53" s="7">
        <f t="shared" si="652"/>
        <v>5103.125</v>
      </c>
      <c r="IVL53" s="7">
        <f t="shared" si="652"/>
        <v>5103.125</v>
      </c>
      <c r="IVM53" s="7">
        <f t="shared" si="652"/>
        <v>5103.125</v>
      </c>
      <c r="IVN53" s="7">
        <f t="shared" si="652"/>
        <v>5103.125</v>
      </c>
      <c r="IVO53" s="7">
        <f t="shared" si="652"/>
        <v>5103.125</v>
      </c>
      <c r="IVP53" s="7">
        <f t="shared" si="652"/>
        <v>5103.125</v>
      </c>
      <c r="IVQ53" s="7">
        <f t="shared" si="652"/>
        <v>5103.125</v>
      </c>
      <c r="IVR53" s="7">
        <f t="shared" si="652"/>
        <v>5103.125</v>
      </c>
      <c r="IVS53" s="7">
        <f t="shared" si="652"/>
        <v>5103.125</v>
      </c>
      <c r="IVT53" s="7">
        <f t="shared" si="652"/>
        <v>5103.125</v>
      </c>
      <c r="IVU53" s="7">
        <f t="shared" si="652"/>
        <v>5103.125</v>
      </c>
      <c r="IVV53" s="7">
        <f t="shared" si="652"/>
        <v>5103.125</v>
      </c>
      <c r="IVW53" s="7">
        <f t="shared" si="652"/>
        <v>5103.125</v>
      </c>
      <c r="IVX53" s="7">
        <f t="shared" si="652"/>
        <v>5103.125</v>
      </c>
      <c r="IVY53" s="7">
        <f t="shared" si="652"/>
        <v>5103.125</v>
      </c>
      <c r="IVZ53" s="7">
        <f t="shared" si="652"/>
        <v>5103.125</v>
      </c>
      <c r="IWA53" s="7">
        <f t="shared" si="652"/>
        <v>5103.125</v>
      </c>
      <c r="IWB53" s="7">
        <f t="shared" si="652"/>
        <v>5103.125</v>
      </c>
      <c r="IWC53" s="7">
        <f t="shared" si="652"/>
        <v>5103.125</v>
      </c>
      <c r="IWD53" s="7">
        <f t="shared" si="652"/>
        <v>5103.125</v>
      </c>
      <c r="IWE53" s="7">
        <f t="shared" si="652"/>
        <v>5103.125</v>
      </c>
      <c r="IWF53" s="7">
        <f t="shared" si="652"/>
        <v>5103.125</v>
      </c>
      <c r="IWG53" s="7">
        <f t="shared" si="652"/>
        <v>5103.125</v>
      </c>
      <c r="IWH53" s="7">
        <f t="shared" si="652"/>
        <v>5103.125</v>
      </c>
      <c r="IWI53" s="7">
        <f t="shared" si="652"/>
        <v>5103.125</v>
      </c>
      <c r="IWJ53" s="7">
        <f t="shared" si="652"/>
        <v>5103.125</v>
      </c>
      <c r="IWK53" s="7">
        <f t="shared" si="652"/>
        <v>5103.125</v>
      </c>
      <c r="IWL53" s="7">
        <f t="shared" si="652"/>
        <v>5103.125</v>
      </c>
      <c r="IWM53" s="7">
        <f t="shared" si="652"/>
        <v>5103.125</v>
      </c>
      <c r="IWN53" s="7">
        <f t="shared" si="652"/>
        <v>5103.125</v>
      </c>
      <c r="IWO53" s="7">
        <f t="shared" si="652"/>
        <v>5103.125</v>
      </c>
      <c r="IWP53" s="7">
        <f t="shared" si="652"/>
        <v>5103.125</v>
      </c>
      <c r="IWQ53" s="7">
        <f t="shared" si="652"/>
        <v>5103.125</v>
      </c>
      <c r="IWR53" s="7">
        <f t="shared" si="652"/>
        <v>5103.125</v>
      </c>
      <c r="IWS53" s="7">
        <f t="shared" si="652"/>
        <v>5103.125</v>
      </c>
      <c r="IWT53" s="7">
        <f t="shared" si="652"/>
        <v>5103.125</v>
      </c>
      <c r="IWU53" s="7">
        <f t="shared" si="652"/>
        <v>5103.125</v>
      </c>
      <c r="IWV53" s="7">
        <f t="shared" si="652"/>
        <v>5103.125</v>
      </c>
      <c r="IWW53" s="7">
        <f t="shared" si="652"/>
        <v>5103.125</v>
      </c>
      <c r="IWX53" s="7">
        <f t="shared" si="652"/>
        <v>5103.125</v>
      </c>
      <c r="IWY53" s="7">
        <f t="shared" si="652"/>
        <v>5103.125</v>
      </c>
      <c r="IWZ53" s="7">
        <f t="shared" si="652"/>
        <v>5103.125</v>
      </c>
      <c r="IXA53" s="7">
        <f t="shared" si="652"/>
        <v>5103.125</v>
      </c>
      <c r="IXB53" s="7">
        <f t="shared" si="652"/>
        <v>5103.125</v>
      </c>
      <c r="IXC53" s="7">
        <f t="shared" si="652"/>
        <v>5103.125</v>
      </c>
      <c r="IXD53" s="7">
        <f t="shared" si="652"/>
        <v>5103.125</v>
      </c>
      <c r="IXE53" s="7">
        <f t="shared" si="652"/>
        <v>5103.125</v>
      </c>
      <c r="IXF53" s="7">
        <f t="shared" si="652"/>
        <v>5103.125</v>
      </c>
      <c r="IXG53" s="7">
        <f t="shared" si="652"/>
        <v>5103.125</v>
      </c>
      <c r="IXH53" s="7">
        <f t="shared" si="652"/>
        <v>5103.125</v>
      </c>
      <c r="IXI53" s="7">
        <f t="shared" si="652"/>
        <v>5103.125</v>
      </c>
      <c r="IXJ53" s="7">
        <f t="shared" si="652"/>
        <v>5103.125</v>
      </c>
      <c r="IXK53" s="7">
        <f t="shared" si="652"/>
        <v>5103.125</v>
      </c>
      <c r="IXL53" s="7">
        <f t="shared" si="652"/>
        <v>5103.125</v>
      </c>
      <c r="IXM53" s="7">
        <f t="shared" si="652"/>
        <v>5103.125</v>
      </c>
      <c r="IXN53" s="7">
        <f t="shared" si="652"/>
        <v>5103.125</v>
      </c>
      <c r="IXO53" s="7">
        <f t="shared" si="652"/>
        <v>5103.125</v>
      </c>
      <c r="IXP53" s="7">
        <f t="shared" si="652"/>
        <v>5103.125</v>
      </c>
      <c r="IXQ53" s="7">
        <f t="shared" si="652"/>
        <v>5103.125</v>
      </c>
      <c r="IXR53" s="7">
        <f t="shared" si="652"/>
        <v>5103.125</v>
      </c>
      <c r="IXS53" s="7">
        <f t="shared" si="652"/>
        <v>5103.125</v>
      </c>
      <c r="IXT53" s="7">
        <f t="shared" si="652"/>
        <v>5103.125</v>
      </c>
      <c r="IXU53" s="7">
        <f t="shared" si="652"/>
        <v>5103.125</v>
      </c>
      <c r="IXV53" s="7">
        <f t="shared" ref="IXV53:JAG53" si="653">IXV48+IXU53</f>
        <v>5103.125</v>
      </c>
      <c r="IXW53" s="7">
        <f t="shared" si="653"/>
        <v>5103.125</v>
      </c>
      <c r="IXX53" s="7">
        <f t="shared" si="653"/>
        <v>5103.125</v>
      </c>
      <c r="IXY53" s="7">
        <f t="shared" si="653"/>
        <v>5103.125</v>
      </c>
      <c r="IXZ53" s="7">
        <f t="shared" si="653"/>
        <v>5103.125</v>
      </c>
      <c r="IYA53" s="7">
        <f t="shared" si="653"/>
        <v>5103.125</v>
      </c>
      <c r="IYB53" s="7">
        <f t="shared" si="653"/>
        <v>5103.125</v>
      </c>
      <c r="IYC53" s="7">
        <f t="shared" si="653"/>
        <v>5103.125</v>
      </c>
      <c r="IYD53" s="7">
        <f t="shared" si="653"/>
        <v>5103.125</v>
      </c>
      <c r="IYE53" s="7">
        <f t="shared" si="653"/>
        <v>5103.125</v>
      </c>
      <c r="IYF53" s="7">
        <f t="shared" si="653"/>
        <v>5103.125</v>
      </c>
      <c r="IYG53" s="7">
        <f t="shared" si="653"/>
        <v>5103.125</v>
      </c>
      <c r="IYH53" s="7">
        <f t="shared" si="653"/>
        <v>5103.125</v>
      </c>
      <c r="IYI53" s="7">
        <f t="shared" si="653"/>
        <v>5103.125</v>
      </c>
      <c r="IYJ53" s="7">
        <f t="shared" si="653"/>
        <v>5103.125</v>
      </c>
      <c r="IYK53" s="7">
        <f t="shared" si="653"/>
        <v>5103.125</v>
      </c>
      <c r="IYL53" s="7">
        <f t="shared" si="653"/>
        <v>5103.125</v>
      </c>
      <c r="IYM53" s="7">
        <f t="shared" si="653"/>
        <v>5103.125</v>
      </c>
      <c r="IYN53" s="7">
        <f t="shared" si="653"/>
        <v>5103.125</v>
      </c>
      <c r="IYO53" s="7">
        <f t="shared" si="653"/>
        <v>5103.125</v>
      </c>
      <c r="IYP53" s="7">
        <f t="shared" si="653"/>
        <v>5103.125</v>
      </c>
      <c r="IYQ53" s="7">
        <f t="shared" si="653"/>
        <v>5103.125</v>
      </c>
      <c r="IYR53" s="7">
        <f t="shared" si="653"/>
        <v>5103.125</v>
      </c>
      <c r="IYS53" s="7">
        <f t="shared" si="653"/>
        <v>5103.125</v>
      </c>
      <c r="IYT53" s="7">
        <f t="shared" si="653"/>
        <v>5103.125</v>
      </c>
      <c r="IYU53" s="7">
        <f t="shared" si="653"/>
        <v>5103.125</v>
      </c>
      <c r="IYV53" s="7">
        <f t="shared" si="653"/>
        <v>5103.125</v>
      </c>
      <c r="IYW53" s="7">
        <f t="shared" si="653"/>
        <v>5103.125</v>
      </c>
      <c r="IYX53" s="7">
        <f t="shared" si="653"/>
        <v>5103.125</v>
      </c>
      <c r="IYY53" s="7">
        <f t="shared" si="653"/>
        <v>5103.125</v>
      </c>
      <c r="IYZ53" s="7">
        <f t="shared" si="653"/>
        <v>5103.125</v>
      </c>
      <c r="IZA53" s="7">
        <f t="shared" si="653"/>
        <v>5103.125</v>
      </c>
      <c r="IZB53" s="7">
        <f t="shared" si="653"/>
        <v>5103.125</v>
      </c>
      <c r="IZC53" s="7">
        <f t="shared" si="653"/>
        <v>5103.125</v>
      </c>
      <c r="IZD53" s="7">
        <f t="shared" si="653"/>
        <v>5103.125</v>
      </c>
      <c r="IZE53" s="7">
        <f t="shared" si="653"/>
        <v>5103.125</v>
      </c>
      <c r="IZF53" s="7">
        <f t="shared" si="653"/>
        <v>5103.125</v>
      </c>
      <c r="IZG53" s="7">
        <f t="shared" si="653"/>
        <v>5103.125</v>
      </c>
      <c r="IZH53" s="7">
        <f t="shared" si="653"/>
        <v>5103.125</v>
      </c>
      <c r="IZI53" s="7">
        <f t="shared" si="653"/>
        <v>5103.125</v>
      </c>
      <c r="IZJ53" s="7">
        <f t="shared" si="653"/>
        <v>5103.125</v>
      </c>
      <c r="IZK53" s="7">
        <f t="shared" si="653"/>
        <v>5103.125</v>
      </c>
      <c r="IZL53" s="7">
        <f t="shared" si="653"/>
        <v>5103.125</v>
      </c>
      <c r="IZM53" s="7">
        <f t="shared" si="653"/>
        <v>5103.125</v>
      </c>
      <c r="IZN53" s="7">
        <f t="shared" si="653"/>
        <v>5103.125</v>
      </c>
      <c r="IZO53" s="7">
        <f t="shared" si="653"/>
        <v>5103.125</v>
      </c>
      <c r="IZP53" s="7">
        <f t="shared" si="653"/>
        <v>5103.125</v>
      </c>
      <c r="IZQ53" s="7">
        <f t="shared" si="653"/>
        <v>5103.125</v>
      </c>
      <c r="IZR53" s="7">
        <f t="shared" si="653"/>
        <v>5103.125</v>
      </c>
      <c r="IZS53" s="7">
        <f t="shared" si="653"/>
        <v>5103.125</v>
      </c>
      <c r="IZT53" s="7">
        <f t="shared" si="653"/>
        <v>5103.125</v>
      </c>
      <c r="IZU53" s="7">
        <f t="shared" si="653"/>
        <v>5103.125</v>
      </c>
      <c r="IZV53" s="7">
        <f t="shared" si="653"/>
        <v>5103.125</v>
      </c>
      <c r="IZW53" s="7">
        <f t="shared" si="653"/>
        <v>5103.125</v>
      </c>
      <c r="IZX53" s="7">
        <f t="shared" si="653"/>
        <v>5103.125</v>
      </c>
      <c r="IZY53" s="7">
        <f t="shared" si="653"/>
        <v>5103.125</v>
      </c>
      <c r="IZZ53" s="7">
        <f t="shared" si="653"/>
        <v>5103.125</v>
      </c>
      <c r="JAA53" s="7">
        <f t="shared" si="653"/>
        <v>5103.125</v>
      </c>
      <c r="JAB53" s="7">
        <f t="shared" si="653"/>
        <v>5103.125</v>
      </c>
      <c r="JAC53" s="7">
        <f t="shared" si="653"/>
        <v>5103.125</v>
      </c>
      <c r="JAD53" s="7">
        <f t="shared" si="653"/>
        <v>5103.125</v>
      </c>
      <c r="JAE53" s="7">
        <f t="shared" si="653"/>
        <v>5103.125</v>
      </c>
      <c r="JAF53" s="7">
        <f t="shared" si="653"/>
        <v>5103.125</v>
      </c>
      <c r="JAG53" s="7">
        <f t="shared" si="653"/>
        <v>5103.125</v>
      </c>
      <c r="JAH53" s="7">
        <f t="shared" ref="JAH53:JCS53" si="654">JAH48+JAG53</f>
        <v>5103.125</v>
      </c>
      <c r="JAI53" s="7">
        <f t="shared" si="654"/>
        <v>5103.125</v>
      </c>
      <c r="JAJ53" s="7">
        <f t="shared" si="654"/>
        <v>5103.125</v>
      </c>
      <c r="JAK53" s="7">
        <f t="shared" si="654"/>
        <v>5103.125</v>
      </c>
      <c r="JAL53" s="7">
        <f t="shared" si="654"/>
        <v>5103.125</v>
      </c>
      <c r="JAM53" s="7">
        <f t="shared" si="654"/>
        <v>5103.125</v>
      </c>
      <c r="JAN53" s="7">
        <f t="shared" si="654"/>
        <v>5103.125</v>
      </c>
      <c r="JAO53" s="7">
        <f t="shared" si="654"/>
        <v>5103.125</v>
      </c>
      <c r="JAP53" s="7">
        <f t="shared" si="654"/>
        <v>5103.125</v>
      </c>
      <c r="JAQ53" s="7">
        <f t="shared" si="654"/>
        <v>5103.125</v>
      </c>
      <c r="JAR53" s="7">
        <f t="shared" si="654"/>
        <v>5103.125</v>
      </c>
      <c r="JAS53" s="7">
        <f t="shared" si="654"/>
        <v>5103.125</v>
      </c>
      <c r="JAT53" s="7">
        <f t="shared" si="654"/>
        <v>5103.125</v>
      </c>
      <c r="JAU53" s="7">
        <f t="shared" si="654"/>
        <v>5103.125</v>
      </c>
      <c r="JAV53" s="7">
        <f t="shared" si="654"/>
        <v>5103.125</v>
      </c>
      <c r="JAW53" s="7">
        <f t="shared" si="654"/>
        <v>5103.125</v>
      </c>
      <c r="JAX53" s="7">
        <f t="shared" si="654"/>
        <v>5103.125</v>
      </c>
      <c r="JAY53" s="7">
        <f t="shared" si="654"/>
        <v>5103.125</v>
      </c>
      <c r="JAZ53" s="7">
        <f t="shared" si="654"/>
        <v>5103.125</v>
      </c>
      <c r="JBA53" s="7">
        <f t="shared" si="654"/>
        <v>5103.125</v>
      </c>
      <c r="JBB53" s="7">
        <f t="shared" si="654"/>
        <v>5103.125</v>
      </c>
      <c r="JBC53" s="7">
        <f t="shared" si="654"/>
        <v>5103.125</v>
      </c>
      <c r="JBD53" s="7">
        <f t="shared" si="654"/>
        <v>5103.125</v>
      </c>
      <c r="JBE53" s="7">
        <f t="shared" si="654"/>
        <v>5103.125</v>
      </c>
      <c r="JBF53" s="7">
        <f t="shared" si="654"/>
        <v>5103.125</v>
      </c>
      <c r="JBG53" s="7">
        <f t="shared" si="654"/>
        <v>5103.125</v>
      </c>
      <c r="JBH53" s="7">
        <f t="shared" si="654"/>
        <v>5103.125</v>
      </c>
      <c r="JBI53" s="7">
        <f t="shared" si="654"/>
        <v>5103.125</v>
      </c>
      <c r="JBJ53" s="7">
        <f t="shared" si="654"/>
        <v>5103.125</v>
      </c>
      <c r="JBK53" s="7">
        <f t="shared" si="654"/>
        <v>5103.125</v>
      </c>
      <c r="JBL53" s="7">
        <f t="shared" si="654"/>
        <v>5103.125</v>
      </c>
      <c r="JBM53" s="7">
        <f t="shared" si="654"/>
        <v>5103.125</v>
      </c>
      <c r="JBN53" s="7">
        <f t="shared" si="654"/>
        <v>5103.125</v>
      </c>
      <c r="JBO53" s="7">
        <f t="shared" si="654"/>
        <v>5103.125</v>
      </c>
      <c r="JBP53" s="7">
        <f t="shared" si="654"/>
        <v>5103.125</v>
      </c>
      <c r="JBQ53" s="7">
        <f t="shared" si="654"/>
        <v>5103.125</v>
      </c>
      <c r="JBR53" s="7">
        <f t="shared" si="654"/>
        <v>5103.125</v>
      </c>
      <c r="JBS53" s="7">
        <f t="shared" si="654"/>
        <v>5103.125</v>
      </c>
      <c r="JBT53" s="7">
        <f t="shared" si="654"/>
        <v>5103.125</v>
      </c>
      <c r="JBU53" s="7">
        <f t="shared" si="654"/>
        <v>5103.125</v>
      </c>
      <c r="JBV53" s="7">
        <f t="shared" si="654"/>
        <v>5103.125</v>
      </c>
      <c r="JBW53" s="7">
        <f t="shared" si="654"/>
        <v>5103.125</v>
      </c>
      <c r="JBX53" s="7">
        <f t="shared" si="654"/>
        <v>5103.125</v>
      </c>
      <c r="JBY53" s="7">
        <f t="shared" si="654"/>
        <v>5103.125</v>
      </c>
      <c r="JBZ53" s="7">
        <f t="shared" si="654"/>
        <v>5103.125</v>
      </c>
      <c r="JCA53" s="7">
        <f t="shared" si="654"/>
        <v>5103.125</v>
      </c>
      <c r="JCB53" s="7">
        <f t="shared" si="654"/>
        <v>5103.125</v>
      </c>
      <c r="JCC53" s="7">
        <f t="shared" si="654"/>
        <v>5103.125</v>
      </c>
      <c r="JCD53" s="7">
        <f t="shared" si="654"/>
        <v>5103.125</v>
      </c>
      <c r="JCE53" s="7">
        <f t="shared" si="654"/>
        <v>5103.125</v>
      </c>
      <c r="JCF53" s="7">
        <f t="shared" si="654"/>
        <v>5103.125</v>
      </c>
      <c r="JCG53" s="7">
        <f t="shared" si="654"/>
        <v>5103.125</v>
      </c>
      <c r="JCH53" s="7">
        <f t="shared" si="654"/>
        <v>5103.125</v>
      </c>
      <c r="JCI53" s="7">
        <f t="shared" si="654"/>
        <v>5103.125</v>
      </c>
      <c r="JCJ53" s="7">
        <f t="shared" si="654"/>
        <v>5103.125</v>
      </c>
      <c r="JCK53" s="7">
        <f t="shared" si="654"/>
        <v>5103.125</v>
      </c>
      <c r="JCL53" s="7">
        <f t="shared" si="654"/>
        <v>5103.125</v>
      </c>
      <c r="JCM53" s="7">
        <f t="shared" si="654"/>
        <v>5103.125</v>
      </c>
      <c r="JCN53" s="7">
        <f t="shared" si="654"/>
        <v>5103.125</v>
      </c>
      <c r="JCO53" s="7">
        <f t="shared" si="654"/>
        <v>5103.125</v>
      </c>
      <c r="JCP53" s="7">
        <f t="shared" si="654"/>
        <v>5103.125</v>
      </c>
      <c r="JCQ53" s="7">
        <f t="shared" si="654"/>
        <v>5103.125</v>
      </c>
      <c r="JCR53" s="7">
        <f t="shared" si="654"/>
        <v>5103.125</v>
      </c>
      <c r="JCS53" s="7">
        <f t="shared" si="654"/>
        <v>5103.125</v>
      </c>
      <c r="JCT53" s="7">
        <f t="shared" ref="JCT53:JFE53" si="655">JCT48+JCS53</f>
        <v>5103.125</v>
      </c>
      <c r="JCU53" s="7">
        <f t="shared" si="655"/>
        <v>5103.125</v>
      </c>
      <c r="JCV53" s="7">
        <f t="shared" si="655"/>
        <v>5103.125</v>
      </c>
      <c r="JCW53" s="7">
        <f t="shared" si="655"/>
        <v>5103.125</v>
      </c>
      <c r="JCX53" s="7">
        <f t="shared" si="655"/>
        <v>5103.125</v>
      </c>
      <c r="JCY53" s="7">
        <f t="shared" si="655"/>
        <v>5103.125</v>
      </c>
      <c r="JCZ53" s="7">
        <f t="shared" si="655"/>
        <v>5103.125</v>
      </c>
      <c r="JDA53" s="7">
        <f t="shared" si="655"/>
        <v>5103.125</v>
      </c>
      <c r="JDB53" s="7">
        <f t="shared" si="655"/>
        <v>5103.125</v>
      </c>
      <c r="JDC53" s="7">
        <f t="shared" si="655"/>
        <v>5103.125</v>
      </c>
      <c r="JDD53" s="7">
        <f t="shared" si="655"/>
        <v>5103.125</v>
      </c>
      <c r="JDE53" s="7">
        <f t="shared" si="655"/>
        <v>5103.125</v>
      </c>
      <c r="JDF53" s="7">
        <f t="shared" si="655"/>
        <v>5103.125</v>
      </c>
      <c r="JDG53" s="7">
        <f t="shared" si="655"/>
        <v>5103.125</v>
      </c>
      <c r="JDH53" s="7">
        <f t="shared" si="655"/>
        <v>5103.125</v>
      </c>
      <c r="JDI53" s="7">
        <f t="shared" si="655"/>
        <v>5103.125</v>
      </c>
      <c r="JDJ53" s="7">
        <f t="shared" si="655"/>
        <v>5103.125</v>
      </c>
      <c r="JDK53" s="7">
        <f t="shared" si="655"/>
        <v>5103.125</v>
      </c>
      <c r="JDL53" s="7">
        <f t="shared" si="655"/>
        <v>5103.125</v>
      </c>
      <c r="JDM53" s="7">
        <f t="shared" si="655"/>
        <v>5103.125</v>
      </c>
      <c r="JDN53" s="7">
        <f t="shared" si="655"/>
        <v>5103.125</v>
      </c>
      <c r="JDO53" s="7">
        <f t="shared" si="655"/>
        <v>5103.125</v>
      </c>
      <c r="JDP53" s="7">
        <f t="shared" si="655"/>
        <v>5103.125</v>
      </c>
      <c r="JDQ53" s="7">
        <f t="shared" si="655"/>
        <v>5103.125</v>
      </c>
      <c r="JDR53" s="7">
        <f t="shared" si="655"/>
        <v>5103.125</v>
      </c>
      <c r="JDS53" s="7">
        <f t="shared" si="655"/>
        <v>5103.125</v>
      </c>
      <c r="JDT53" s="7">
        <f t="shared" si="655"/>
        <v>5103.125</v>
      </c>
      <c r="JDU53" s="7">
        <f t="shared" si="655"/>
        <v>5103.125</v>
      </c>
      <c r="JDV53" s="7">
        <f t="shared" si="655"/>
        <v>5103.125</v>
      </c>
      <c r="JDW53" s="7">
        <f t="shared" si="655"/>
        <v>5103.125</v>
      </c>
      <c r="JDX53" s="7">
        <f t="shared" si="655"/>
        <v>5103.125</v>
      </c>
      <c r="JDY53" s="7">
        <f t="shared" si="655"/>
        <v>5103.125</v>
      </c>
      <c r="JDZ53" s="7">
        <f t="shared" si="655"/>
        <v>5103.125</v>
      </c>
      <c r="JEA53" s="7">
        <f t="shared" si="655"/>
        <v>5103.125</v>
      </c>
      <c r="JEB53" s="7">
        <f t="shared" si="655"/>
        <v>5103.125</v>
      </c>
      <c r="JEC53" s="7">
        <f t="shared" si="655"/>
        <v>5103.125</v>
      </c>
      <c r="JED53" s="7">
        <f t="shared" si="655"/>
        <v>5103.125</v>
      </c>
      <c r="JEE53" s="7">
        <f t="shared" si="655"/>
        <v>5103.125</v>
      </c>
      <c r="JEF53" s="7">
        <f t="shared" si="655"/>
        <v>5103.125</v>
      </c>
      <c r="JEG53" s="7">
        <f t="shared" si="655"/>
        <v>5103.125</v>
      </c>
      <c r="JEH53" s="7">
        <f t="shared" si="655"/>
        <v>5103.125</v>
      </c>
      <c r="JEI53" s="7">
        <f t="shared" si="655"/>
        <v>5103.125</v>
      </c>
      <c r="JEJ53" s="7">
        <f t="shared" si="655"/>
        <v>5103.125</v>
      </c>
      <c r="JEK53" s="7">
        <f t="shared" si="655"/>
        <v>5103.125</v>
      </c>
      <c r="JEL53" s="7">
        <f t="shared" si="655"/>
        <v>5103.125</v>
      </c>
      <c r="JEM53" s="7">
        <f t="shared" si="655"/>
        <v>5103.125</v>
      </c>
      <c r="JEN53" s="7">
        <f t="shared" si="655"/>
        <v>5103.125</v>
      </c>
      <c r="JEO53" s="7">
        <f t="shared" si="655"/>
        <v>5103.125</v>
      </c>
      <c r="JEP53" s="7">
        <f t="shared" si="655"/>
        <v>5103.125</v>
      </c>
      <c r="JEQ53" s="7">
        <f t="shared" si="655"/>
        <v>5103.125</v>
      </c>
      <c r="JER53" s="7">
        <f t="shared" si="655"/>
        <v>5103.125</v>
      </c>
      <c r="JES53" s="7">
        <f t="shared" si="655"/>
        <v>5103.125</v>
      </c>
      <c r="JET53" s="7">
        <f t="shared" si="655"/>
        <v>5103.125</v>
      </c>
      <c r="JEU53" s="7">
        <f t="shared" si="655"/>
        <v>5103.125</v>
      </c>
      <c r="JEV53" s="7">
        <f t="shared" si="655"/>
        <v>5103.125</v>
      </c>
      <c r="JEW53" s="7">
        <f t="shared" si="655"/>
        <v>5103.125</v>
      </c>
      <c r="JEX53" s="7">
        <f t="shared" si="655"/>
        <v>5103.125</v>
      </c>
      <c r="JEY53" s="7">
        <f t="shared" si="655"/>
        <v>5103.125</v>
      </c>
      <c r="JEZ53" s="7">
        <f t="shared" si="655"/>
        <v>5103.125</v>
      </c>
      <c r="JFA53" s="7">
        <f t="shared" si="655"/>
        <v>5103.125</v>
      </c>
      <c r="JFB53" s="7">
        <f t="shared" si="655"/>
        <v>5103.125</v>
      </c>
      <c r="JFC53" s="7">
        <f t="shared" si="655"/>
        <v>5103.125</v>
      </c>
      <c r="JFD53" s="7">
        <f t="shared" si="655"/>
        <v>5103.125</v>
      </c>
      <c r="JFE53" s="7">
        <f t="shared" si="655"/>
        <v>5103.125</v>
      </c>
      <c r="JFF53" s="7">
        <f t="shared" ref="JFF53:JHQ53" si="656">JFF48+JFE53</f>
        <v>5103.125</v>
      </c>
      <c r="JFG53" s="7">
        <f t="shared" si="656"/>
        <v>5103.125</v>
      </c>
      <c r="JFH53" s="7">
        <f t="shared" si="656"/>
        <v>5103.125</v>
      </c>
      <c r="JFI53" s="7">
        <f t="shared" si="656"/>
        <v>5103.125</v>
      </c>
      <c r="JFJ53" s="7">
        <f t="shared" si="656"/>
        <v>5103.125</v>
      </c>
      <c r="JFK53" s="7">
        <f t="shared" si="656"/>
        <v>5103.125</v>
      </c>
      <c r="JFL53" s="7">
        <f t="shared" si="656"/>
        <v>5103.125</v>
      </c>
      <c r="JFM53" s="7">
        <f t="shared" si="656"/>
        <v>5103.125</v>
      </c>
      <c r="JFN53" s="7">
        <f t="shared" si="656"/>
        <v>5103.125</v>
      </c>
      <c r="JFO53" s="7">
        <f t="shared" si="656"/>
        <v>5103.125</v>
      </c>
      <c r="JFP53" s="7">
        <f t="shared" si="656"/>
        <v>5103.125</v>
      </c>
      <c r="JFQ53" s="7">
        <f t="shared" si="656"/>
        <v>5103.125</v>
      </c>
      <c r="JFR53" s="7">
        <f t="shared" si="656"/>
        <v>5103.125</v>
      </c>
      <c r="JFS53" s="7">
        <f t="shared" si="656"/>
        <v>5103.125</v>
      </c>
      <c r="JFT53" s="7">
        <f t="shared" si="656"/>
        <v>5103.125</v>
      </c>
      <c r="JFU53" s="7">
        <f t="shared" si="656"/>
        <v>5103.125</v>
      </c>
      <c r="JFV53" s="7">
        <f t="shared" si="656"/>
        <v>5103.125</v>
      </c>
      <c r="JFW53" s="7">
        <f t="shared" si="656"/>
        <v>5103.125</v>
      </c>
      <c r="JFX53" s="7">
        <f t="shared" si="656"/>
        <v>5103.125</v>
      </c>
      <c r="JFY53" s="7">
        <f t="shared" si="656"/>
        <v>5103.125</v>
      </c>
      <c r="JFZ53" s="7">
        <f t="shared" si="656"/>
        <v>5103.125</v>
      </c>
      <c r="JGA53" s="7">
        <f t="shared" si="656"/>
        <v>5103.125</v>
      </c>
      <c r="JGB53" s="7">
        <f t="shared" si="656"/>
        <v>5103.125</v>
      </c>
      <c r="JGC53" s="7">
        <f t="shared" si="656"/>
        <v>5103.125</v>
      </c>
      <c r="JGD53" s="7">
        <f t="shared" si="656"/>
        <v>5103.125</v>
      </c>
      <c r="JGE53" s="7">
        <f t="shared" si="656"/>
        <v>5103.125</v>
      </c>
      <c r="JGF53" s="7">
        <f t="shared" si="656"/>
        <v>5103.125</v>
      </c>
      <c r="JGG53" s="7">
        <f t="shared" si="656"/>
        <v>5103.125</v>
      </c>
      <c r="JGH53" s="7">
        <f t="shared" si="656"/>
        <v>5103.125</v>
      </c>
      <c r="JGI53" s="7">
        <f t="shared" si="656"/>
        <v>5103.125</v>
      </c>
      <c r="JGJ53" s="7">
        <f t="shared" si="656"/>
        <v>5103.125</v>
      </c>
      <c r="JGK53" s="7">
        <f t="shared" si="656"/>
        <v>5103.125</v>
      </c>
      <c r="JGL53" s="7">
        <f t="shared" si="656"/>
        <v>5103.125</v>
      </c>
      <c r="JGM53" s="7">
        <f t="shared" si="656"/>
        <v>5103.125</v>
      </c>
      <c r="JGN53" s="7">
        <f t="shared" si="656"/>
        <v>5103.125</v>
      </c>
      <c r="JGO53" s="7">
        <f t="shared" si="656"/>
        <v>5103.125</v>
      </c>
      <c r="JGP53" s="7">
        <f t="shared" si="656"/>
        <v>5103.125</v>
      </c>
      <c r="JGQ53" s="7">
        <f t="shared" si="656"/>
        <v>5103.125</v>
      </c>
      <c r="JGR53" s="7">
        <f t="shared" si="656"/>
        <v>5103.125</v>
      </c>
      <c r="JGS53" s="7">
        <f t="shared" si="656"/>
        <v>5103.125</v>
      </c>
      <c r="JGT53" s="7">
        <f t="shared" si="656"/>
        <v>5103.125</v>
      </c>
      <c r="JGU53" s="7">
        <f t="shared" si="656"/>
        <v>5103.125</v>
      </c>
      <c r="JGV53" s="7">
        <f t="shared" si="656"/>
        <v>5103.125</v>
      </c>
      <c r="JGW53" s="7">
        <f t="shared" si="656"/>
        <v>5103.125</v>
      </c>
      <c r="JGX53" s="7">
        <f t="shared" si="656"/>
        <v>5103.125</v>
      </c>
      <c r="JGY53" s="7">
        <f t="shared" si="656"/>
        <v>5103.125</v>
      </c>
      <c r="JGZ53" s="7">
        <f t="shared" si="656"/>
        <v>5103.125</v>
      </c>
      <c r="JHA53" s="7">
        <f t="shared" si="656"/>
        <v>5103.125</v>
      </c>
      <c r="JHB53" s="7">
        <f t="shared" si="656"/>
        <v>5103.125</v>
      </c>
      <c r="JHC53" s="7">
        <f t="shared" si="656"/>
        <v>5103.125</v>
      </c>
      <c r="JHD53" s="7">
        <f t="shared" si="656"/>
        <v>5103.125</v>
      </c>
      <c r="JHE53" s="7">
        <f t="shared" si="656"/>
        <v>5103.125</v>
      </c>
      <c r="JHF53" s="7">
        <f t="shared" si="656"/>
        <v>5103.125</v>
      </c>
      <c r="JHG53" s="7">
        <f t="shared" si="656"/>
        <v>5103.125</v>
      </c>
      <c r="JHH53" s="7">
        <f t="shared" si="656"/>
        <v>5103.125</v>
      </c>
      <c r="JHI53" s="7">
        <f t="shared" si="656"/>
        <v>5103.125</v>
      </c>
      <c r="JHJ53" s="7">
        <f t="shared" si="656"/>
        <v>5103.125</v>
      </c>
      <c r="JHK53" s="7">
        <f t="shared" si="656"/>
        <v>5103.125</v>
      </c>
      <c r="JHL53" s="7">
        <f t="shared" si="656"/>
        <v>5103.125</v>
      </c>
      <c r="JHM53" s="7">
        <f t="shared" si="656"/>
        <v>5103.125</v>
      </c>
      <c r="JHN53" s="7">
        <f t="shared" si="656"/>
        <v>5103.125</v>
      </c>
      <c r="JHO53" s="7">
        <f t="shared" si="656"/>
        <v>5103.125</v>
      </c>
      <c r="JHP53" s="7">
        <f t="shared" si="656"/>
        <v>5103.125</v>
      </c>
      <c r="JHQ53" s="7">
        <f t="shared" si="656"/>
        <v>5103.125</v>
      </c>
      <c r="JHR53" s="7">
        <f t="shared" ref="JHR53:JKC53" si="657">JHR48+JHQ53</f>
        <v>5103.125</v>
      </c>
      <c r="JHS53" s="7">
        <f t="shared" si="657"/>
        <v>5103.125</v>
      </c>
      <c r="JHT53" s="7">
        <f t="shared" si="657"/>
        <v>5103.125</v>
      </c>
      <c r="JHU53" s="7">
        <f t="shared" si="657"/>
        <v>5103.125</v>
      </c>
      <c r="JHV53" s="7">
        <f t="shared" si="657"/>
        <v>5103.125</v>
      </c>
      <c r="JHW53" s="7">
        <f t="shared" si="657"/>
        <v>5103.125</v>
      </c>
      <c r="JHX53" s="7">
        <f t="shared" si="657"/>
        <v>5103.125</v>
      </c>
      <c r="JHY53" s="7">
        <f t="shared" si="657"/>
        <v>5103.125</v>
      </c>
      <c r="JHZ53" s="7">
        <f t="shared" si="657"/>
        <v>5103.125</v>
      </c>
      <c r="JIA53" s="7">
        <f t="shared" si="657"/>
        <v>5103.125</v>
      </c>
      <c r="JIB53" s="7">
        <f t="shared" si="657"/>
        <v>5103.125</v>
      </c>
      <c r="JIC53" s="7">
        <f t="shared" si="657"/>
        <v>5103.125</v>
      </c>
      <c r="JID53" s="7">
        <f t="shared" si="657"/>
        <v>5103.125</v>
      </c>
      <c r="JIE53" s="7">
        <f t="shared" si="657"/>
        <v>5103.125</v>
      </c>
      <c r="JIF53" s="7">
        <f t="shared" si="657"/>
        <v>5103.125</v>
      </c>
      <c r="JIG53" s="7">
        <f t="shared" si="657"/>
        <v>5103.125</v>
      </c>
      <c r="JIH53" s="7">
        <f t="shared" si="657"/>
        <v>5103.125</v>
      </c>
      <c r="JII53" s="7">
        <f t="shared" si="657"/>
        <v>5103.125</v>
      </c>
      <c r="JIJ53" s="7">
        <f t="shared" si="657"/>
        <v>5103.125</v>
      </c>
      <c r="JIK53" s="7">
        <f t="shared" si="657"/>
        <v>5103.125</v>
      </c>
      <c r="JIL53" s="7">
        <f t="shared" si="657"/>
        <v>5103.125</v>
      </c>
      <c r="JIM53" s="7">
        <f t="shared" si="657"/>
        <v>5103.125</v>
      </c>
      <c r="JIN53" s="7">
        <f t="shared" si="657"/>
        <v>5103.125</v>
      </c>
      <c r="JIO53" s="7">
        <f t="shared" si="657"/>
        <v>5103.125</v>
      </c>
      <c r="JIP53" s="7">
        <f t="shared" si="657"/>
        <v>5103.125</v>
      </c>
      <c r="JIQ53" s="7">
        <f t="shared" si="657"/>
        <v>5103.125</v>
      </c>
      <c r="JIR53" s="7">
        <f t="shared" si="657"/>
        <v>5103.125</v>
      </c>
      <c r="JIS53" s="7">
        <f t="shared" si="657"/>
        <v>5103.125</v>
      </c>
      <c r="JIT53" s="7">
        <f t="shared" si="657"/>
        <v>5103.125</v>
      </c>
      <c r="JIU53" s="7">
        <f t="shared" si="657"/>
        <v>5103.125</v>
      </c>
      <c r="JIV53" s="7">
        <f t="shared" si="657"/>
        <v>5103.125</v>
      </c>
      <c r="JIW53" s="7">
        <f t="shared" si="657"/>
        <v>5103.125</v>
      </c>
      <c r="JIX53" s="7">
        <f t="shared" si="657"/>
        <v>5103.125</v>
      </c>
      <c r="JIY53" s="7">
        <f t="shared" si="657"/>
        <v>5103.125</v>
      </c>
      <c r="JIZ53" s="7">
        <f t="shared" si="657"/>
        <v>5103.125</v>
      </c>
      <c r="JJA53" s="7">
        <f t="shared" si="657"/>
        <v>5103.125</v>
      </c>
      <c r="JJB53" s="7">
        <f t="shared" si="657"/>
        <v>5103.125</v>
      </c>
      <c r="JJC53" s="7">
        <f t="shared" si="657"/>
        <v>5103.125</v>
      </c>
      <c r="JJD53" s="7">
        <f t="shared" si="657"/>
        <v>5103.125</v>
      </c>
      <c r="JJE53" s="7">
        <f t="shared" si="657"/>
        <v>5103.125</v>
      </c>
      <c r="JJF53" s="7">
        <f t="shared" si="657"/>
        <v>5103.125</v>
      </c>
      <c r="JJG53" s="7">
        <f t="shared" si="657"/>
        <v>5103.125</v>
      </c>
      <c r="JJH53" s="7">
        <f t="shared" si="657"/>
        <v>5103.125</v>
      </c>
      <c r="JJI53" s="7">
        <f t="shared" si="657"/>
        <v>5103.125</v>
      </c>
      <c r="JJJ53" s="7">
        <f t="shared" si="657"/>
        <v>5103.125</v>
      </c>
      <c r="JJK53" s="7">
        <f t="shared" si="657"/>
        <v>5103.125</v>
      </c>
      <c r="JJL53" s="7">
        <f t="shared" si="657"/>
        <v>5103.125</v>
      </c>
      <c r="JJM53" s="7">
        <f t="shared" si="657"/>
        <v>5103.125</v>
      </c>
      <c r="JJN53" s="7">
        <f t="shared" si="657"/>
        <v>5103.125</v>
      </c>
      <c r="JJO53" s="7">
        <f t="shared" si="657"/>
        <v>5103.125</v>
      </c>
      <c r="JJP53" s="7">
        <f t="shared" si="657"/>
        <v>5103.125</v>
      </c>
      <c r="JJQ53" s="7">
        <f t="shared" si="657"/>
        <v>5103.125</v>
      </c>
      <c r="JJR53" s="7">
        <f t="shared" si="657"/>
        <v>5103.125</v>
      </c>
      <c r="JJS53" s="7">
        <f t="shared" si="657"/>
        <v>5103.125</v>
      </c>
      <c r="JJT53" s="7">
        <f t="shared" si="657"/>
        <v>5103.125</v>
      </c>
      <c r="JJU53" s="7">
        <f t="shared" si="657"/>
        <v>5103.125</v>
      </c>
      <c r="JJV53" s="7">
        <f t="shared" si="657"/>
        <v>5103.125</v>
      </c>
      <c r="JJW53" s="7">
        <f t="shared" si="657"/>
        <v>5103.125</v>
      </c>
      <c r="JJX53" s="7">
        <f t="shared" si="657"/>
        <v>5103.125</v>
      </c>
      <c r="JJY53" s="7">
        <f t="shared" si="657"/>
        <v>5103.125</v>
      </c>
      <c r="JJZ53" s="7">
        <f t="shared" si="657"/>
        <v>5103.125</v>
      </c>
      <c r="JKA53" s="7">
        <f t="shared" si="657"/>
        <v>5103.125</v>
      </c>
      <c r="JKB53" s="7">
        <f t="shared" si="657"/>
        <v>5103.125</v>
      </c>
      <c r="JKC53" s="7">
        <f t="shared" si="657"/>
        <v>5103.125</v>
      </c>
      <c r="JKD53" s="7">
        <f t="shared" ref="JKD53:JMO53" si="658">JKD48+JKC53</f>
        <v>5103.125</v>
      </c>
      <c r="JKE53" s="7">
        <f t="shared" si="658"/>
        <v>5103.125</v>
      </c>
      <c r="JKF53" s="7">
        <f t="shared" si="658"/>
        <v>5103.125</v>
      </c>
      <c r="JKG53" s="7">
        <f t="shared" si="658"/>
        <v>5103.125</v>
      </c>
      <c r="JKH53" s="7">
        <f t="shared" si="658"/>
        <v>5103.125</v>
      </c>
      <c r="JKI53" s="7">
        <f t="shared" si="658"/>
        <v>5103.125</v>
      </c>
      <c r="JKJ53" s="7">
        <f t="shared" si="658"/>
        <v>5103.125</v>
      </c>
      <c r="JKK53" s="7">
        <f t="shared" si="658"/>
        <v>5103.125</v>
      </c>
      <c r="JKL53" s="7">
        <f t="shared" si="658"/>
        <v>5103.125</v>
      </c>
      <c r="JKM53" s="7">
        <f t="shared" si="658"/>
        <v>5103.125</v>
      </c>
      <c r="JKN53" s="7">
        <f t="shared" si="658"/>
        <v>5103.125</v>
      </c>
      <c r="JKO53" s="7">
        <f t="shared" si="658"/>
        <v>5103.125</v>
      </c>
      <c r="JKP53" s="7">
        <f t="shared" si="658"/>
        <v>5103.125</v>
      </c>
      <c r="JKQ53" s="7">
        <f t="shared" si="658"/>
        <v>5103.125</v>
      </c>
      <c r="JKR53" s="7">
        <f t="shared" si="658"/>
        <v>5103.125</v>
      </c>
      <c r="JKS53" s="7">
        <f t="shared" si="658"/>
        <v>5103.125</v>
      </c>
      <c r="JKT53" s="7">
        <f t="shared" si="658"/>
        <v>5103.125</v>
      </c>
      <c r="JKU53" s="7">
        <f t="shared" si="658"/>
        <v>5103.125</v>
      </c>
      <c r="JKV53" s="7">
        <f t="shared" si="658"/>
        <v>5103.125</v>
      </c>
      <c r="JKW53" s="7">
        <f t="shared" si="658"/>
        <v>5103.125</v>
      </c>
      <c r="JKX53" s="7">
        <f t="shared" si="658"/>
        <v>5103.125</v>
      </c>
      <c r="JKY53" s="7">
        <f t="shared" si="658"/>
        <v>5103.125</v>
      </c>
      <c r="JKZ53" s="7">
        <f t="shared" si="658"/>
        <v>5103.125</v>
      </c>
      <c r="JLA53" s="7">
        <f t="shared" si="658"/>
        <v>5103.125</v>
      </c>
      <c r="JLB53" s="7">
        <f t="shared" si="658"/>
        <v>5103.125</v>
      </c>
      <c r="JLC53" s="7">
        <f t="shared" si="658"/>
        <v>5103.125</v>
      </c>
      <c r="JLD53" s="7">
        <f t="shared" si="658"/>
        <v>5103.125</v>
      </c>
      <c r="JLE53" s="7">
        <f t="shared" si="658"/>
        <v>5103.125</v>
      </c>
      <c r="JLF53" s="7">
        <f t="shared" si="658"/>
        <v>5103.125</v>
      </c>
      <c r="JLG53" s="7">
        <f t="shared" si="658"/>
        <v>5103.125</v>
      </c>
      <c r="JLH53" s="7">
        <f t="shared" si="658"/>
        <v>5103.125</v>
      </c>
      <c r="JLI53" s="7">
        <f t="shared" si="658"/>
        <v>5103.125</v>
      </c>
      <c r="JLJ53" s="7">
        <f t="shared" si="658"/>
        <v>5103.125</v>
      </c>
      <c r="JLK53" s="7">
        <f t="shared" si="658"/>
        <v>5103.125</v>
      </c>
      <c r="JLL53" s="7">
        <f t="shared" si="658"/>
        <v>5103.125</v>
      </c>
      <c r="JLM53" s="7">
        <f t="shared" si="658"/>
        <v>5103.125</v>
      </c>
      <c r="JLN53" s="7">
        <f t="shared" si="658"/>
        <v>5103.125</v>
      </c>
      <c r="JLO53" s="7">
        <f t="shared" si="658"/>
        <v>5103.125</v>
      </c>
      <c r="JLP53" s="7">
        <f t="shared" si="658"/>
        <v>5103.125</v>
      </c>
      <c r="JLQ53" s="7">
        <f t="shared" si="658"/>
        <v>5103.125</v>
      </c>
      <c r="JLR53" s="7">
        <f t="shared" si="658"/>
        <v>5103.125</v>
      </c>
      <c r="JLS53" s="7">
        <f t="shared" si="658"/>
        <v>5103.125</v>
      </c>
      <c r="JLT53" s="7">
        <f t="shared" si="658"/>
        <v>5103.125</v>
      </c>
      <c r="JLU53" s="7">
        <f t="shared" si="658"/>
        <v>5103.125</v>
      </c>
      <c r="JLV53" s="7">
        <f t="shared" si="658"/>
        <v>5103.125</v>
      </c>
      <c r="JLW53" s="7">
        <f t="shared" si="658"/>
        <v>5103.125</v>
      </c>
      <c r="JLX53" s="7">
        <f t="shared" si="658"/>
        <v>5103.125</v>
      </c>
      <c r="JLY53" s="7">
        <f t="shared" si="658"/>
        <v>5103.125</v>
      </c>
      <c r="JLZ53" s="7">
        <f t="shared" si="658"/>
        <v>5103.125</v>
      </c>
      <c r="JMA53" s="7">
        <f t="shared" si="658"/>
        <v>5103.125</v>
      </c>
      <c r="JMB53" s="7">
        <f t="shared" si="658"/>
        <v>5103.125</v>
      </c>
      <c r="JMC53" s="7">
        <f t="shared" si="658"/>
        <v>5103.125</v>
      </c>
      <c r="JMD53" s="7">
        <f t="shared" si="658"/>
        <v>5103.125</v>
      </c>
      <c r="JME53" s="7">
        <f t="shared" si="658"/>
        <v>5103.125</v>
      </c>
      <c r="JMF53" s="7">
        <f t="shared" si="658"/>
        <v>5103.125</v>
      </c>
      <c r="JMG53" s="7">
        <f t="shared" si="658"/>
        <v>5103.125</v>
      </c>
      <c r="JMH53" s="7">
        <f t="shared" si="658"/>
        <v>5103.125</v>
      </c>
      <c r="JMI53" s="7">
        <f t="shared" si="658"/>
        <v>5103.125</v>
      </c>
      <c r="JMJ53" s="7">
        <f t="shared" si="658"/>
        <v>5103.125</v>
      </c>
      <c r="JMK53" s="7">
        <f t="shared" si="658"/>
        <v>5103.125</v>
      </c>
      <c r="JML53" s="7">
        <f t="shared" si="658"/>
        <v>5103.125</v>
      </c>
      <c r="JMM53" s="7">
        <f t="shared" si="658"/>
        <v>5103.125</v>
      </c>
      <c r="JMN53" s="7">
        <f t="shared" si="658"/>
        <v>5103.125</v>
      </c>
      <c r="JMO53" s="7">
        <f t="shared" si="658"/>
        <v>5103.125</v>
      </c>
      <c r="JMP53" s="7">
        <f t="shared" ref="JMP53:JPA53" si="659">JMP48+JMO53</f>
        <v>5103.125</v>
      </c>
      <c r="JMQ53" s="7">
        <f t="shared" si="659"/>
        <v>5103.125</v>
      </c>
      <c r="JMR53" s="7">
        <f t="shared" si="659"/>
        <v>5103.125</v>
      </c>
      <c r="JMS53" s="7">
        <f t="shared" si="659"/>
        <v>5103.125</v>
      </c>
      <c r="JMT53" s="7">
        <f t="shared" si="659"/>
        <v>5103.125</v>
      </c>
      <c r="JMU53" s="7">
        <f t="shared" si="659"/>
        <v>5103.125</v>
      </c>
      <c r="JMV53" s="7">
        <f t="shared" si="659"/>
        <v>5103.125</v>
      </c>
      <c r="JMW53" s="7">
        <f t="shared" si="659"/>
        <v>5103.125</v>
      </c>
      <c r="JMX53" s="7">
        <f t="shared" si="659"/>
        <v>5103.125</v>
      </c>
      <c r="JMY53" s="7">
        <f t="shared" si="659"/>
        <v>5103.125</v>
      </c>
      <c r="JMZ53" s="7">
        <f t="shared" si="659"/>
        <v>5103.125</v>
      </c>
      <c r="JNA53" s="7">
        <f t="shared" si="659"/>
        <v>5103.125</v>
      </c>
      <c r="JNB53" s="7">
        <f t="shared" si="659"/>
        <v>5103.125</v>
      </c>
      <c r="JNC53" s="7">
        <f t="shared" si="659"/>
        <v>5103.125</v>
      </c>
      <c r="JND53" s="7">
        <f t="shared" si="659"/>
        <v>5103.125</v>
      </c>
      <c r="JNE53" s="7">
        <f t="shared" si="659"/>
        <v>5103.125</v>
      </c>
      <c r="JNF53" s="7">
        <f t="shared" si="659"/>
        <v>5103.125</v>
      </c>
      <c r="JNG53" s="7">
        <f t="shared" si="659"/>
        <v>5103.125</v>
      </c>
      <c r="JNH53" s="7">
        <f t="shared" si="659"/>
        <v>5103.125</v>
      </c>
      <c r="JNI53" s="7">
        <f t="shared" si="659"/>
        <v>5103.125</v>
      </c>
      <c r="JNJ53" s="7">
        <f t="shared" si="659"/>
        <v>5103.125</v>
      </c>
      <c r="JNK53" s="7">
        <f t="shared" si="659"/>
        <v>5103.125</v>
      </c>
      <c r="JNL53" s="7">
        <f t="shared" si="659"/>
        <v>5103.125</v>
      </c>
      <c r="JNM53" s="7">
        <f t="shared" si="659"/>
        <v>5103.125</v>
      </c>
      <c r="JNN53" s="7">
        <f t="shared" si="659"/>
        <v>5103.125</v>
      </c>
      <c r="JNO53" s="7">
        <f t="shared" si="659"/>
        <v>5103.125</v>
      </c>
      <c r="JNP53" s="7">
        <f t="shared" si="659"/>
        <v>5103.125</v>
      </c>
      <c r="JNQ53" s="7">
        <f t="shared" si="659"/>
        <v>5103.125</v>
      </c>
      <c r="JNR53" s="7">
        <f t="shared" si="659"/>
        <v>5103.125</v>
      </c>
      <c r="JNS53" s="7">
        <f t="shared" si="659"/>
        <v>5103.125</v>
      </c>
      <c r="JNT53" s="7">
        <f t="shared" si="659"/>
        <v>5103.125</v>
      </c>
      <c r="JNU53" s="7">
        <f t="shared" si="659"/>
        <v>5103.125</v>
      </c>
      <c r="JNV53" s="7">
        <f t="shared" si="659"/>
        <v>5103.125</v>
      </c>
      <c r="JNW53" s="7">
        <f t="shared" si="659"/>
        <v>5103.125</v>
      </c>
      <c r="JNX53" s="7">
        <f t="shared" si="659"/>
        <v>5103.125</v>
      </c>
      <c r="JNY53" s="7">
        <f t="shared" si="659"/>
        <v>5103.125</v>
      </c>
      <c r="JNZ53" s="7">
        <f t="shared" si="659"/>
        <v>5103.125</v>
      </c>
      <c r="JOA53" s="7">
        <f t="shared" si="659"/>
        <v>5103.125</v>
      </c>
      <c r="JOB53" s="7">
        <f t="shared" si="659"/>
        <v>5103.125</v>
      </c>
      <c r="JOC53" s="7">
        <f t="shared" si="659"/>
        <v>5103.125</v>
      </c>
      <c r="JOD53" s="7">
        <f t="shared" si="659"/>
        <v>5103.125</v>
      </c>
      <c r="JOE53" s="7">
        <f t="shared" si="659"/>
        <v>5103.125</v>
      </c>
      <c r="JOF53" s="7">
        <f t="shared" si="659"/>
        <v>5103.125</v>
      </c>
      <c r="JOG53" s="7">
        <f t="shared" si="659"/>
        <v>5103.125</v>
      </c>
      <c r="JOH53" s="7">
        <f t="shared" si="659"/>
        <v>5103.125</v>
      </c>
      <c r="JOI53" s="7">
        <f t="shared" si="659"/>
        <v>5103.125</v>
      </c>
      <c r="JOJ53" s="7">
        <f t="shared" si="659"/>
        <v>5103.125</v>
      </c>
      <c r="JOK53" s="7">
        <f t="shared" si="659"/>
        <v>5103.125</v>
      </c>
      <c r="JOL53" s="7">
        <f t="shared" si="659"/>
        <v>5103.125</v>
      </c>
      <c r="JOM53" s="7">
        <f t="shared" si="659"/>
        <v>5103.125</v>
      </c>
      <c r="JON53" s="7">
        <f t="shared" si="659"/>
        <v>5103.125</v>
      </c>
      <c r="JOO53" s="7">
        <f t="shared" si="659"/>
        <v>5103.125</v>
      </c>
      <c r="JOP53" s="7">
        <f t="shared" si="659"/>
        <v>5103.125</v>
      </c>
      <c r="JOQ53" s="7">
        <f t="shared" si="659"/>
        <v>5103.125</v>
      </c>
      <c r="JOR53" s="7">
        <f t="shared" si="659"/>
        <v>5103.125</v>
      </c>
      <c r="JOS53" s="7">
        <f t="shared" si="659"/>
        <v>5103.125</v>
      </c>
      <c r="JOT53" s="7">
        <f t="shared" si="659"/>
        <v>5103.125</v>
      </c>
      <c r="JOU53" s="7">
        <f t="shared" si="659"/>
        <v>5103.125</v>
      </c>
      <c r="JOV53" s="7">
        <f t="shared" si="659"/>
        <v>5103.125</v>
      </c>
      <c r="JOW53" s="7">
        <f t="shared" si="659"/>
        <v>5103.125</v>
      </c>
      <c r="JOX53" s="7">
        <f t="shared" si="659"/>
        <v>5103.125</v>
      </c>
      <c r="JOY53" s="7">
        <f t="shared" si="659"/>
        <v>5103.125</v>
      </c>
      <c r="JOZ53" s="7">
        <f t="shared" si="659"/>
        <v>5103.125</v>
      </c>
      <c r="JPA53" s="7">
        <f t="shared" si="659"/>
        <v>5103.125</v>
      </c>
      <c r="JPB53" s="7">
        <f t="shared" ref="JPB53:JRM53" si="660">JPB48+JPA53</f>
        <v>5103.125</v>
      </c>
      <c r="JPC53" s="7">
        <f t="shared" si="660"/>
        <v>5103.125</v>
      </c>
      <c r="JPD53" s="7">
        <f t="shared" si="660"/>
        <v>5103.125</v>
      </c>
      <c r="JPE53" s="7">
        <f t="shared" si="660"/>
        <v>5103.125</v>
      </c>
      <c r="JPF53" s="7">
        <f t="shared" si="660"/>
        <v>5103.125</v>
      </c>
      <c r="JPG53" s="7">
        <f t="shared" si="660"/>
        <v>5103.125</v>
      </c>
      <c r="JPH53" s="7">
        <f t="shared" si="660"/>
        <v>5103.125</v>
      </c>
      <c r="JPI53" s="7">
        <f t="shared" si="660"/>
        <v>5103.125</v>
      </c>
      <c r="JPJ53" s="7">
        <f t="shared" si="660"/>
        <v>5103.125</v>
      </c>
      <c r="JPK53" s="7">
        <f t="shared" si="660"/>
        <v>5103.125</v>
      </c>
      <c r="JPL53" s="7">
        <f t="shared" si="660"/>
        <v>5103.125</v>
      </c>
      <c r="JPM53" s="7">
        <f t="shared" si="660"/>
        <v>5103.125</v>
      </c>
      <c r="JPN53" s="7">
        <f t="shared" si="660"/>
        <v>5103.125</v>
      </c>
      <c r="JPO53" s="7">
        <f t="shared" si="660"/>
        <v>5103.125</v>
      </c>
      <c r="JPP53" s="7">
        <f t="shared" si="660"/>
        <v>5103.125</v>
      </c>
      <c r="JPQ53" s="7">
        <f t="shared" si="660"/>
        <v>5103.125</v>
      </c>
      <c r="JPR53" s="7">
        <f t="shared" si="660"/>
        <v>5103.125</v>
      </c>
      <c r="JPS53" s="7">
        <f t="shared" si="660"/>
        <v>5103.125</v>
      </c>
      <c r="JPT53" s="7">
        <f t="shared" si="660"/>
        <v>5103.125</v>
      </c>
      <c r="JPU53" s="7">
        <f t="shared" si="660"/>
        <v>5103.125</v>
      </c>
      <c r="JPV53" s="7">
        <f t="shared" si="660"/>
        <v>5103.125</v>
      </c>
      <c r="JPW53" s="7">
        <f t="shared" si="660"/>
        <v>5103.125</v>
      </c>
      <c r="JPX53" s="7">
        <f t="shared" si="660"/>
        <v>5103.125</v>
      </c>
      <c r="JPY53" s="7">
        <f t="shared" si="660"/>
        <v>5103.125</v>
      </c>
      <c r="JPZ53" s="7">
        <f t="shared" si="660"/>
        <v>5103.125</v>
      </c>
      <c r="JQA53" s="7">
        <f t="shared" si="660"/>
        <v>5103.125</v>
      </c>
      <c r="JQB53" s="7">
        <f t="shared" si="660"/>
        <v>5103.125</v>
      </c>
      <c r="JQC53" s="7">
        <f t="shared" si="660"/>
        <v>5103.125</v>
      </c>
      <c r="JQD53" s="7">
        <f t="shared" si="660"/>
        <v>5103.125</v>
      </c>
      <c r="JQE53" s="7">
        <f t="shared" si="660"/>
        <v>5103.125</v>
      </c>
      <c r="JQF53" s="7">
        <f t="shared" si="660"/>
        <v>5103.125</v>
      </c>
      <c r="JQG53" s="7">
        <f t="shared" si="660"/>
        <v>5103.125</v>
      </c>
      <c r="JQH53" s="7">
        <f t="shared" si="660"/>
        <v>5103.125</v>
      </c>
      <c r="JQI53" s="7">
        <f t="shared" si="660"/>
        <v>5103.125</v>
      </c>
      <c r="JQJ53" s="7">
        <f t="shared" si="660"/>
        <v>5103.125</v>
      </c>
      <c r="JQK53" s="7">
        <f t="shared" si="660"/>
        <v>5103.125</v>
      </c>
      <c r="JQL53" s="7">
        <f t="shared" si="660"/>
        <v>5103.125</v>
      </c>
      <c r="JQM53" s="7">
        <f t="shared" si="660"/>
        <v>5103.125</v>
      </c>
      <c r="JQN53" s="7">
        <f t="shared" si="660"/>
        <v>5103.125</v>
      </c>
      <c r="JQO53" s="7">
        <f t="shared" si="660"/>
        <v>5103.125</v>
      </c>
      <c r="JQP53" s="7">
        <f t="shared" si="660"/>
        <v>5103.125</v>
      </c>
      <c r="JQQ53" s="7">
        <f t="shared" si="660"/>
        <v>5103.125</v>
      </c>
      <c r="JQR53" s="7">
        <f t="shared" si="660"/>
        <v>5103.125</v>
      </c>
      <c r="JQS53" s="7">
        <f t="shared" si="660"/>
        <v>5103.125</v>
      </c>
      <c r="JQT53" s="7">
        <f t="shared" si="660"/>
        <v>5103.125</v>
      </c>
      <c r="JQU53" s="7">
        <f t="shared" si="660"/>
        <v>5103.125</v>
      </c>
      <c r="JQV53" s="7">
        <f t="shared" si="660"/>
        <v>5103.125</v>
      </c>
      <c r="JQW53" s="7">
        <f t="shared" si="660"/>
        <v>5103.125</v>
      </c>
      <c r="JQX53" s="7">
        <f t="shared" si="660"/>
        <v>5103.125</v>
      </c>
      <c r="JQY53" s="7">
        <f t="shared" si="660"/>
        <v>5103.125</v>
      </c>
      <c r="JQZ53" s="7">
        <f t="shared" si="660"/>
        <v>5103.125</v>
      </c>
      <c r="JRA53" s="7">
        <f t="shared" si="660"/>
        <v>5103.125</v>
      </c>
      <c r="JRB53" s="7">
        <f t="shared" si="660"/>
        <v>5103.125</v>
      </c>
      <c r="JRC53" s="7">
        <f t="shared" si="660"/>
        <v>5103.125</v>
      </c>
      <c r="JRD53" s="7">
        <f t="shared" si="660"/>
        <v>5103.125</v>
      </c>
      <c r="JRE53" s="7">
        <f t="shared" si="660"/>
        <v>5103.125</v>
      </c>
      <c r="JRF53" s="7">
        <f t="shared" si="660"/>
        <v>5103.125</v>
      </c>
      <c r="JRG53" s="7">
        <f t="shared" si="660"/>
        <v>5103.125</v>
      </c>
      <c r="JRH53" s="7">
        <f t="shared" si="660"/>
        <v>5103.125</v>
      </c>
      <c r="JRI53" s="7">
        <f t="shared" si="660"/>
        <v>5103.125</v>
      </c>
      <c r="JRJ53" s="7">
        <f t="shared" si="660"/>
        <v>5103.125</v>
      </c>
      <c r="JRK53" s="7">
        <f t="shared" si="660"/>
        <v>5103.125</v>
      </c>
      <c r="JRL53" s="7">
        <f t="shared" si="660"/>
        <v>5103.125</v>
      </c>
      <c r="JRM53" s="7">
        <f t="shared" si="660"/>
        <v>5103.125</v>
      </c>
      <c r="JRN53" s="7">
        <f t="shared" ref="JRN53:JTY53" si="661">JRN48+JRM53</f>
        <v>5103.125</v>
      </c>
      <c r="JRO53" s="7">
        <f t="shared" si="661"/>
        <v>5103.125</v>
      </c>
      <c r="JRP53" s="7">
        <f t="shared" si="661"/>
        <v>5103.125</v>
      </c>
      <c r="JRQ53" s="7">
        <f t="shared" si="661"/>
        <v>5103.125</v>
      </c>
      <c r="JRR53" s="7">
        <f t="shared" si="661"/>
        <v>5103.125</v>
      </c>
      <c r="JRS53" s="7">
        <f t="shared" si="661"/>
        <v>5103.125</v>
      </c>
      <c r="JRT53" s="7">
        <f t="shared" si="661"/>
        <v>5103.125</v>
      </c>
      <c r="JRU53" s="7">
        <f t="shared" si="661"/>
        <v>5103.125</v>
      </c>
      <c r="JRV53" s="7">
        <f t="shared" si="661"/>
        <v>5103.125</v>
      </c>
      <c r="JRW53" s="7">
        <f t="shared" si="661"/>
        <v>5103.125</v>
      </c>
      <c r="JRX53" s="7">
        <f t="shared" si="661"/>
        <v>5103.125</v>
      </c>
      <c r="JRY53" s="7">
        <f t="shared" si="661"/>
        <v>5103.125</v>
      </c>
      <c r="JRZ53" s="7">
        <f t="shared" si="661"/>
        <v>5103.125</v>
      </c>
      <c r="JSA53" s="7">
        <f t="shared" si="661"/>
        <v>5103.125</v>
      </c>
      <c r="JSB53" s="7">
        <f t="shared" si="661"/>
        <v>5103.125</v>
      </c>
      <c r="JSC53" s="7">
        <f t="shared" si="661"/>
        <v>5103.125</v>
      </c>
      <c r="JSD53" s="7">
        <f t="shared" si="661"/>
        <v>5103.125</v>
      </c>
      <c r="JSE53" s="7">
        <f t="shared" si="661"/>
        <v>5103.125</v>
      </c>
      <c r="JSF53" s="7">
        <f t="shared" si="661"/>
        <v>5103.125</v>
      </c>
      <c r="JSG53" s="7">
        <f t="shared" si="661"/>
        <v>5103.125</v>
      </c>
      <c r="JSH53" s="7">
        <f t="shared" si="661"/>
        <v>5103.125</v>
      </c>
      <c r="JSI53" s="7">
        <f t="shared" si="661"/>
        <v>5103.125</v>
      </c>
      <c r="JSJ53" s="7">
        <f t="shared" si="661"/>
        <v>5103.125</v>
      </c>
      <c r="JSK53" s="7">
        <f t="shared" si="661"/>
        <v>5103.125</v>
      </c>
      <c r="JSL53" s="7">
        <f t="shared" si="661"/>
        <v>5103.125</v>
      </c>
      <c r="JSM53" s="7">
        <f t="shared" si="661"/>
        <v>5103.125</v>
      </c>
      <c r="JSN53" s="7">
        <f t="shared" si="661"/>
        <v>5103.125</v>
      </c>
      <c r="JSO53" s="7">
        <f t="shared" si="661"/>
        <v>5103.125</v>
      </c>
      <c r="JSP53" s="7">
        <f t="shared" si="661"/>
        <v>5103.125</v>
      </c>
      <c r="JSQ53" s="7">
        <f t="shared" si="661"/>
        <v>5103.125</v>
      </c>
      <c r="JSR53" s="7">
        <f t="shared" si="661"/>
        <v>5103.125</v>
      </c>
      <c r="JSS53" s="7">
        <f t="shared" si="661"/>
        <v>5103.125</v>
      </c>
      <c r="JST53" s="7">
        <f t="shared" si="661"/>
        <v>5103.125</v>
      </c>
      <c r="JSU53" s="7">
        <f t="shared" si="661"/>
        <v>5103.125</v>
      </c>
      <c r="JSV53" s="7">
        <f t="shared" si="661"/>
        <v>5103.125</v>
      </c>
      <c r="JSW53" s="7">
        <f t="shared" si="661"/>
        <v>5103.125</v>
      </c>
      <c r="JSX53" s="7">
        <f t="shared" si="661"/>
        <v>5103.125</v>
      </c>
      <c r="JSY53" s="7">
        <f t="shared" si="661"/>
        <v>5103.125</v>
      </c>
      <c r="JSZ53" s="7">
        <f t="shared" si="661"/>
        <v>5103.125</v>
      </c>
      <c r="JTA53" s="7">
        <f t="shared" si="661"/>
        <v>5103.125</v>
      </c>
      <c r="JTB53" s="7">
        <f t="shared" si="661"/>
        <v>5103.125</v>
      </c>
      <c r="JTC53" s="7">
        <f t="shared" si="661"/>
        <v>5103.125</v>
      </c>
      <c r="JTD53" s="7">
        <f t="shared" si="661"/>
        <v>5103.125</v>
      </c>
      <c r="JTE53" s="7">
        <f t="shared" si="661"/>
        <v>5103.125</v>
      </c>
      <c r="JTF53" s="7">
        <f t="shared" si="661"/>
        <v>5103.125</v>
      </c>
      <c r="JTG53" s="7">
        <f t="shared" si="661"/>
        <v>5103.125</v>
      </c>
      <c r="JTH53" s="7">
        <f t="shared" si="661"/>
        <v>5103.125</v>
      </c>
      <c r="JTI53" s="7">
        <f t="shared" si="661"/>
        <v>5103.125</v>
      </c>
      <c r="JTJ53" s="7">
        <f t="shared" si="661"/>
        <v>5103.125</v>
      </c>
      <c r="JTK53" s="7">
        <f t="shared" si="661"/>
        <v>5103.125</v>
      </c>
      <c r="JTL53" s="7">
        <f t="shared" si="661"/>
        <v>5103.125</v>
      </c>
      <c r="JTM53" s="7">
        <f t="shared" si="661"/>
        <v>5103.125</v>
      </c>
      <c r="JTN53" s="7">
        <f t="shared" si="661"/>
        <v>5103.125</v>
      </c>
      <c r="JTO53" s="7">
        <f t="shared" si="661"/>
        <v>5103.125</v>
      </c>
      <c r="JTP53" s="7">
        <f t="shared" si="661"/>
        <v>5103.125</v>
      </c>
      <c r="JTQ53" s="7">
        <f t="shared" si="661"/>
        <v>5103.125</v>
      </c>
      <c r="JTR53" s="7">
        <f t="shared" si="661"/>
        <v>5103.125</v>
      </c>
      <c r="JTS53" s="7">
        <f t="shared" si="661"/>
        <v>5103.125</v>
      </c>
      <c r="JTT53" s="7">
        <f t="shared" si="661"/>
        <v>5103.125</v>
      </c>
      <c r="JTU53" s="7">
        <f t="shared" si="661"/>
        <v>5103.125</v>
      </c>
      <c r="JTV53" s="7">
        <f t="shared" si="661"/>
        <v>5103.125</v>
      </c>
      <c r="JTW53" s="7">
        <f t="shared" si="661"/>
        <v>5103.125</v>
      </c>
      <c r="JTX53" s="7">
        <f t="shared" si="661"/>
        <v>5103.125</v>
      </c>
      <c r="JTY53" s="7">
        <f t="shared" si="661"/>
        <v>5103.125</v>
      </c>
      <c r="JTZ53" s="7">
        <f t="shared" ref="JTZ53:JWK53" si="662">JTZ48+JTY53</f>
        <v>5103.125</v>
      </c>
      <c r="JUA53" s="7">
        <f t="shared" si="662"/>
        <v>5103.125</v>
      </c>
      <c r="JUB53" s="7">
        <f t="shared" si="662"/>
        <v>5103.125</v>
      </c>
      <c r="JUC53" s="7">
        <f t="shared" si="662"/>
        <v>5103.125</v>
      </c>
      <c r="JUD53" s="7">
        <f t="shared" si="662"/>
        <v>5103.125</v>
      </c>
      <c r="JUE53" s="7">
        <f t="shared" si="662"/>
        <v>5103.125</v>
      </c>
      <c r="JUF53" s="7">
        <f t="shared" si="662"/>
        <v>5103.125</v>
      </c>
      <c r="JUG53" s="7">
        <f t="shared" si="662"/>
        <v>5103.125</v>
      </c>
      <c r="JUH53" s="7">
        <f t="shared" si="662"/>
        <v>5103.125</v>
      </c>
      <c r="JUI53" s="7">
        <f t="shared" si="662"/>
        <v>5103.125</v>
      </c>
      <c r="JUJ53" s="7">
        <f t="shared" si="662"/>
        <v>5103.125</v>
      </c>
      <c r="JUK53" s="7">
        <f t="shared" si="662"/>
        <v>5103.125</v>
      </c>
      <c r="JUL53" s="7">
        <f t="shared" si="662"/>
        <v>5103.125</v>
      </c>
      <c r="JUM53" s="7">
        <f t="shared" si="662"/>
        <v>5103.125</v>
      </c>
      <c r="JUN53" s="7">
        <f t="shared" si="662"/>
        <v>5103.125</v>
      </c>
      <c r="JUO53" s="7">
        <f t="shared" si="662"/>
        <v>5103.125</v>
      </c>
      <c r="JUP53" s="7">
        <f t="shared" si="662"/>
        <v>5103.125</v>
      </c>
      <c r="JUQ53" s="7">
        <f t="shared" si="662"/>
        <v>5103.125</v>
      </c>
      <c r="JUR53" s="7">
        <f t="shared" si="662"/>
        <v>5103.125</v>
      </c>
      <c r="JUS53" s="7">
        <f t="shared" si="662"/>
        <v>5103.125</v>
      </c>
      <c r="JUT53" s="7">
        <f t="shared" si="662"/>
        <v>5103.125</v>
      </c>
      <c r="JUU53" s="7">
        <f t="shared" si="662"/>
        <v>5103.125</v>
      </c>
      <c r="JUV53" s="7">
        <f t="shared" si="662"/>
        <v>5103.125</v>
      </c>
      <c r="JUW53" s="7">
        <f t="shared" si="662"/>
        <v>5103.125</v>
      </c>
      <c r="JUX53" s="7">
        <f t="shared" si="662"/>
        <v>5103.125</v>
      </c>
      <c r="JUY53" s="7">
        <f t="shared" si="662"/>
        <v>5103.125</v>
      </c>
      <c r="JUZ53" s="7">
        <f t="shared" si="662"/>
        <v>5103.125</v>
      </c>
      <c r="JVA53" s="7">
        <f t="shared" si="662"/>
        <v>5103.125</v>
      </c>
      <c r="JVB53" s="7">
        <f t="shared" si="662"/>
        <v>5103.125</v>
      </c>
      <c r="JVC53" s="7">
        <f t="shared" si="662"/>
        <v>5103.125</v>
      </c>
      <c r="JVD53" s="7">
        <f t="shared" si="662"/>
        <v>5103.125</v>
      </c>
      <c r="JVE53" s="7">
        <f t="shared" si="662"/>
        <v>5103.125</v>
      </c>
      <c r="JVF53" s="7">
        <f t="shared" si="662"/>
        <v>5103.125</v>
      </c>
      <c r="JVG53" s="7">
        <f t="shared" si="662"/>
        <v>5103.125</v>
      </c>
      <c r="JVH53" s="7">
        <f t="shared" si="662"/>
        <v>5103.125</v>
      </c>
      <c r="JVI53" s="7">
        <f t="shared" si="662"/>
        <v>5103.125</v>
      </c>
      <c r="JVJ53" s="7">
        <f t="shared" si="662"/>
        <v>5103.125</v>
      </c>
      <c r="JVK53" s="7">
        <f t="shared" si="662"/>
        <v>5103.125</v>
      </c>
      <c r="JVL53" s="7">
        <f t="shared" si="662"/>
        <v>5103.125</v>
      </c>
      <c r="JVM53" s="7">
        <f t="shared" si="662"/>
        <v>5103.125</v>
      </c>
      <c r="JVN53" s="7">
        <f t="shared" si="662"/>
        <v>5103.125</v>
      </c>
      <c r="JVO53" s="7">
        <f t="shared" si="662"/>
        <v>5103.125</v>
      </c>
      <c r="JVP53" s="7">
        <f t="shared" si="662"/>
        <v>5103.125</v>
      </c>
      <c r="JVQ53" s="7">
        <f t="shared" si="662"/>
        <v>5103.125</v>
      </c>
      <c r="JVR53" s="7">
        <f t="shared" si="662"/>
        <v>5103.125</v>
      </c>
      <c r="JVS53" s="7">
        <f t="shared" si="662"/>
        <v>5103.125</v>
      </c>
      <c r="JVT53" s="7">
        <f t="shared" si="662"/>
        <v>5103.125</v>
      </c>
      <c r="JVU53" s="7">
        <f t="shared" si="662"/>
        <v>5103.125</v>
      </c>
      <c r="JVV53" s="7">
        <f t="shared" si="662"/>
        <v>5103.125</v>
      </c>
      <c r="JVW53" s="7">
        <f t="shared" si="662"/>
        <v>5103.125</v>
      </c>
      <c r="JVX53" s="7">
        <f t="shared" si="662"/>
        <v>5103.125</v>
      </c>
      <c r="JVY53" s="7">
        <f t="shared" si="662"/>
        <v>5103.125</v>
      </c>
      <c r="JVZ53" s="7">
        <f t="shared" si="662"/>
        <v>5103.125</v>
      </c>
      <c r="JWA53" s="7">
        <f t="shared" si="662"/>
        <v>5103.125</v>
      </c>
      <c r="JWB53" s="7">
        <f t="shared" si="662"/>
        <v>5103.125</v>
      </c>
      <c r="JWC53" s="7">
        <f t="shared" si="662"/>
        <v>5103.125</v>
      </c>
      <c r="JWD53" s="7">
        <f t="shared" si="662"/>
        <v>5103.125</v>
      </c>
      <c r="JWE53" s="7">
        <f t="shared" si="662"/>
        <v>5103.125</v>
      </c>
      <c r="JWF53" s="7">
        <f t="shared" si="662"/>
        <v>5103.125</v>
      </c>
      <c r="JWG53" s="7">
        <f t="shared" si="662"/>
        <v>5103.125</v>
      </c>
      <c r="JWH53" s="7">
        <f t="shared" si="662"/>
        <v>5103.125</v>
      </c>
      <c r="JWI53" s="7">
        <f t="shared" si="662"/>
        <v>5103.125</v>
      </c>
      <c r="JWJ53" s="7">
        <f t="shared" si="662"/>
        <v>5103.125</v>
      </c>
      <c r="JWK53" s="7">
        <f t="shared" si="662"/>
        <v>5103.125</v>
      </c>
      <c r="JWL53" s="7">
        <f t="shared" ref="JWL53:JYW53" si="663">JWL48+JWK53</f>
        <v>5103.125</v>
      </c>
      <c r="JWM53" s="7">
        <f t="shared" si="663"/>
        <v>5103.125</v>
      </c>
      <c r="JWN53" s="7">
        <f t="shared" si="663"/>
        <v>5103.125</v>
      </c>
      <c r="JWO53" s="7">
        <f t="shared" si="663"/>
        <v>5103.125</v>
      </c>
      <c r="JWP53" s="7">
        <f t="shared" si="663"/>
        <v>5103.125</v>
      </c>
      <c r="JWQ53" s="7">
        <f t="shared" si="663"/>
        <v>5103.125</v>
      </c>
      <c r="JWR53" s="7">
        <f t="shared" si="663"/>
        <v>5103.125</v>
      </c>
      <c r="JWS53" s="7">
        <f t="shared" si="663"/>
        <v>5103.125</v>
      </c>
      <c r="JWT53" s="7">
        <f t="shared" si="663"/>
        <v>5103.125</v>
      </c>
      <c r="JWU53" s="7">
        <f t="shared" si="663"/>
        <v>5103.125</v>
      </c>
      <c r="JWV53" s="7">
        <f t="shared" si="663"/>
        <v>5103.125</v>
      </c>
      <c r="JWW53" s="7">
        <f t="shared" si="663"/>
        <v>5103.125</v>
      </c>
      <c r="JWX53" s="7">
        <f t="shared" si="663"/>
        <v>5103.125</v>
      </c>
      <c r="JWY53" s="7">
        <f t="shared" si="663"/>
        <v>5103.125</v>
      </c>
      <c r="JWZ53" s="7">
        <f t="shared" si="663"/>
        <v>5103.125</v>
      </c>
      <c r="JXA53" s="7">
        <f t="shared" si="663"/>
        <v>5103.125</v>
      </c>
      <c r="JXB53" s="7">
        <f t="shared" si="663"/>
        <v>5103.125</v>
      </c>
      <c r="JXC53" s="7">
        <f t="shared" si="663"/>
        <v>5103.125</v>
      </c>
      <c r="JXD53" s="7">
        <f t="shared" si="663"/>
        <v>5103.125</v>
      </c>
      <c r="JXE53" s="7">
        <f t="shared" si="663"/>
        <v>5103.125</v>
      </c>
      <c r="JXF53" s="7">
        <f t="shared" si="663"/>
        <v>5103.125</v>
      </c>
      <c r="JXG53" s="7">
        <f t="shared" si="663"/>
        <v>5103.125</v>
      </c>
      <c r="JXH53" s="7">
        <f t="shared" si="663"/>
        <v>5103.125</v>
      </c>
      <c r="JXI53" s="7">
        <f t="shared" si="663"/>
        <v>5103.125</v>
      </c>
      <c r="JXJ53" s="7">
        <f t="shared" si="663"/>
        <v>5103.125</v>
      </c>
      <c r="JXK53" s="7">
        <f t="shared" si="663"/>
        <v>5103.125</v>
      </c>
      <c r="JXL53" s="7">
        <f t="shared" si="663"/>
        <v>5103.125</v>
      </c>
      <c r="JXM53" s="7">
        <f t="shared" si="663"/>
        <v>5103.125</v>
      </c>
      <c r="JXN53" s="7">
        <f t="shared" si="663"/>
        <v>5103.125</v>
      </c>
      <c r="JXO53" s="7">
        <f t="shared" si="663"/>
        <v>5103.125</v>
      </c>
      <c r="JXP53" s="7">
        <f t="shared" si="663"/>
        <v>5103.125</v>
      </c>
      <c r="JXQ53" s="7">
        <f t="shared" si="663"/>
        <v>5103.125</v>
      </c>
      <c r="JXR53" s="7">
        <f t="shared" si="663"/>
        <v>5103.125</v>
      </c>
      <c r="JXS53" s="7">
        <f t="shared" si="663"/>
        <v>5103.125</v>
      </c>
      <c r="JXT53" s="7">
        <f t="shared" si="663"/>
        <v>5103.125</v>
      </c>
      <c r="JXU53" s="7">
        <f t="shared" si="663"/>
        <v>5103.125</v>
      </c>
      <c r="JXV53" s="7">
        <f t="shared" si="663"/>
        <v>5103.125</v>
      </c>
      <c r="JXW53" s="7">
        <f t="shared" si="663"/>
        <v>5103.125</v>
      </c>
      <c r="JXX53" s="7">
        <f t="shared" si="663"/>
        <v>5103.125</v>
      </c>
      <c r="JXY53" s="7">
        <f t="shared" si="663"/>
        <v>5103.125</v>
      </c>
      <c r="JXZ53" s="7">
        <f t="shared" si="663"/>
        <v>5103.125</v>
      </c>
      <c r="JYA53" s="7">
        <f t="shared" si="663"/>
        <v>5103.125</v>
      </c>
      <c r="JYB53" s="7">
        <f t="shared" si="663"/>
        <v>5103.125</v>
      </c>
      <c r="JYC53" s="7">
        <f t="shared" si="663"/>
        <v>5103.125</v>
      </c>
      <c r="JYD53" s="7">
        <f t="shared" si="663"/>
        <v>5103.125</v>
      </c>
      <c r="JYE53" s="7">
        <f t="shared" si="663"/>
        <v>5103.125</v>
      </c>
      <c r="JYF53" s="7">
        <f t="shared" si="663"/>
        <v>5103.125</v>
      </c>
      <c r="JYG53" s="7">
        <f t="shared" si="663"/>
        <v>5103.125</v>
      </c>
      <c r="JYH53" s="7">
        <f t="shared" si="663"/>
        <v>5103.125</v>
      </c>
      <c r="JYI53" s="7">
        <f t="shared" si="663"/>
        <v>5103.125</v>
      </c>
      <c r="JYJ53" s="7">
        <f t="shared" si="663"/>
        <v>5103.125</v>
      </c>
      <c r="JYK53" s="7">
        <f t="shared" si="663"/>
        <v>5103.125</v>
      </c>
      <c r="JYL53" s="7">
        <f t="shared" si="663"/>
        <v>5103.125</v>
      </c>
      <c r="JYM53" s="7">
        <f t="shared" si="663"/>
        <v>5103.125</v>
      </c>
      <c r="JYN53" s="7">
        <f t="shared" si="663"/>
        <v>5103.125</v>
      </c>
      <c r="JYO53" s="7">
        <f t="shared" si="663"/>
        <v>5103.125</v>
      </c>
      <c r="JYP53" s="7">
        <f t="shared" si="663"/>
        <v>5103.125</v>
      </c>
      <c r="JYQ53" s="7">
        <f t="shared" si="663"/>
        <v>5103.125</v>
      </c>
      <c r="JYR53" s="7">
        <f t="shared" si="663"/>
        <v>5103.125</v>
      </c>
      <c r="JYS53" s="7">
        <f t="shared" si="663"/>
        <v>5103.125</v>
      </c>
      <c r="JYT53" s="7">
        <f t="shared" si="663"/>
        <v>5103.125</v>
      </c>
      <c r="JYU53" s="7">
        <f t="shared" si="663"/>
        <v>5103.125</v>
      </c>
      <c r="JYV53" s="7">
        <f t="shared" si="663"/>
        <v>5103.125</v>
      </c>
      <c r="JYW53" s="7">
        <f t="shared" si="663"/>
        <v>5103.125</v>
      </c>
      <c r="JYX53" s="7">
        <f t="shared" ref="JYX53:KBI53" si="664">JYX48+JYW53</f>
        <v>5103.125</v>
      </c>
      <c r="JYY53" s="7">
        <f t="shared" si="664"/>
        <v>5103.125</v>
      </c>
      <c r="JYZ53" s="7">
        <f t="shared" si="664"/>
        <v>5103.125</v>
      </c>
      <c r="JZA53" s="7">
        <f t="shared" si="664"/>
        <v>5103.125</v>
      </c>
      <c r="JZB53" s="7">
        <f t="shared" si="664"/>
        <v>5103.125</v>
      </c>
      <c r="JZC53" s="7">
        <f t="shared" si="664"/>
        <v>5103.125</v>
      </c>
      <c r="JZD53" s="7">
        <f t="shared" si="664"/>
        <v>5103.125</v>
      </c>
      <c r="JZE53" s="7">
        <f t="shared" si="664"/>
        <v>5103.125</v>
      </c>
      <c r="JZF53" s="7">
        <f t="shared" si="664"/>
        <v>5103.125</v>
      </c>
      <c r="JZG53" s="7">
        <f t="shared" si="664"/>
        <v>5103.125</v>
      </c>
      <c r="JZH53" s="7">
        <f t="shared" si="664"/>
        <v>5103.125</v>
      </c>
      <c r="JZI53" s="7">
        <f t="shared" si="664"/>
        <v>5103.125</v>
      </c>
      <c r="JZJ53" s="7">
        <f t="shared" si="664"/>
        <v>5103.125</v>
      </c>
      <c r="JZK53" s="7">
        <f t="shared" si="664"/>
        <v>5103.125</v>
      </c>
      <c r="JZL53" s="7">
        <f t="shared" si="664"/>
        <v>5103.125</v>
      </c>
      <c r="JZM53" s="7">
        <f t="shared" si="664"/>
        <v>5103.125</v>
      </c>
      <c r="JZN53" s="7">
        <f t="shared" si="664"/>
        <v>5103.125</v>
      </c>
      <c r="JZO53" s="7">
        <f t="shared" si="664"/>
        <v>5103.125</v>
      </c>
      <c r="JZP53" s="7">
        <f t="shared" si="664"/>
        <v>5103.125</v>
      </c>
      <c r="JZQ53" s="7">
        <f t="shared" si="664"/>
        <v>5103.125</v>
      </c>
      <c r="JZR53" s="7">
        <f t="shared" si="664"/>
        <v>5103.125</v>
      </c>
      <c r="JZS53" s="7">
        <f t="shared" si="664"/>
        <v>5103.125</v>
      </c>
      <c r="JZT53" s="7">
        <f t="shared" si="664"/>
        <v>5103.125</v>
      </c>
      <c r="JZU53" s="7">
        <f t="shared" si="664"/>
        <v>5103.125</v>
      </c>
      <c r="JZV53" s="7">
        <f t="shared" si="664"/>
        <v>5103.125</v>
      </c>
      <c r="JZW53" s="7">
        <f t="shared" si="664"/>
        <v>5103.125</v>
      </c>
      <c r="JZX53" s="7">
        <f t="shared" si="664"/>
        <v>5103.125</v>
      </c>
      <c r="JZY53" s="7">
        <f t="shared" si="664"/>
        <v>5103.125</v>
      </c>
      <c r="JZZ53" s="7">
        <f t="shared" si="664"/>
        <v>5103.125</v>
      </c>
      <c r="KAA53" s="7">
        <f t="shared" si="664"/>
        <v>5103.125</v>
      </c>
      <c r="KAB53" s="7">
        <f t="shared" si="664"/>
        <v>5103.125</v>
      </c>
      <c r="KAC53" s="7">
        <f t="shared" si="664"/>
        <v>5103.125</v>
      </c>
      <c r="KAD53" s="7">
        <f t="shared" si="664"/>
        <v>5103.125</v>
      </c>
      <c r="KAE53" s="7">
        <f t="shared" si="664"/>
        <v>5103.125</v>
      </c>
      <c r="KAF53" s="7">
        <f t="shared" si="664"/>
        <v>5103.125</v>
      </c>
      <c r="KAG53" s="7">
        <f t="shared" si="664"/>
        <v>5103.125</v>
      </c>
      <c r="KAH53" s="7">
        <f t="shared" si="664"/>
        <v>5103.125</v>
      </c>
      <c r="KAI53" s="7">
        <f t="shared" si="664"/>
        <v>5103.125</v>
      </c>
      <c r="KAJ53" s="7">
        <f t="shared" si="664"/>
        <v>5103.125</v>
      </c>
      <c r="KAK53" s="7">
        <f t="shared" si="664"/>
        <v>5103.125</v>
      </c>
      <c r="KAL53" s="7">
        <f t="shared" si="664"/>
        <v>5103.125</v>
      </c>
      <c r="KAM53" s="7">
        <f t="shared" si="664"/>
        <v>5103.125</v>
      </c>
      <c r="KAN53" s="7">
        <f t="shared" si="664"/>
        <v>5103.125</v>
      </c>
      <c r="KAO53" s="7">
        <f t="shared" si="664"/>
        <v>5103.125</v>
      </c>
      <c r="KAP53" s="7">
        <f t="shared" si="664"/>
        <v>5103.125</v>
      </c>
      <c r="KAQ53" s="7">
        <f t="shared" si="664"/>
        <v>5103.125</v>
      </c>
      <c r="KAR53" s="7">
        <f t="shared" si="664"/>
        <v>5103.125</v>
      </c>
      <c r="KAS53" s="7">
        <f t="shared" si="664"/>
        <v>5103.125</v>
      </c>
      <c r="KAT53" s="7">
        <f t="shared" si="664"/>
        <v>5103.125</v>
      </c>
      <c r="KAU53" s="7">
        <f t="shared" si="664"/>
        <v>5103.125</v>
      </c>
      <c r="KAV53" s="7">
        <f t="shared" si="664"/>
        <v>5103.125</v>
      </c>
      <c r="KAW53" s="7">
        <f t="shared" si="664"/>
        <v>5103.125</v>
      </c>
      <c r="KAX53" s="7">
        <f t="shared" si="664"/>
        <v>5103.125</v>
      </c>
      <c r="KAY53" s="7">
        <f t="shared" si="664"/>
        <v>5103.125</v>
      </c>
      <c r="KAZ53" s="7">
        <f t="shared" si="664"/>
        <v>5103.125</v>
      </c>
      <c r="KBA53" s="7">
        <f t="shared" si="664"/>
        <v>5103.125</v>
      </c>
      <c r="KBB53" s="7">
        <f t="shared" si="664"/>
        <v>5103.125</v>
      </c>
      <c r="KBC53" s="7">
        <f t="shared" si="664"/>
        <v>5103.125</v>
      </c>
      <c r="KBD53" s="7">
        <f t="shared" si="664"/>
        <v>5103.125</v>
      </c>
      <c r="KBE53" s="7">
        <f t="shared" si="664"/>
        <v>5103.125</v>
      </c>
      <c r="KBF53" s="7">
        <f t="shared" si="664"/>
        <v>5103.125</v>
      </c>
      <c r="KBG53" s="7">
        <f t="shared" si="664"/>
        <v>5103.125</v>
      </c>
      <c r="KBH53" s="7">
        <f t="shared" si="664"/>
        <v>5103.125</v>
      </c>
      <c r="KBI53" s="7">
        <f t="shared" si="664"/>
        <v>5103.125</v>
      </c>
      <c r="KBJ53" s="7">
        <f t="shared" ref="KBJ53:KDU53" si="665">KBJ48+KBI53</f>
        <v>5103.125</v>
      </c>
      <c r="KBK53" s="7">
        <f t="shared" si="665"/>
        <v>5103.125</v>
      </c>
      <c r="KBL53" s="7">
        <f t="shared" si="665"/>
        <v>5103.125</v>
      </c>
      <c r="KBM53" s="7">
        <f t="shared" si="665"/>
        <v>5103.125</v>
      </c>
      <c r="KBN53" s="7">
        <f t="shared" si="665"/>
        <v>5103.125</v>
      </c>
      <c r="KBO53" s="7">
        <f t="shared" si="665"/>
        <v>5103.125</v>
      </c>
      <c r="KBP53" s="7">
        <f t="shared" si="665"/>
        <v>5103.125</v>
      </c>
      <c r="KBQ53" s="7">
        <f t="shared" si="665"/>
        <v>5103.125</v>
      </c>
      <c r="KBR53" s="7">
        <f t="shared" si="665"/>
        <v>5103.125</v>
      </c>
      <c r="KBS53" s="7">
        <f t="shared" si="665"/>
        <v>5103.125</v>
      </c>
      <c r="KBT53" s="7">
        <f t="shared" si="665"/>
        <v>5103.125</v>
      </c>
      <c r="KBU53" s="7">
        <f t="shared" si="665"/>
        <v>5103.125</v>
      </c>
      <c r="KBV53" s="7">
        <f t="shared" si="665"/>
        <v>5103.125</v>
      </c>
      <c r="KBW53" s="7">
        <f t="shared" si="665"/>
        <v>5103.125</v>
      </c>
      <c r="KBX53" s="7">
        <f t="shared" si="665"/>
        <v>5103.125</v>
      </c>
      <c r="KBY53" s="7">
        <f t="shared" si="665"/>
        <v>5103.125</v>
      </c>
      <c r="KBZ53" s="7">
        <f t="shared" si="665"/>
        <v>5103.125</v>
      </c>
      <c r="KCA53" s="7">
        <f t="shared" si="665"/>
        <v>5103.125</v>
      </c>
      <c r="KCB53" s="7">
        <f t="shared" si="665"/>
        <v>5103.125</v>
      </c>
      <c r="KCC53" s="7">
        <f t="shared" si="665"/>
        <v>5103.125</v>
      </c>
      <c r="KCD53" s="7">
        <f t="shared" si="665"/>
        <v>5103.125</v>
      </c>
      <c r="KCE53" s="7">
        <f t="shared" si="665"/>
        <v>5103.125</v>
      </c>
      <c r="KCF53" s="7">
        <f t="shared" si="665"/>
        <v>5103.125</v>
      </c>
      <c r="KCG53" s="7">
        <f t="shared" si="665"/>
        <v>5103.125</v>
      </c>
      <c r="KCH53" s="7">
        <f t="shared" si="665"/>
        <v>5103.125</v>
      </c>
      <c r="KCI53" s="7">
        <f t="shared" si="665"/>
        <v>5103.125</v>
      </c>
      <c r="KCJ53" s="7">
        <f t="shared" si="665"/>
        <v>5103.125</v>
      </c>
      <c r="KCK53" s="7">
        <f t="shared" si="665"/>
        <v>5103.125</v>
      </c>
      <c r="KCL53" s="7">
        <f t="shared" si="665"/>
        <v>5103.125</v>
      </c>
      <c r="KCM53" s="7">
        <f t="shared" si="665"/>
        <v>5103.125</v>
      </c>
      <c r="KCN53" s="7">
        <f t="shared" si="665"/>
        <v>5103.125</v>
      </c>
      <c r="KCO53" s="7">
        <f t="shared" si="665"/>
        <v>5103.125</v>
      </c>
      <c r="KCP53" s="7">
        <f t="shared" si="665"/>
        <v>5103.125</v>
      </c>
      <c r="KCQ53" s="7">
        <f t="shared" si="665"/>
        <v>5103.125</v>
      </c>
      <c r="KCR53" s="7">
        <f t="shared" si="665"/>
        <v>5103.125</v>
      </c>
      <c r="KCS53" s="7">
        <f t="shared" si="665"/>
        <v>5103.125</v>
      </c>
      <c r="KCT53" s="7">
        <f t="shared" si="665"/>
        <v>5103.125</v>
      </c>
      <c r="KCU53" s="7">
        <f t="shared" si="665"/>
        <v>5103.125</v>
      </c>
      <c r="KCV53" s="7">
        <f t="shared" si="665"/>
        <v>5103.125</v>
      </c>
      <c r="KCW53" s="7">
        <f t="shared" si="665"/>
        <v>5103.125</v>
      </c>
      <c r="KCX53" s="7">
        <f t="shared" si="665"/>
        <v>5103.125</v>
      </c>
      <c r="KCY53" s="7">
        <f t="shared" si="665"/>
        <v>5103.125</v>
      </c>
      <c r="KCZ53" s="7">
        <f t="shared" si="665"/>
        <v>5103.125</v>
      </c>
      <c r="KDA53" s="7">
        <f t="shared" si="665"/>
        <v>5103.125</v>
      </c>
      <c r="KDB53" s="7">
        <f t="shared" si="665"/>
        <v>5103.125</v>
      </c>
      <c r="KDC53" s="7">
        <f t="shared" si="665"/>
        <v>5103.125</v>
      </c>
      <c r="KDD53" s="7">
        <f t="shared" si="665"/>
        <v>5103.125</v>
      </c>
      <c r="KDE53" s="7">
        <f t="shared" si="665"/>
        <v>5103.125</v>
      </c>
      <c r="KDF53" s="7">
        <f t="shared" si="665"/>
        <v>5103.125</v>
      </c>
      <c r="KDG53" s="7">
        <f t="shared" si="665"/>
        <v>5103.125</v>
      </c>
      <c r="KDH53" s="7">
        <f t="shared" si="665"/>
        <v>5103.125</v>
      </c>
      <c r="KDI53" s="7">
        <f t="shared" si="665"/>
        <v>5103.125</v>
      </c>
      <c r="KDJ53" s="7">
        <f t="shared" si="665"/>
        <v>5103.125</v>
      </c>
      <c r="KDK53" s="7">
        <f t="shared" si="665"/>
        <v>5103.125</v>
      </c>
      <c r="KDL53" s="7">
        <f t="shared" si="665"/>
        <v>5103.125</v>
      </c>
      <c r="KDM53" s="7">
        <f t="shared" si="665"/>
        <v>5103.125</v>
      </c>
      <c r="KDN53" s="7">
        <f t="shared" si="665"/>
        <v>5103.125</v>
      </c>
      <c r="KDO53" s="7">
        <f t="shared" si="665"/>
        <v>5103.125</v>
      </c>
      <c r="KDP53" s="7">
        <f t="shared" si="665"/>
        <v>5103.125</v>
      </c>
      <c r="KDQ53" s="7">
        <f t="shared" si="665"/>
        <v>5103.125</v>
      </c>
      <c r="KDR53" s="7">
        <f t="shared" si="665"/>
        <v>5103.125</v>
      </c>
      <c r="KDS53" s="7">
        <f t="shared" si="665"/>
        <v>5103.125</v>
      </c>
      <c r="KDT53" s="7">
        <f t="shared" si="665"/>
        <v>5103.125</v>
      </c>
      <c r="KDU53" s="7">
        <f t="shared" si="665"/>
        <v>5103.125</v>
      </c>
      <c r="KDV53" s="7">
        <f t="shared" ref="KDV53:KGG53" si="666">KDV48+KDU53</f>
        <v>5103.125</v>
      </c>
      <c r="KDW53" s="7">
        <f t="shared" si="666"/>
        <v>5103.125</v>
      </c>
      <c r="KDX53" s="7">
        <f t="shared" si="666"/>
        <v>5103.125</v>
      </c>
      <c r="KDY53" s="7">
        <f t="shared" si="666"/>
        <v>5103.125</v>
      </c>
      <c r="KDZ53" s="7">
        <f t="shared" si="666"/>
        <v>5103.125</v>
      </c>
      <c r="KEA53" s="7">
        <f t="shared" si="666"/>
        <v>5103.125</v>
      </c>
      <c r="KEB53" s="7">
        <f t="shared" si="666"/>
        <v>5103.125</v>
      </c>
      <c r="KEC53" s="7">
        <f t="shared" si="666"/>
        <v>5103.125</v>
      </c>
      <c r="KED53" s="7">
        <f t="shared" si="666"/>
        <v>5103.125</v>
      </c>
      <c r="KEE53" s="7">
        <f t="shared" si="666"/>
        <v>5103.125</v>
      </c>
      <c r="KEF53" s="7">
        <f t="shared" si="666"/>
        <v>5103.125</v>
      </c>
      <c r="KEG53" s="7">
        <f t="shared" si="666"/>
        <v>5103.125</v>
      </c>
      <c r="KEH53" s="7">
        <f t="shared" si="666"/>
        <v>5103.125</v>
      </c>
      <c r="KEI53" s="7">
        <f t="shared" si="666"/>
        <v>5103.125</v>
      </c>
      <c r="KEJ53" s="7">
        <f t="shared" si="666"/>
        <v>5103.125</v>
      </c>
      <c r="KEK53" s="7">
        <f t="shared" si="666"/>
        <v>5103.125</v>
      </c>
      <c r="KEL53" s="7">
        <f t="shared" si="666"/>
        <v>5103.125</v>
      </c>
      <c r="KEM53" s="7">
        <f t="shared" si="666"/>
        <v>5103.125</v>
      </c>
      <c r="KEN53" s="7">
        <f t="shared" si="666"/>
        <v>5103.125</v>
      </c>
      <c r="KEO53" s="7">
        <f t="shared" si="666"/>
        <v>5103.125</v>
      </c>
      <c r="KEP53" s="7">
        <f t="shared" si="666"/>
        <v>5103.125</v>
      </c>
      <c r="KEQ53" s="7">
        <f t="shared" si="666"/>
        <v>5103.125</v>
      </c>
      <c r="KER53" s="7">
        <f t="shared" si="666"/>
        <v>5103.125</v>
      </c>
      <c r="KES53" s="7">
        <f t="shared" si="666"/>
        <v>5103.125</v>
      </c>
      <c r="KET53" s="7">
        <f t="shared" si="666"/>
        <v>5103.125</v>
      </c>
      <c r="KEU53" s="7">
        <f t="shared" si="666"/>
        <v>5103.125</v>
      </c>
      <c r="KEV53" s="7">
        <f t="shared" si="666"/>
        <v>5103.125</v>
      </c>
      <c r="KEW53" s="7">
        <f t="shared" si="666"/>
        <v>5103.125</v>
      </c>
      <c r="KEX53" s="7">
        <f t="shared" si="666"/>
        <v>5103.125</v>
      </c>
      <c r="KEY53" s="7">
        <f t="shared" si="666"/>
        <v>5103.125</v>
      </c>
      <c r="KEZ53" s="7">
        <f t="shared" si="666"/>
        <v>5103.125</v>
      </c>
      <c r="KFA53" s="7">
        <f t="shared" si="666"/>
        <v>5103.125</v>
      </c>
      <c r="KFB53" s="7">
        <f t="shared" si="666"/>
        <v>5103.125</v>
      </c>
      <c r="KFC53" s="7">
        <f t="shared" si="666"/>
        <v>5103.125</v>
      </c>
      <c r="KFD53" s="7">
        <f t="shared" si="666"/>
        <v>5103.125</v>
      </c>
      <c r="KFE53" s="7">
        <f t="shared" si="666"/>
        <v>5103.125</v>
      </c>
      <c r="KFF53" s="7">
        <f t="shared" si="666"/>
        <v>5103.125</v>
      </c>
      <c r="KFG53" s="7">
        <f t="shared" si="666"/>
        <v>5103.125</v>
      </c>
      <c r="KFH53" s="7">
        <f t="shared" si="666"/>
        <v>5103.125</v>
      </c>
      <c r="KFI53" s="7">
        <f t="shared" si="666"/>
        <v>5103.125</v>
      </c>
      <c r="KFJ53" s="7">
        <f t="shared" si="666"/>
        <v>5103.125</v>
      </c>
      <c r="KFK53" s="7">
        <f t="shared" si="666"/>
        <v>5103.125</v>
      </c>
      <c r="KFL53" s="7">
        <f t="shared" si="666"/>
        <v>5103.125</v>
      </c>
      <c r="KFM53" s="7">
        <f t="shared" si="666"/>
        <v>5103.125</v>
      </c>
      <c r="KFN53" s="7">
        <f t="shared" si="666"/>
        <v>5103.125</v>
      </c>
      <c r="KFO53" s="7">
        <f t="shared" si="666"/>
        <v>5103.125</v>
      </c>
      <c r="KFP53" s="7">
        <f t="shared" si="666"/>
        <v>5103.125</v>
      </c>
      <c r="KFQ53" s="7">
        <f t="shared" si="666"/>
        <v>5103.125</v>
      </c>
      <c r="KFR53" s="7">
        <f t="shared" si="666"/>
        <v>5103.125</v>
      </c>
      <c r="KFS53" s="7">
        <f t="shared" si="666"/>
        <v>5103.125</v>
      </c>
      <c r="KFT53" s="7">
        <f t="shared" si="666"/>
        <v>5103.125</v>
      </c>
      <c r="KFU53" s="7">
        <f t="shared" si="666"/>
        <v>5103.125</v>
      </c>
      <c r="KFV53" s="7">
        <f t="shared" si="666"/>
        <v>5103.125</v>
      </c>
      <c r="KFW53" s="7">
        <f t="shared" si="666"/>
        <v>5103.125</v>
      </c>
      <c r="KFX53" s="7">
        <f t="shared" si="666"/>
        <v>5103.125</v>
      </c>
      <c r="KFY53" s="7">
        <f t="shared" si="666"/>
        <v>5103.125</v>
      </c>
      <c r="KFZ53" s="7">
        <f t="shared" si="666"/>
        <v>5103.125</v>
      </c>
      <c r="KGA53" s="7">
        <f t="shared" si="666"/>
        <v>5103.125</v>
      </c>
      <c r="KGB53" s="7">
        <f t="shared" si="666"/>
        <v>5103.125</v>
      </c>
      <c r="KGC53" s="7">
        <f t="shared" si="666"/>
        <v>5103.125</v>
      </c>
      <c r="KGD53" s="7">
        <f t="shared" si="666"/>
        <v>5103.125</v>
      </c>
      <c r="KGE53" s="7">
        <f t="shared" si="666"/>
        <v>5103.125</v>
      </c>
      <c r="KGF53" s="7">
        <f t="shared" si="666"/>
        <v>5103.125</v>
      </c>
      <c r="KGG53" s="7">
        <f t="shared" si="666"/>
        <v>5103.125</v>
      </c>
      <c r="KGH53" s="7">
        <f t="shared" ref="KGH53:KIS53" si="667">KGH48+KGG53</f>
        <v>5103.125</v>
      </c>
      <c r="KGI53" s="7">
        <f t="shared" si="667"/>
        <v>5103.125</v>
      </c>
      <c r="KGJ53" s="7">
        <f t="shared" si="667"/>
        <v>5103.125</v>
      </c>
      <c r="KGK53" s="7">
        <f t="shared" si="667"/>
        <v>5103.125</v>
      </c>
      <c r="KGL53" s="7">
        <f t="shared" si="667"/>
        <v>5103.125</v>
      </c>
      <c r="KGM53" s="7">
        <f t="shared" si="667"/>
        <v>5103.125</v>
      </c>
      <c r="KGN53" s="7">
        <f t="shared" si="667"/>
        <v>5103.125</v>
      </c>
      <c r="KGO53" s="7">
        <f t="shared" si="667"/>
        <v>5103.125</v>
      </c>
      <c r="KGP53" s="7">
        <f t="shared" si="667"/>
        <v>5103.125</v>
      </c>
      <c r="KGQ53" s="7">
        <f t="shared" si="667"/>
        <v>5103.125</v>
      </c>
      <c r="KGR53" s="7">
        <f t="shared" si="667"/>
        <v>5103.125</v>
      </c>
      <c r="KGS53" s="7">
        <f t="shared" si="667"/>
        <v>5103.125</v>
      </c>
      <c r="KGT53" s="7">
        <f t="shared" si="667"/>
        <v>5103.125</v>
      </c>
      <c r="KGU53" s="7">
        <f t="shared" si="667"/>
        <v>5103.125</v>
      </c>
      <c r="KGV53" s="7">
        <f t="shared" si="667"/>
        <v>5103.125</v>
      </c>
      <c r="KGW53" s="7">
        <f t="shared" si="667"/>
        <v>5103.125</v>
      </c>
      <c r="KGX53" s="7">
        <f t="shared" si="667"/>
        <v>5103.125</v>
      </c>
      <c r="KGY53" s="7">
        <f t="shared" si="667"/>
        <v>5103.125</v>
      </c>
      <c r="KGZ53" s="7">
        <f t="shared" si="667"/>
        <v>5103.125</v>
      </c>
      <c r="KHA53" s="7">
        <f t="shared" si="667"/>
        <v>5103.125</v>
      </c>
      <c r="KHB53" s="7">
        <f t="shared" si="667"/>
        <v>5103.125</v>
      </c>
      <c r="KHC53" s="7">
        <f t="shared" si="667"/>
        <v>5103.125</v>
      </c>
      <c r="KHD53" s="7">
        <f t="shared" si="667"/>
        <v>5103.125</v>
      </c>
      <c r="KHE53" s="7">
        <f t="shared" si="667"/>
        <v>5103.125</v>
      </c>
      <c r="KHF53" s="7">
        <f t="shared" si="667"/>
        <v>5103.125</v>
      </c>
      <c r="KHG53" s="7">
        <f t="shared" si="667"/>
        <v>5103.125</v>
      </c>
      <c r="KHH53" s="7">
        <f t="shared" si="667"/>
        <v>5103.125</v>
      </c>
      <c r="KHI53" s="7">
        <f t="shared" si="667"/>
        <v>5103.125</v>
      </c>
      <c r="KHJ53" s="7">
        <f t="shared" si="667"/>
        <v>5103.125</v>
      </c>
      <c r="KHK53" s="7">
        <f t="shared" si="667"/>
        <v>5103.125</v>
      </c>
      <c r="KHL53" s="7">
        <f t="shared" si="667"/>
        <v>5103.125</v>
      </c>
      <c r="KHM53" s="7">
        <f t="shared" si="667"/>
        <v>5103.125</v>
      </c>
      <c r="KHN53" s="7">
        <f t="shared" si="667"/>
        <v>5103.125</v>
      </c>
      <c r="KHO53" s="7">
        <f t="shared" si="667"/>
        <v>5103.125</v>
      </c>
      <c r="KHP53" s="7">
        <f t="shared" si="667"/>
        <v>5103.125</v>
      </c>
      <c r="KHQ53" s="7">
        <f t="shared" si="667"/>
        <v>5103.125</v>
      </c>
      <c r="KHR53" s="7">
        <f t="shared" si="667"/>
        <v>5103.125</v>
      </c>
      <c r="KHS53" s="7">
        <f t="shared" si="667"/>
        <v>5103.125</v>
      </c>
      <c r="KHT53" s="7">
        <f t="shared" si="667"/>
        <v>5103.125</v>
      </c>
      <c r="KHU53" s="7">
        <f t="shared" si="667"/>
        <v>5103.125</v>
      </c>
      <c r="KHV53" s="7">
        <f t="shared" si="667"/>
        <v>5103.125</v>
      </c>
      <c r="KHW53" s="7">
        <f t="shared" si="667"/>
        <v>5103.125</v>
      </c>
      <c r="KHX53" s="7">
        <f t="shared" si="667"/>
        <v>5103.125</v>
      </c>
      <c r="KHY53" s="7">
        <f t="shared" si="667"/>
        <v>5103.125</v>
      </c>
      <c r="KHZ53" s="7">
        <f t="shared" si="667"/>
        <v>5103.125</v>
      </c>
      <c r="KIA53" s="7">
        <f t="shared" si="667"/>
        <v>5103.125</v>
      </c>
      <c r="KIB53" s="7">
        <f t="shared" si="667"/>
        <v>5103.125</v>
      </c>
      <c r="KIC53" s="7">
        <f t="shared" si="667"/>
        <v>5103.125</v>
      </c>
      <c r="KID53" s="7">
        <f t="shared" si="667"/>
        <v>5103.125</v>
      </c>
      <c r="KIE53" s="7">
        <f t="shared" si="667"/>
        <v>5103.125</v>
      </c>
      <c r="KIF53" s="7">
        <f t="shared" si="667"/>
        <v>5103.125</v>
      </c>
      <c r="KIG53" s="7">
        <f t="shared" si="667"/>
        <v>5103.125</v>
      </c>
      <c r="KIH53" s="7">
        <f t="shared" si="667"/>
        <v>5103.125</v>
      </c>
      <c r="KII53" s="7">
        <f t="shared" si="667"/>
        <v>5103.125</v>
      </c>
      <c r="KIJ53" s="7">
        <f t="shared" si="667"/>
        <v>5103.125</v>
      </c>
      <c r="KIK53" s="7">
        <f t="shared" si="667"/>
        <v>5103.125</v>
      </c>
      <c r="KIL53" s="7">
        <f t="shared" si="667"/>
        <v>5103.125</v>
      </c>
      <c r="KIM53" s="7">
        <f t="shared" si="667"/>
        <v>5103.125</v>
      </c>
      <c r="KIN53" s="7">
        <f t="shared" si="667"/>
        <v>5103.125</v>
      </c>
      <c r="KIO53" s="7">
        <f t="shared" si="667"/>
        <v>5103.125</v>
      </c>
      <c r="KIP53" s="7">
        <f t="shared" si="667"/>
        <v>5103.125</v>
      </c>
      <c r="KIQ53" s="7">
        <f t="shared" si="667"/>
        <v>5103.125</v>
      </c>
      <c r="KIR53" s="7">
        <f t="shared" si="667"/>
        <v>5103.125</v>
      </c>
      <c r="KIS53" s="7">
        <f t="shared" si="667"/>
        <v>5103.125</v>
      </c>
      <c r="KIT53" s="7">
        <f t="shared" ref="KIT53:KLE53" si="668">KIT48+KIS53</f>
        <v>5103.125</v>
      </c>
      <c r="KIU53" s="7">
        <f t="shared" si="668"/>
        <v>5103.125</v>
      </c>
      <c r="KIV53" s="7">
        <f t="shared" si="668"/>
        <v>5103.125</v>
      </c>
      <c r="KIW53" s="7">
        <f t="shared" si="668"/>
        <v>5103.125</v>
      </c>
      <c r="KIX53" s="7">
        <f t="shared" si="668"/>
        <v>5103.125</v>
      </c>
      <c r="KIY53" s="7">
        <f t="shared" si="668"/>
        <v>5103.125</v>
      </c>
      <c r="KIZ53" s="7">
        <f t="shared" si="668"/>
        <v>5103.125</v>
      </c>
      <c r="KJA53" s="7">
        <f t="shared" si="668"/>
        <v>5103.125</v>
      </c>
      <c r="KJB53" s="7">
        <f t="shared" si="668"/>
        <v>5103.125</v>
      </c>
      <c r="KJC53" s="7">
        <f t="shared" si="668"/>
        <v>5103.125</v>
      </c>
      <c r="KJD53" s="7">
        <f t="shared" si="668"/>
        <v>5103.125</v>
      </c>
      <c r="KJE53" s="7">
        <f t="shared" si="668"/>
        <v>5103.125</v>
      </c>
      <c r="KJF53" s="7">
        <f t="shared" si="668"/>
        <v>5103.125</v>
      </c>
      <c r="KJG53" s="7">
        <f t="shared" si="668"/>
        <v>5103.125</v>
      </c>
      <c r="KJH53" s="7">
        <f t="shared" si="668"/>
        <v>5103.125</v>
      </c>
      <c r="KJI53" s="7">
        <f t="shared" si="668"/>
        <v>5103.125</v>
      </c>
      <c r="KJJ53" s="7">
        <f t="shared" si="668"/>
        <v>5103.125</v>
      </c>
      <c r="KJK53" s="7">
        <f t="shared" si="668"/>
        <v>5103.125</v>
      </c>
      <c r="KJL53" s="7">
        <f t="shared" si="668"/>
        <v>5103.125</v>
      </c>
      <c r="KJM53" s="7">
        <f t="shared" si="668"/>
        <v>5103.125</v>
      </c>
      <c r="KJN53" s="7">
        <f t="shared" si="668"/>
        <v>5103.125</v>
      </c>
      <c r="KJO53" s="7">
        <f t="shared" si="668"/>
        <v>5103.125</v>
      </c>
      <c r="KJP53" s="7">
        <f t="shared" si="668"/>
        <v>5103.125</v>
      </c>
      <c r="KJQ53" s="7">
        <f t="shared" si="668"/>
        <v>5103.125</v>
      </c>
      <c r="KJR53" s="7">
        <f t="shared" si="668"/>
        <v>5103.125</v>
      </c>
      <c r="KJS53" s="7">
        <f t="shared" si="668"/>
        <v>5103.125</v>
      </c>
      <c r="KJT53" s="7">
        <f t="shared" si="668"/>
        <v>5103.125</v>
      </c>
      <c r="KJU53" s="7">
        <f t="shared" si="668"/>
        <v>5103.125</v>
      </c>
      <c r="KJV53" s="7">
        <f t="shared" si="668"/>
        <v>5103.125</v>
      </c>
      <c r="KJW53" s="7">
        <f t="shared" si="668"/>
        <v>5103.125</v>
      </c>
      <c r="KJX53" s="7">
        <f t="shared" si="668"/>
        <v>5103.125</v>
      </c>
      <c r="KJY53" s="7">
        <f t="shared" si="668"/>
        <v>5103.125</v>
      </c>
      <c r="KJZ53" s="7">
        <f t="shared" si="668"/>
        <v>5103.125</v>
      </c>
      <c r="KKA53" s="7">
        <f t="shared" si="668"/>
        <v>5103.125</v>
      </c>
      <c r="KKB53" s="7">
        <f t="shared" si="668"/>
        <v>5103.125</v>
      </c>
      <c r="KKC53" s="7">
        <f t="shared" si="668"/>
        <v>5103.125</v>
      </c>
      <c r="KKD53" s="7">
        <f t="shared" si="668"/>
        <v>5103.125</v>
      </c>
      <c r="KKE53" s="7">
        <f t="shared" si="668"/>
        <v>5103.125</v>
      </c>
      <c r="KKF53" s="7">
        <f t="shared" si="668"/>
        <v>5103.125</v>
      </c>
      <c r="KKG53" s="7">
        <f t="shared" si="668"/>
        <v>5103.125</v>
      </c>
      <c r="KKH53" s="7">
        <f t="shared" si="668"/>
        <v>5103.125</v>
      </c>
      <c r="KKI53" s="7">
        <f t="shared" si="668"/>
        <v>5103.125</v>
      </c>
      <c r="KKJ53" s="7">
        <f t="shared" si="668"/>
        <v>5103.125</v>
      </c>
      <c r="KKK53" s="7">
        <f t="shared" si="668"/>
        <v>5103.125</v>
      </c>
      <c r="KKL53" s="7">
        <f t="shared" si="668"/>
        <v>5103.125</v>
      </c>
      <c r="KKM53" s="7">
        <f t="shared" si="668"/>
        <v>5103.125</v>
      </c>
      <c r="KKN53" s="7">
        <f t="shared" si="668"/>
        <v>5103.125</v>
      </c>
      <c r="KKO53" s="7">
        <f t="shared" si="668"/>
        <v>5103.125</v>
      </c>
      <c r="KKP53" s="7">
        <f t="shared" si="668"/>
        <v>5103.125</v>
      </c>
      <c r="KKQ53" s="7">
        <f t="shared" si="668"/>
        <v>5103.125</v>
      </c>
      <c r="KKR53" s="7">
        <f t="shared" si="668"/>
        <v>5103.125</v>
      </c>
      <c r="KKS53" s="7">
        <f t="shared" si="668"/>
        <v>5103.125</v>
      </c>
      <c r="KKT53" s="7">
        <f t="shared" si="668"/>
        <v>5103.125</v>
      </c>
      <c r="KKU53" s="7">
        <f t="shared" si="668"/>
        <v>5103.125</v>
      </c>
      <c r="KKV53" s="7">
        <f t="shared" si="668"/>
        <v>5103.125</v>
      </c>
      <c r="KKW53" s="7">
        <f t="shared" si="668"/>
        <v>5103.125</v>
      </c>
      <c r="KKX53" s="7">
        <f t="shared" si="668"/>
        <v>5103.125</v>
      </c>
      <c r="KKY53" s="7">
        <f t="shared" si="668"/>
        <v>5103.125</v>
      </c>
      <c r="KKZ53" s="7">
        <f t="shared" si="668"/>
        <v>5103.125</v>
      </c>
      <c r="KLA53" s="7">
        <f t="shared" si="668"/>
        <v>5103.125</v>
      </c>
      <c r="KLB53" s="7">
        <f t="shared" si="668"/>
        <v>5103.125</v>
      </c>
      <c r="KLC53" s="7">
        <f t="shared" si="668"/>
        <v>5103.125</v>
      </c>
      <c r="KLD53" s="7">
        <f t="shared" si="668"/>
        <v>5103.125</v>
      </c>
      <c r="KLE53" s="7">
        <f t="shared" si="668"/>
        <v>5103.125</v>
      </c>
      <c r="KLF53" s="7">
        <f t="shared" ref="KLF53:KNQ53" si="669">KLF48+KLE53</f>
        <v>5103.125</v>
      </c>
      <c r="KLG53" s="7">
        <f t="shared" si="669"/>
        <v>5103.125</v>
      </c>
      <c r="KLH53" s="7">
        <f t="shared" si="669"/>
        <v>5103.125</v>
      </c>
      <c r="KLI53" s="7">
        <f t="shared" si="669"/>
        <v>5103.125</v>
      </c>
      <c r="KLJ53" s="7">
        <f t="shared" si="669"/>
        <v>5103.125</v>
      </c>
      <c r="KLK53" s="7">
        <f t="shared" si="669"/>
        <v>5103.125</v>
      </c>
      <c r="KLL53" s="7">
        <f t="shared" si="669"/>
        <v>5103.125</v>
      </c>
      <c r="KLM53" s="7">
        <f t="shared" si="669"/>
        <v>5103.125</v>
      </c>
      <c r="KLN53" s="7">
        <f t="shared" si="669"/>
        <v>5103.125</v>
      </c>
      <c r="KLO53" s="7">
        <f t="shared" si="669"/>
        <v>5103.125</v>
      </c>
      <c r="KLP53" s="7">
        <f t="shared" si="669"/>
        <v>5103.125</v>
      </c>
      <c r="KLQ53" s="7">
        <f t="shared" si="669"/>
        <v>5103.125</v>
      </c>
      <c r="KLR53" s="7">
        <f t="shared" si="669"/>
        <v>5103.125</v>
      </c>
      <c r="KLS53" s="7">
        <f t="shared" si="669"/>
        <v>5103.125</v>
      </c>
      <c r="KLT53" s="7">
        <f t="shared" si="669"/>
        <v>5103.125</v>
      </c>
      <c r="KLU53" s="7">
        <f t="shared" si="669"/>
        <v>5103.125</v>
      </c>
      <c r="KLV53" s="7">
        <f t="shared" si="669"/>
        <v>5103.125</v>
      </c>
      <c r="KLW53" s="7">
        <f t="shared" si="669"/>
        <v>5103.125</v>
      </c>
      <c r="KLX53" s="7">
        <f t="shared" si="669"/>
        <v>5103.125</v>
      </c>
      <c r="KLY53" s="7">
        <f t="shared" si="669"/>
        <v>5103.125</v>
      </c>
      <c r="KLZ53" s="7">
        <f t="shared" si="669"/>
        <v>5103.125</v>
      </c>
      <c r="KMA53" s="7">
        <f t="shared" si="669"/>
        <v>5103.125</v>
      </c>
      <c r="KMB53" s="7">
        <f t="shared" si="669"/>
        <v>5103.125</v>
      </c>
      <c r="KMC53" s="7">
        <f t="shared" si="669"/>
        <v>5103.125</v>
      </c>
      <c r="KMD53" s="7">
        <f t="shared" si="669"/>
        <v>5103.125</v>
      </c>
      <c r="KME53" s="7">
        <f t="shared" si="669"/>
        <v>5103.125</v>
      </c>
      <c r="KMF53" s="7">
        <f t="shared" si="669"/>
        <v>5103.125</v>
      </c>
      <c r="KMG53" s="7">
        <f t="shared" si="669"/>
        <v>5103.125</v>
      </c>
      <c r="KMH53" s="7">
        <f t="shared" si="669"/>
        <v>5103.125</v>
      </c>
      <c r="KMI53" s="7">
        <f t="shared" si="669"/>
        <v>5103.125</v>
      </c>
      <c r="KMJ53" s="7">
        <f t="shared" si="669"/>
        <v>5103.125</v>
      </c>
      <c r="KMK53" s="7">
        <f t="shared" si="669"/>
        <v>5103.125</v>
      </c>
      <c r="KML53" s="7">
        <f t="shared" si="669"/>
        <v>5103.125</v>
      </c>
      <c r="KMM53" s="7">
        <f t="shared" si="669"/>
        <v>5103.125</v>
      </c>
      <c r="KMN53" s="7">
        <f t="shared" si="669"/>
        <v>5103.125</v>
      </c>
      <c r="KMO53" s="7">
        <f t="shared" si="669"/>
        <v>5103.125</v>
      </c>
      <c r="KMP53" s="7">
        <f t="shared" si="669"/>
        <v>5103.125</v>
      </c>
      <c r="KMQ53" s="7">
        <f t="shared" si="669"/>
        <v>5103.125</v>
      </c>
      <c r="KMR53" s="7">
        <f t="shared" si="669"/>
        <v>5103.125</v>
      </c>
      <c r="KMS53" s="7">
        <f t="shared" si="669"/>
        <v>5103.125</v>
      </c>
      <c r="KMT53" s="7">
        <f t="shared" si="669"/>
        <v>5103.125</v>
      </c>
      <c r="KMU53" s="7">
        <f t="shared" si="669"/>
        <v>5103.125</v>
      </c>
      <c r="KMV53" s="7">
        <f t="shared" si="669"/>
        <v>5103.125</v>
      </c>
      <c r="KMW53" s="7">
        <f t="shared" si="669"/>
        <v>5103.125</v>
      </c>
      <c r="KMX53" s="7">
        <f t="shared" si="669"/>
        <v>5103.125</v>
      </c>
      <c r="KMY53" s="7">
        <f t="shared" si="669"/>
        <v>5103.125</v>
      </c>
      <c r="KMZ53" s="7">
        <f t="shared" si="669"/>
        <v>5103.125</v>
      </c>
      <c r="KNA53" s="7">
        <f t="shared" si="669"/>
        <v>5103.125</v>
      </c>
      <c r="KNB53" s="7">
        <f t="shared" si="669"/>
        <v>5103.125</v>
      </c>
      <c r="KNC53" s="7">
        <f t="shared" si="669"/>
        <v>5103.125</v>
      </c>
      <c r="KND53" s="7">
        <f t="shared" si="669"/>
        <v>5103.125</v>
      </c>
      <c r="KNE53" s="7">
        <f t="shared" si="669"/>
        <v>5103.125</v>
      </c>
      <c r="KNF53" s="7">
        <f t="shared" si="669"/>
        <v>5103.125</v>
      </c>
      <c r="KNG53" s="7">
        <f t="shared" si="669"/>
        <v>5103.125</v>
      </c>
      <c r="KNH53" s="7">
        <f t="shared" si="669"/>
        <v>5103.125</v>
      </c>
      <c r="KNI53" s="7">
        <f t="shared" si="669"/>
        <v>5103.125</v>
      </c>
      <c r="KNJ53" s="7">
        <f t="shared" si="669"/>
        <v>5103.125</v>
      </c>
      <c r="KNK53" s="7">
        <f t="shared" si="669"/>
        <v>5103.125</v>
      </c>
      <c r="KNL53" s="7">
        <f t="shared" si="669"/>
        <v>5103.125</v>
      </c>
      <c r="KNM53" s="7">
        <f t="shared" si="669"/>
        <v>5103.125</v>
      </c>
      <c r="KNN53" s="7">
        <f t="shared" si="669"/>
        <v>5103.125</v>
      </c>
      <c r="KNO53" s="7">
        <f t="shared" si="669"/>
        <v>5103.125</v>
      </c>
      <c r="KNP53" s="7">
        <f t="shared" si="669"/>
        <v>5103.125</v>
      </c>
      <c r="KNQ53" s="7">
        <f t="shared" si="669"/>
        <v>5103.125</v>
      </c>
      <c r="KNR53" s="7">
        <f t="shared" ref="KNR53:KQC53" si="670">KNR48+KNQ53</f>
        <v>5103.125</v>
      </c>
      <c r="KNS53" s="7">
        <f t="shared" si="670"/>
        <v>5103.125</v>
      </c>
      <c r="KNT53" s="7">
        <f t="shared" si="670"/>
        <v>5103.125</v>
      </c>
      <c r="KNU53" s="7">
        <f t="shared" si="670"/>
        <v>5103.125</v>
      </c>
      <c r="KNV53" s="7">
        <f t="shared" si="670"/>
        <v>5103.125</v>
      </c>
      <c r="KNW53" s="7">
        <f t="shared" si="670"/>
        <v>5103.125</v>
      </c>
      <c r="KNX53" s="7">
        <f t="shared" si="670"/>
        <v>5103.125</v>
      </c>
      <c r="KNY53" s="7">
        <f t="shared" si="670"/>
        <v>5103.125</v>
      </c>
      <c r="KNZ53" s="7">
        <f t="shared" si="670"/>
        <v>5103.125</v>
      </c>
      <c r="KOA53" s="7">
        <f t="shared" si="670"/>
        <v>5103.125</v>
      </c>
      <c r="KOB53" s="7">
        <f t="shared" si="670"/>
        <v>5103.125</v>
      </c>
      <c r="KOC53" s="7">
        <f t="shared" si="670"/>
        <v>5103.125</v>
      </c>
      <c r="KOD53" s="7">
        <f t="shared" si="670"/>
        <v>5103.125</v>
      </c>
      <c r="KOE53" s="7">
        <f t="shared" si="670"/>
        <v>5103.125</v>
      </c>
      <c r="KOF53" s="7">
        <f t="shared" si="670"/>
        <v>5103.125</v>
      </c>
      <c r="KOG53" s="7">
        <f t="shared" si="670"/>
        <v>5103.125</v>
      </c>
      <c r="KOH53" s="7">
        <f t="shared" si="670"/>
        <v>5103.125</v>
      </c>
      <c r="KOI53" s="7">
        <f t="shared" si="670"/>
        <v>5103.125</v>
      </c>
      <c r="KOJ53" s="7">
        <f t="shared" si="670"/>
        <v>5103.125</v>
      </c>
      <c r="KOK53" s="7">
        <f t="shared" si="670"/>
        <v>5103.125</v>
      </c>
      <c r="KOL53" s="7">
        <f t="shared" si="670"/>
        <v>5103.125</v>
      </c>
      <c r="KOM53" s="7">
        <f t="shared" si="670"/>
        <v>5103.125</v>
      </c>
      <c r="KON53" s="7">
        <f t="shared" si="670"/>
        <v>5103.125</v>
      </c>
      <c r="KOO53" s="7">
        <f t="shared" si="670"/>
        <v>5103.125</v>
      </c>
      <c r="KOP53" s="7">
        <f t="shared" si="670"/>
        <v>5103.125</v>
      </c>
      <c r="KOQ53" s="7">
        <f t="shared" si="670"/>
        <v>5103.125</v>
      </c>
      <c r="KOR53" s="7">
        <f t="shared" si="670"/>
        <v>5103.125</v>
      </c>
      <c r="KOS53" s="7">
        <f t="shared" si="670"/>
        <v>5103.125</v>
      </c>
      <c r="KOT53" s="7">
        <f t="shared" si="670"/>
        <v>5103.125</v>
      </c>
      <c r="KOU53" s="7">
        <f t="shared" si="670"/>
        <v>5103.125</v>
      </c>
      <c r="KOV53" s="7">
        <f t="shared" si="670"/>
        <v>5103.125</v>
      </c>
      <c r="KOW53" s="7">
        <f t="shared" si="670"/>
        <v>5103.125</v>
      </c>
      <c r="KOX53" s="7">
        <f t="shared" si="670"/>
        <v>5103.125</v>
      </c>
      <c r="KOY53" s="7">
        <f t="shared" si="670"/>
        <v>5103.125</v>
      </c>
      <c r="KOZ53" s="7">
        <f t="shared" si="670"/>
        <v>5103.125</v>
      </c>
      <c r="KPA53" s="7">
        <f t="shared" si="670"/>
        <v>5103.125</v>
      </c>
      <c r="KPB53" s="7">
        <f t="shared" si="670"/>
        <v>5103.125</v>
      </c>
      <c r="KPC53" s="7">
        <f t="shared" si="670"/>
        <v>5103.125</v>
      </c>
      <c r="KPD53" s="7">
        <f t="shared" si="670"/>
        <v>5103.125</v>
      </c>
      <c r="KPE53" s="7">
        <f t="shared" si="670"/>
        <v>5103.125</v>
      </c>
      <c r="KPF53" s="7">
        <f t="shared" si="670"/>
        <v>5103.125</v>
      </c>
      <c r="KPG53" s="7">
        <f t="shared" si="670"/>
        <v>5103.125</v>
      </c>
      <c r="KPH53" s="7">
        <f t="shared" si="670"/>
        <v>5103.125</v>
      </c>
      <c r="KPI53" s="7">
        <f t="shared" si="670"/>
        <v>5103.125</v>
      </c>
      <c r="KPJ53" s="7">
        <f t="shared" si="670"/>
        <v>5103.125</v>
      </c>
      <c r="KPK53" s="7">
        <f t="shared" si="670"/>
        <v>5103.125</v>
      </c>
      <c r="KPL53" s="7">
        <f t="shared" si="670"/>
        <v>5103.125</v>
      </c>
      <c r="KPM53" s="7">
        <f t="shared" si="670"/>
        <v>5103.125</v>
      </c>
      <c r="KPN53" s="7">
        <f t="shared" si="670"/>
        <v>5103.125</v>
      </c>
      <c r="KPO53" s="7">
        <f t="shared" si="670"/>
        <v>5103.125</v>
      </c>
      <c r="KPP53" s="7">
        <f t="shared" si="670"/>
        <v>5103.125</v>
      </c>
      <c r="KPQ53" s="7">
        <f t="shared" si="670"/>
        <v>5103.125</v>
      </c>
      <c r="KPR53" s="7">
        <f t="shared" si="670"/>
        <v>5103.125</v>
      </c>
      <c r="KPS53" s="7">
        <f t="shared" si="670"/>
        <v>5103.125</v>
      </c>
      <c r="KPT53" s="7">
        <f t="shared" si="670"/>
        <v>5103.125</v>
      </c>
      <c r="KPU53" s="7">
        <f t="shared" si="670"/>
        <v>5103.125</v>
      </c>
      <c r="KPV53" s="7">
        <f t="shared" si="670"/>
        <v>5103.125</v>
      </c>
      <c r="KPW53" s="7">
        <f t="shared" si="670"/>
        <v>5103.125</v>
      </c>
      <c r="KPX53" s="7">
        <f t="shared" si="670"/>
        <v>5103.125</v>
      </c>
      <c r="KPY53" s="7">
        <f t="shared" si="670"/>
        <v>5103.125</v>
      </c>
      <c r="KPZ53" s="7">
        <f t="shared" si="670"/>
        <v>5103.125</v>
      </c>
      <c r="KQA53" s="7">
        <f t="shared" si="670"/>
        <v>5103.125</v>
      </c>
      <c r="KQB53" s="7">
        <f t="shared" si="670"/>
        <v>5103.125</v>
      </c>
      <c r="KQC53" s="7">
        <f t="shared" si="670"/>
        <v>5103.125</v>
      </c>
      <c r="KQD53" s="7">
        <f t="shared" ref="KQD53:KSO53" si="671">KQD48+KQC53</f>
        <v>5103.125</v>
      </c>
      <c r="KQE53" s="7">
        <f t="shared" si="671"/>
        <v>5103.125</v>
      </c>
      <c r="KQF53" s="7">
        <f t="shared" si="671"/>
        <v>5103.125</v>
      </c>
      <c r="KQG53" s="7">
        <f t="shared" si="671"/>
        <v>5103.125</v>
      </c>
      <c r="KQH53" s="7">
        <f t="shared" si="671"/>
        <v>5103.125</v>
      </c>
      <c r="KQI53" s="7">
        <f t="shared" si="671"/>
        <v>5103.125</v>
      </c>
      <c r="KQJ53" s="7">
        <f t="shared" si="671"/>
        <v>5103.125</v>
      </c>
      <c r="KQK53" s="7">
        <f t="shared" si="671"/>
        <v>5103.125</v>
      </c>
      <c r="KQL53" s="7">
        <f t="shared" si="671"/>
        <v>5103.125</v>
      </c>
      <c r="KQM53" s="7">
        <f t="shared" si="671"/>
        <v>5103.125</v>
      </c>
      <c r="KQN53" s="7">
        <f t="shared" si="671"/>
        <v>5103.125</v>
      </c>
      <c r="KQO53" s="7">
        <f t="shared" si="671"/>
        <v>5103.125</v>
      </c>
      <c r="KQP53" s="7">
        <f t="shared" si="671"/>
        <v>5103.125</v>
      </c>
      <c r="KQQ53" s="7">
        <f t="shared" si="671"/>
        <v>5103.125</v>
      </c>
      <c r="KQR53" s="7">
        <f t="shared" si="671"/>
        <v>5103.125</v>
      </c>
      <c r="KQS53" s="7">
        <f t="shared" si="671"/>
        <v>5103.125</v>
      </c>
      <c r="KQT53" s="7">
        <f t="shared" si="671"/>
        <v>5103.125</v>
      </c>
      <c r="KQU53" s="7">
        <f t="shared" si="671"/>
        <v>5103.125</v>
      </c>
      <c r="KQV53" s="7">
        <f t="shared" si="671"/>
        <v>5103.125</v>
      </c>
      <c r="KQW53" s="7">
        <f t="shared" si="671"/>
        <v>5103.125</v>
      </c>
      <c r="KQX53" s="7">
        <f t="shared" si="671"/>
        <v>5103.125</v>
      </c>
      <c r="KQY53" s="7">
        <f t="shared" si="671"/>
        <v>5103.125</v>
      </c>
      <c r="KQZ53" s="7">
        <f t="shared" si="671"/>
        <v>5103.125</v>
      </c>
      <c r="KRA53" s="7">
        <f t="shared" si="671"/>
        <v>5103.125</v>
      </c>
      <c r="KRB53" s="7">
        <f t="shared" si="671"/>
        <v>5103.125</v>
      </c>
      <c r="KRC53" s="7">
        <f t="shared" si="671"/>
        <v>5103.125</v>
      </c>
      <c r="KRD53" s="7">
        <f t="shared" si="671"/>
        <v>5103.125</v>
      </c>
      <c r="KRE53" s="7">
        <f t="shared" si="671"/>
        <v>5103.125</v>
      </c>
      <c r="KRF53" s="7">
        <f t="shared" si="671"/>
        <v>5103.125</v>
      </c>
      <c r="KRG53" s="7">
        <f t="shared" si="671"/>
        <v>5103.125</v>
      </c>
      <c r="KRH53" s="7">
        <f t="shared" si="671"/>
        <v>5103.125</v>
      </c>
      <c r="KRI53" s="7">
        <f t="shared" si="671"/>
        <v>5103.125</v>
      </c>
      <c r="KRJ53" s="7">
        <f t="shared" si="671"/>
        <v>5103.125</v>
      </c>
      <c r="KRK53" s="7">
        <f t="shared" si="671"/>
        <v>5103.125</v>
      </c>
      <c r="KRL53" s="7">
        <f t="shared" si="671"/>
        <v>5103.125</v>
      </c>
      <c r="KRM53" s="7">
        <f t="shared" si="671"/>
        <v>5103.125</v>
      </c>
      <c r="KRN53" s="7">
        <f t="shared" si="671"/>
        <v>5103.125</v>
      </c>
      <c r="KRO53" s="7">
        <f t="shared" si="671"/>
        <v>5103.125</v>
      </c>
      <c r="KRP53" s="7">
        <f t="shared" si="671"/>
        <v>5103.125</v>
      </c>
      <c r="KRQ53" s="7">
        <f t="shared" si="671"/>
        <v>5103.125</v>
      </c>
      <c r="KRR53" s="7">
        <f t="shared" si="671"/>
        <v>5103.125</v>
      </c>
      <c r="KRS53" s="7">
        <f t="shared" si="671"/>
        <v>5103.125</v>
      </c>
      <c r="KRT53" s="7">
        <f t="shared" si="671"/>
        <v>5103.125</v>
      </c>
      <c r="KRU53" s="7">
        <f t="shared" si="671"/>
        <v>5103.125</v>
      </c>
      <c r="KRV53" s="7">
        <f t="shared" si="671"/>
        <v>5103.125</v>
      </c>
      <c r="KRW53" s="7">
        <f t="shared" si="671"/>
        <v>5103.125</v>
      </c>
      <c r="KRX53" s="7">
        <f t="shared" si="671"/>
        <v>5103.125</v>
      </c>
      <c r="KRY53" s="7">
        <f t="shared" si="671"/>
        <v>5103.125</v>
      </c>
      <c r="KRZ53" s="7">
        <f t="shared" si="671"/>
        <v>5103.125</v>
      </c>
      <c r="KSA53" s="7">
        <f t="shared" si="671"/>
        <v>5103.125</v>
      </c>
      <c r="KSB53" s="7">
        <f t="shared" si="671"/>
        <v>5103.125</v>
      </c>
      <c r="KSC53" s="7">
        <f t="shared" si="671"/>
        <v>5103.125</v>
      </c>
      <c r="KSD53" s="7">
        <f t="shared" si="671"/>
        <v>5103.125</v>
      </c>
      <c r="KSE53" s="7">
        <f t="shared" si="671"/>
        <v>5103.125</v>
      </c>
      <c r="KSF53" s="7">
        <f t="shared" si="671"/>
        <v>5103.125</v>
      </c>
      <c r="KSG53" s="7">
        <f t="shared" si="671"/>
        <v>5103.125</v>
      </c>
      <c r="KSH53" s="7">
        <f t="shared" si="671"/>
        <v>5103.125</v>
      </c>
      <c r="KSI53" s="7">
        <f t="shared" si="671"/>
        <v>5103.125</v>
      </c>
      <c r="KSJ53" s="7">
        <f t="shared" si="671"/>
        <v>5103.125</v>
      </c>
      <c r="KSK53" s="7">
        <f t="shared" si="671"/>
        <v>5103.125</v>
      </c>
      <c r="KSL53" s="7">
        <f t="shared" si="671"/>
        <v>5103.125</v>
      </c>
      <c r="KSM53" s="7">
        <f t="shared" si="671"/>
        <v>5103.125</v>
      </c>
      <c r="KSN53" s="7">
        <f t="shared" si="671"/>
        <v>5103.125</v>
      </c>
      <c r="KSO53" s="7">
        <f t="shared" si="671"/>
        <v>5103.125</v>
      </c>
      <c r="KSP53" s="7">
        <f t="shared" ref="KSP53:KVA53" si="672">KSP48+KSO53</f>
        <v>5103.125</v>
      </c>
      <c r="KSQ53" s="7">
        <f t="shared" si="672"/>
        <v>5103.125</v>
      </c>
      <c r="KSR53" s="7">
        <f t="shared" si="672"/>
        <v>5103.125</v>
      </c>
      <c r="KSS53" s="7">
        <f t="shared" si="672"/>
        <v>5103.125</v>
      </c>
      <c r="KST53" s="7">
        <f t="shared" si="672"/>
        <v>5103.125</v>
      </c>
      <c r="KSU53" s="7">
        <f t="shared" si="672"/>
        <v>5103.125</v>
      </c>
      <c r="KSV53" s="7">
        <f t="shared" si="672"/>
        <v>5103.125</v>
      </c>
      <c r="KSW53" s="7">
        <f t="shared" si="672"/>
        <v>5103.125</v>
      </c>
      <c r="KSX53" s="7">
        <f t="shared" si="672"/>
        <v>5103.125</v>
      </c>
      <c r="KSY53" s="7">
        <f t="shared" si="672"/>
        <v>5103.125</v>
      </c>
      <c r="KSZ53" s="7">
        <f t="shared" si="672"/>
        <v>5103.125</v>
      </c>
      <c r="KTA53" s="7">
        <f t="shared" si="672"/>
        <v>5103.125</v>
      </c>
      <c r="KTB53" s="7">
        <f t="shared" si="672"/>
        <v>5103.125</v>
      </c>
      <c r="KTC53" s="7">
        <f t="shared" si="672"/>
        <v>5103.125</v>
      </c>
      <c r="KTD53" s="7">
        <f t="shared" si="672"/>
        <v>5103.125</v>
      </c>
      <c r="KTE53" s="7">
        <f t="shared" si="672"/>
        <v>5103.125</v>
      </c>
      <c r="KTF53" s="7">
        <f t="shared" si="672"/>
        <v>5103.125</v>
      </c>
      <c r="KTG53" s="7">
        <f t="shared" si="672"/>
        <v>5103.125</v>
      </c>
      <c r="KTH53" s="7">
        <f t="shared" si="672"/>
        <v>5103.125</v>
      </c>
      <c r="KTI53" s="7">
        <f t="shared" si="672"/>
        <v>5103.125</v>
      </c>
      <c r="KTJ53" s="7">
        <f t="shared" si="672"/>
        <v>5103.125</v>
      </c>
      <c r="KTK53" s="7">
        <f t="shared" si="672"/>
        <v>5103.125</v>
      </c>
      <c r="KTL53" s="7">
        <f t="shared" si="672"/>
        <v>5103.125</v>
      </c>
      <c r="KTM53" s="7">
        <f t="shared" si="672"/>
        <v>5103.125</v>
      </c>
      <c r="KTN53" s="7">
        <f t="shared" si="672"/>
        <v>5103.125</v>
      </c>
      <c r="KTO53" s="7">
        <f t="shared" si="672"/>
        <v>5103.125</v>
      </c>
      <c r="KTP53" s="7">
        <f t="shared" si="672"/>
        <v>5103.125</v>
      </c>
      <c r="KTQ53" s="7">
        <f t="shared" si="672"/>
        <v>5103.125</v>
      </c>
      <c r="KTR53" s="7">
        <f t="shared" si="672"/>
        <v>5103.125</v>
      </c>
      <c r="KTS53" s="7">
        <f t="shared" si="672"/>
        <v>5103.125</v>
      </c>
      <c r="KTT53" s="7">
        <f t="shared" si="672"/>
        <v>5103.125</v>
      </c>
      <c r="KTU53" s="7">
        <f t="shared" si="672"/>
        <v>5103.125</v>
      </c>
      <c r="KTV53" s="7">
        <f t="shared" si="672"/>
        <v>5103.125</v>
      </c>
      <c r="KTW53" s="7">
        <f t="shared" si="672"/>
        <v>5103.125</v>
      </c>
      <c r="KTX53" s="7">
        <f t="shared" si="672"/>
        <v>5103.125</v>
      </c>
      <c r="KTY53" s="7">
        <f t="shared" si="672"/>
        <v>5103.125</v>
      </c>
      <c r="KTZ53" s="7">
        <f t="shared" si="672"/>
        <v>5103.125</v>
      </c>
      <c r="KUA53" s="7">
        <f t="shared" si="672"/>
        <v>5103.125</v>
      </c>
      <c r="KUB53" s="7">
        <f t="shared" si="672"/>
        <v>5103.125</v>
      </c>
      <c r="KUC53" s="7">
        <f t="shared" si="672"/>
        <v>5103.125</v>
      </c>
      <c r="KUD53" s="7">
        <f t="shared" si="672"/>
        <v>5103.125</v>
      </c>
      <c r="KUE53" s="7">
        <f t="shared" si="672"/>
        <v>5103.125</v>
      </c>
      <c r="KUF53" s="7">
        <f t="shared" si="672"/>
        <v>5103.125</v>
      </c>
      <c r="KUG53" s="7">
        <f t="shared" si="672"/>
        <v>5103.125</v>
      </c>
      <c r="KUH53" s="7">
        <f t="shared" si="672"/>
        <v>5103.125</v>
      </c>
      <c r="KUI53" s="7">
        <f t="shared" si="672"/>
        <v>5103.125</v>
      </c>
      <c r="KUJ53" s="7">
        <f t="shared" si="672"/>
        <v>5103.125</v>
      </c>
      <c r="KUK53" s="7">
        <f t="shared" si="672"/>
        <v>5103.125</v>
      </c>
      <c r="KUL53" s="7">
        <f t="shared" si="672"/>
        <v>5103.125</v>
      </c>
      <c r="KUM53" s="7">
        <f t="shared" si="672"/>
        <v>5103.125</v>
      </c>
      <c r="KUN53" s="7">
        <f t="shared" si="672"/>
        <v>5103.125</v>
      </c>
      <c r="KUO53" s="7">
        <f t="shared" si="672"/>
        <v>5103.125</v>
      </c>
      <c r="KUP53" s="7">
        <f t="shared" si="672"/>
        <v>5103.125</v>
      </c>
      <c r="KUQ53" s="7">
        <f t="shared" si="672"/>
        <v>5103.125</v>
      </c>
      <c r="KUR53" s="7">
        <f t="shared" si="672"/>
        <v>5103.125</v>
      </c>
      <c r="KUS53" s="7">
        <f t="shared" si="672"/>
        <v>5103.125</v>
      </c>
      <c r="KUT53" s="7">
        <f t="shared" si="672"/>
        <v>5103.125</v>
      </c>
      <c r="KUU53" s="7">
        <f t="shared" si="672"/>
        <v>5103.125</v>
      </c>
      <c r="KUV53" s="7">
        <f t="shared" si="672"/>
        <v>5103.125</v>
      </c>
      <c r="KUW53" s="7">
        <f t="shared" si="672"/>
        <v>5103.125</v>
      </c>
      <c r="KUX53" s="7">
        <f t="shared" si="672"/>
        <v>5103.125</v>
      </c>
      <c r="KUY53" s="7">
        <f t="shared" si="672"/>
        <v>5103.125</v>
      </c>
      <c r="KUZ53" s="7">
        <f t="shared" si="672"/>
        <v>5103.125</v>
      </c>
      <c r="KVA53" s="7">
        <f t="shared" si="672"/>
        <v>5103.125</v>
      </c>
      <c r="KVB53" s="7">
        <f t="shared" ref="KVB53:KXM53" si="673">KVB48+KVA53</f>
        <v>5103.125</v>
      </c>
      <c r="KVC53" s="7">
        <f t="shared" si="673"/>
        <v>5103.125</v>
      </c>
      <c r="KVD53" s="7">
        <f t="shared" si="673"/>
        <v>5103.125</v>
      </c>
      <c r="KVE53" s="7">
        <f t="shared" si="673"/>
        <v>5103.125</v>
      </c>
      <c r="KVF53" s="7">
        <f t="shared" si="673"/>
        <v>5103.125</v>
      </c>
      <c r="KVG53" s="7">
        <f t="shared" si="673"/>
        <v>5103.125</v>
      </c>
      <c r="KVH53" s="7">
        <f t="shared" si="673"/>
        <v>5103.125</v>
      </c>
      <c r="KVI53" s="7">
        <f t="shared" si="673"/>
        <v>5103.125</v>
      </c>
      <c r="KVJ53" s="7">
        <f t="shared" si="673"/>
        <v>5103.125</v>
      </c>
      <c r="KVK53" s="7">
        <f t="shared" si="673"/>
        <v>5103.125</v>
      </c>
      <c r="KVL53" s="7">
        <f t="shared" si="673"/>
        <v>5103.125</v>
      </c>
      <c r="KVM53" s="7">
        <f t="shared" si="673"/>
        <v>5103.125</v>
      </c>
      <c r="KVN53" s="7">
        <f t="shared" si="673"/>
        <v>5103.125</v>
      </c>
      <c r="KVO53" s="7">
        <f t="shared" si="673"/>
        <v>5103.125</v>
      </c>
      <c r="KVP53" s="7">
        <f t="shared" si="673"/>
        <v>5103.125</v>
      </c>
      <c r="KVQ53" s="7">
        <f t="shared" si="673"/>
        <v>5103.125</v>
      </c>
      <c r="KVR53" s="7">
        <f t="shared" si="673"/>
        <v>5103.125</v>
      </c>
      <c r="KVS53" s="7">
        <f t="shared" si="673"/>
        <v>5103.125</v>
      </c>
      <c r="KVT53" s="7">
        <f t="shared" si="673"/>
        <v>5103.125</v>
      </c>
      <c r="KVU53" s="7">
        <f t="shared" si="673"/>
        <v>5103.125</v>
      </c>
      <c r="KVV53" s="7">
        <f t="shared" si="673"/>
        <v>5103.125</v>
      </c>
      <c r="KVW53" s="7">
        <f t="shared" si="673"/>
        <v>5103.125</v>
      </c>
      <c r="KVX53" s="7">
        <f t="shared" si="673"/>
        <v>5103.125</v>
      </c>
      <c r="KVY53" s="7">
        <f t="shared" si="673"/>
        <v>5103.125</v>
      </c>
      <c r="KVZ53" s="7">
        <f t="shared" si="673"/>
        <v>5103.125</v>
      </c>
      <c r="KWA53" s="7">
        <f t="shared" si="673"/>
        <v>5103.125</v>
      </c>
      <c r="KWB53" s="7">
        <f t="shared" si="673"/>
        <v>5103.125</v>
      </c>
      <c r="KWC53" s="7">
        <f t="shared" si="673"/>
        <v>5103.125</v>
      </c>
      <c r="KWD53" s="7">
        <f t="shared" si="673"/>
        <v>5103.125</v>
      </c>
      <c r="KWE53" s="7">
        <f t="shared" si="673"/>
        <v>5103.125</v>
      </c>
      <c r="KWF53" s="7">
        <f t="shared" si="673"/>
        <v>5103.125</v>
      </c>
      <c r="KWG53" s="7">
        <f t="shared" si="673"/>
        <v>5103.125</v>
      </c>
      <c r="KWH53" s="7">
        <f t="shared" si="673"/>
        <v>5103.125</v>
      </c>
      <c r="KWI53" s="7">
        <f t="shared" si="673"/>
        <v>5103.125</v>
      </c>
      <c r="KWJ53" s="7">
        <f t="shared" si="673"/>
        <v>5103.125</v>
      </c>
      <c r="KWK53" s="7">
        <f t="shared" si="673"/>
        <v>5103.125</v>
      </c>
      <c r="KWL53" s="7">
        <f t="shared" si="673"/>
        <v>5103.125</v>
      </c>
      <c r="KWM53" s="7">
        <f t="shared" si="673"/>
        <v>5103.125</v>
      </c>
      <c r="KWN53" s="7">
        <f t="shared" si="673"/>
        <v>5103.125</v>
      </c>
      <c r="KWO53" s="7">
        <f t="shared" si="673"/>
        <v>5103.125</v>
      </c>
      <c r="KWP53" s="7">
        <f t="shared" si="673"/>
        <v>5103.125</v>
      </c>
      <c r="KWQ53" s="7">
        <f t="shared" si="673"/>
        <v>5103.125</v>
      </c>
      <c r="KWR53" s="7">
        <f t="shared" si="673"/>
        <v>5103.125</v>
      </c>
      <c r="KWS53" s="7">
        <f t="shared" si="673"/>
        <v>5103.125</v>
      </c>
      <c r="KWT53" s="7">
        <f t="shared" si="673"/>
        <v>5103.125</v>
      </c>
      <c r="KWU53" s="7">
        <f t="shared" si="673"/>
        <v>5103.125</v>
      </c>
      <c r="KWV53" s="7">
        <f t="shared" si="673"/>
        <v>5103.125</v>
      </c>
      <c r="KWW53" s="7">
        <f t="shared" si="673"/>
        <v>5103.125</v>
      </c>
      <c r="KWX53" s="7">
        <f t="shared" si="673"/>
        <v>5103.125</v>
      </c>
      <c r="KWY53" s="7">
        <f t="shared" si="673"/>
        <v>5103.125</v>
      </c>
      <c r="KWZ53" s="7">
        <f t="shared" si="673"/>
        <v>5103.125</v>
      </c>
      <c r="KXA53" s="7">
        <f t="shared" si="673"/>
        <v>5103.125</v>
      </c>
      <c r="KXB53" s="7">
        <f t="shared" si="673"/>
        <v>5103.125</v>
      </c>
      <c r="KXC53" s="7">
        <f t="shared" si="673"/>
        <v>5103.125</v>
      </c>
      <c r="KXD53" s="7">
        <f t="shared" si="673"/>
        <v>5103.125</v>
      </c>
      <c r="KXE53" s="7">
        <f t="shared" si="673"/>
        <v>5103.125</v>
      </c>
      <c r="KXF53" s="7">
        <f t="shared" si="673"/>
        <v>5103.125</v>
      </c>
      <c r="KXG53" s="7">
        <f t="shared" si="673"/>
        <v>5103.125</v>
      </c>
      <c r="KXH53" s="7">
        <f t="shared" si="673"/>
        <v>5103.125</v>
      </c>
      <c r="KXI53" s="7">
        <f t="shared" si="673"/>
        <v>5103.125</v>
      </c>
      <c r="KXJ53" s="7">
        <f t="shared" si="673"/>
        <v>5103.125</v>
      </c>
      <c r="KXK53" s="7">
        <f t="shared" si="673"/>
        <v>5103.125</v>
      </c>
      <c r="KXL53" s="7">
        <f t="shared" si="673"/>
        <v>5103.125</v>
      </c>
      <c r="KXM53" s="7">
        <f t="shared" si="673"/>
        <v>5103.125</v>
      </c>
      <c r="KXN53" s="7">
        <f t="shared" ref="KXN53:KZY53" si="674">KXN48+KXM53</f>
        <v>5103.125</v>
      </c>
      <c r="KXO53" s="7">
        <f t="shared" si="674"/>
        <v>5103.125</v>
      </c>
      <c r="KXP53" s="7">
        <f t="shared" si="674"/>
        <v>5103.125</v>
      </c>
      <c r="KXQ53" s="7">
        <f t="shared" si="674"/>
        <v>5103.125</v>
      </c>
      <c r="KXR53" s="7">
        <f t="shared" si="674"/>
        <v>5103.125</v>
      </c>
      <c r="KXS53" s="7">
        <f t="shared" si="674"/>
        <v>5103.125</v>
      </c>
      <c r="KXT53" s="7">
        <f t="shared" si="674"/>
        <v>5103.125</v>
      </c>
      <c r="KXU53" s="7">
        <f t="shared" si="674"/>
        <v>5103.125</v>
      </c>
      <c r="KXV53" s="7">
        <f t="shared" si="674"/>
        <v>5103.125</v>
      </c>
      <c r="KXW53" s="7">
        <f t="shared" si="674"/>
        <v>5103.125</v>
      </c>
      <c r="KXX53" s="7">
        <f t="shared" si="674"/>
        <v>5103.125</v>
      </c>
      <c r="KXY53" s="7">
        <f t="shared" si="674"/>
        <v>5103.125</v>
      </c>
      <c r="KXZ53" s="7">
        <f t="shared" si="674"/>
        <v>5103.125</v>
      </c>
      <c r="KYA53" s="7">
        <f t="shared" si="674"/>
        <v>5103.125</v>
      </c>
      <c r="KYB53" s="7">
        <f t="shared" si="674"/>
        <v>5103.125</v>
      </c>
      <c r="KYC53" s="7">
        <f t="shared" si="674"/>
        <v>5103.125</v>
      </c>
      <c r="KYD53" s="7">
        <f t="shared" si="674"/>
        <v>5103.125</v>
      </c>
      <c r="KYE53" s="7">
        <f t="shared" si="674"/>
        <v>5103.125</v>
      </c>
      <c r="KYF53" s="7">
        <f t="shared" si="674"/>
        <v>5103.125</v>
      </c>
      <c r="KYG53" s="7">
        <f t="shared" si="674"/>
        <v>5103.125</v>
      </c>
      <c r="KYH53" s="7">
        <f t="shared" si="674"/>
        <v>5103.125</v>
      </c>
      <c r="KYI53" s="7">
        <f t="shared" si="674"/>
        <v>5103.125</v>
      </c>
      <c r="KYJ53" s="7">
        <f t="shared" si="674"/>
        <v>5103.125</v>
      </c>
      <c r="KYK53" s="7">
        <f t="shared" si="674"/>
        <v>5103.125</v>
      </c>
      <c r="KYL53" s="7">
        <f t="shared" si="674"/>
        <v>5103.125</v>
      </c>
      <c r="KYM53" s="7">
        <f t="shared" si="674"/>
        <v>5103.125</v>
      </c>
      <c r="KYN53" s="7">
        <f t="shared" si="674"/>
        <v>5103.125</v>
      </c>
      <c r="KYO53" s="7">
        <f t="shared" si="674"/>
        <v>5103.125</v>
      </c>
      <c r="KYP53" s="7">
        <f t="shared" si="674"/>
        <v>5103.125</v>
      </c>
      <c r="KYQ53" s="7">
        <f t="shared" si="674"/>
        <v>5103.125</v>
      </c>
      <c r="KYR53" s="7">
        <f t="shared" si="674"/>
        <v>5103.125</v>
      </c>
      <c r="KYS53" s="7">
        <f t="shared" si="674"/>
        <v>5103.125</v>
      </c>
      <c r="KYT53" s="7">
        <f t="shared" si="674"/>
        <v>5103.125</v>
      </c>
      <c r="KYU53" s="7">
        <f t="shared" si="674"/>
        <v>5103.125</v>
      </c>
      <c r="KYV53" s="7">
        <f t="shared" si="674"/>
        <v>5103.125</v>
      </c>
      <c r="KYW53" s="7">
        <f t="shared" si="674"/>
        <v>5103.125</v>
      </c>
      <c r="KYX53" s="7">
        <f t="shared" si="674"/>
        <v>5103.125</v>
      </c>
      <c r="KYY53" s="7">
        <f t="shared" si="674"/>
        <v>5103.125</v>
      </c>
      <c r="KYZ53" s="7">
        <f t="shared" si="674"/>
        <v>5103.125</v>
      </c>
      <c r="KZA53" s="7">
        <f t="shared" si="674"/>
        <v>5103.125</v>
      </c>
      <c r="KZB53" s="7">
        <f t="shared" si="674"/>
        <v>5103.125</v>
      </c>
      <c r="KZC53" s="7">
        <f t="shared" si="674"/>
        <v>5103.125</v>
      </c>
      <c r="KZD53" s="7">
        <f t="shared" si="674"/>
        <v>5103.125</v>
      </c>
      <c r="KZE53" s="7">
        <f t="shared" si="674"/>
        <v>5103.125</v>
      </c>
      <c r="KZF53" s="7">
        <f t="shared" si="674"/>
        <v>5103.125</v>
      </c>
      <c r="KZG53" s="7">
        <f t="shared" si="674"/>
        <v>5103.125</v>
      </c>
      <c r="KZH53" s="7">
        <f t="shared" si="674"/>
        <v>5103.125</v>
      </c>
      <c r="KZI53" s="7">
        <f t="shared" si="674"/>
        <v>5103.125</v>
      </c>
      <c r="KZJ53" s="7">
        <f t="shared" si="674"/>
        <v>5103.125</v>
      </c>
      <c r="KZK53" s="7">
        <f t="shared" si="674"/>
        <v>5103.125</v>
      </c>
      <c r="KZL53" s="7">
        <f t="shared" si="674"/>
        <v>5103.125</v>
      </c>
      <c r="KZM53" s="7">
        <f t="shared" si="674"/>
        <v>5103.125</v>
      </c>
      <c r="KZN53" s="7">
        <f t="shared" si="674"/>
        <v>5103.125</v>
      </c>
      <c r="KZO53" s="7">
        <f t="shared" si="674"/>
        <v>5103.125</v>
      </c>
      <c r="KZP53" s="7">
        <f t="shared" si="674"/>
        <v>5103.125</v>
      </c>
      <c r="KZQ53" s="7">
        <f t="shared" si="674"/>
        <v>5103.125</v>
      </c>
      <c r="KZR53" s="7">
        <f t="shared" si="674"/>
        <v>5103.125</v>
      </c>
      <c r="KZS53" s="7">
        <f t="shared" si="674"/>
        <v>5103.125</v>
      </c>
      <c r="KZT53" s="7">
        <f t="shared" si="674"/>
        <v>5103.125</v>
      </c>
      <c r="KZU53" s="7">
        <f t="shared" si="674"/>
        <v>5103.125</v>
      </c>
      <c r="KZV53" s="7">
        <f t="shared" si="674"/>
        <v>5103.125</v>
      </c>
      <c r="KZW53" s="7">
        <f t="shared" si="674"/>
        <v>5103.125</v>
      </c>
      <c r="KZX53" s="7">
        <f t="shared" si="674"/>
        <v>5103.125</v>
      </c>
      <c r="KZY53" s="7">
        <f t="shared" si="674"/>
        <v>5103.125</v>
      </c>
      <c r="KZZ53" s="7">
        <f t="shared" ref="KZZ53:LCK53" si="675">KZZ48+KZY53</f>
        <v>5103.125</v>
      </c>
      <c r="LAA53" s="7">
        <f t="shared" si="675"/>
        <v>5103.125</v>
      </c>
      <c r="LAB53" s="7">
        <f t="shared" si="675"/>
        <v>5103.125</v>
      </c>
      <c r="LAC53" s="7">
        <f t="shared" si="675"/>
        <v>5103.125</v>
      </c>
      <c r="LAD53" s="7">
        <f t="shared" si="675"/>
        <v>5103.125</v>
      </c>
      <c r="LAE53" s="7">
        <f t="shared" si="675"/>
        <v>5103.125</v>
      </c>
      <c r="LAF53" s="7">
        <f t="shared" si="675"/>
        <v>5103.125</v>
      </c>
      <c r="LAG53" s="7">
        <f t="shared" si="675"/>
        <v>5103.125</v>
      </c>
      <c r="LAH53" s="7">
        <f t="shared" si="675"/>
        <v>5103.125</v>
      </c>
      <c r="LAI53" s="7">
        <f t="shared" si="675"/>
        <v>5103.125</v>
      </c>
      <c r="LAJ53" s="7">
        <f t="shared" si="675"/>
        <v>5103.125</v>
      </c>
      <c r="LAK53" s="7">
        <f t="shared" si="675"/>
        <v>5103.125</v>
      </c>
      <c r="LAL53" s="7">
        <f t="shared" si="675"/>
        <v>5103.125</v>
      </c>
      <c r="LAM53" s="7">
        <f t="shared" si="675"/>
        <v>5103.125</v>
      </c>
      <c r="LAN53" s="7">
        <f t="shared" si="675"/>
        <v>5103.125</v>
      </c>
      <c r="LAO53" s="7">
        <f t="shared" si="675"/>
        <v>5103.125</v>
      </c>
      <c r="LAP53" s="7">
        <f t="shared" si="675"/>
        <v>5103.125</v>
      </c>
      <c r="LAQ53" s="7">
        <f t="shared" si="675"/>
        <v>5103.125</v>
      </c>
      <c r="LAR53" s="7">
        <f t="shared" si="675"/>
        <v>5103.125</v>
      </c>
      <c r="LAS53" s="7">
        <f t="shared" si="675"/>
        <v>5103.125</v>
      </c>
      <c r="LAT53" s="7">
        <f t="shared" si="675"/>
        <v>5103.125</v>
      </c>
      <c r="LAU53" s="7">
        <f t="shared" si="675"/>
        <v>5103.125</v>
      </c>
      <c r="LAV53" s="7">
        <f t="shared" si="675"/>
        <v>5103.125</v>
      </c>
      <c r="LAW53" s="7">
        <f t="shared" si="675"/>
        <v>5103.125</v>
      </c>
      <c r="LAX53" s="7">
        <f t="shared" si="675"/>
        <v>5103.125</v>
      </c>
      <c r="LAY53" s="7">
        <f t="shared" si="675"/>
        <v>5103.125</v>
      </c>
      <c r="LAZ53" s="7">
        <f t="shared" si="675"/>
        <v>5103.125</v>
      </c>
      <c r="LBA53" s="7">
        <f t="shared" si="675"/>
        <v>5103.125</v>
      </c>
      <c r="LBB53" s="7">
        <f t="shared" si="675"/>
        <v>5103.125</v>
      </c>
      <c r="LBC53" s="7">
        <f t="shared" si="675"/>
        <v>5103.125</v>
      </c>
      <c r="LBD53" s="7">
        <f t="shared" si="675"/>
        <v>5103.125</v>
      </c>
      <c r="LBE53" s="7">
        <f t="shared" si="675"/>
        <v>5103.125</v>
      </c>
      <c r="LBF53" s="7">
        <f t="shared" si="675"/>
        <v>5103.125</v>
      </c>
      <c r="LBG53" s="7">
        <f t="shared" si="675"/>
        <v>5103.125</v>
      </c>
      <c r="LBH53" s="7">
        <f t="shared" si="675"/>
        <v>5103.125</v>
      </c>
      <c r="LBI53" s="7">
        <f t="shared" si="675"/>
        <v>5103.125</v>
      </c>
      <c r="LBJ53" s="7">
        <f t="shared" si="675"/>
        <v>5103.125</v>
      </c>
      <c r="LBK53" s="7">
        <f t="shared" si="675"/>
        <v>5103.125</v>
      </c>
      <c r="LBL53" s="7">
        <f t="shared" si="675"/>
        <v>5103.125</v>
      </c>
      <c r="LBM53" s="7">
        <f t="shared" si="675"/>
        <v>5103.125</v>
      </c>
      <c r="LBN53" s="7">
        <f t="shared" si="675"/>
        <v>5103.125</v>
      </c>
      <c r="LBO53" s="7">
        <f t="shared" si="675"/>
        <v>5103.125</v>
      </c>
      <c r="LBP53" s="7">
        <f t="shared" si="675"/>
        <v>5103.125</v>
      </c>
      <c r="LBQ53" s="7">
        <f t="shared" si="675"/>
        <v>5103.125</v>
      </c>
      <c r="LBR53" s="7">
        <f t="shared" si="675"/>
        <v>5103.125</v>
      </c>
      <c r="LBS53" s="7">
        <f t="shared" si="675"/>
        <v>5103.125</v>
      </c>
      <c r="LBT53" s="7">
        <f t="shared" si="675"/>
        <v>5103.125</v>
      </c>
      <c r="LBU53" s="7">
        <f t="shared" si="675"/>
        <v>5103.125</v>
      </c>
      <c r="LBV53" s="7">
        <f t="shared" si="675"/>
        <v>5103.125</v>
      </c>
      <c r="LBW53" s="7">
        <f t="shared" si="675"/>
        <v>5103.125</v>
      </c>
      <c r="LBX53" s="7">
        <f t="shared" si="675"/>
        <v>5103.125</v>
      </c>
      <c r="LBY53" s="7">
        <f t="shared" si="675"/>
        <v>5103.125</v>
      </c>
      <c r="LBZ53" s="7">
        <f t="shared" si="675"/>
        <v>5103.125</v>
      </c>
      <c r="LCA53" s="7">
        <f t="shared" si="675"/>
        <v>5103.125</v>
      </c>
      <c r="LCB53" s="7">
        <f t="shared" si="675"/>
        <v>5103.125</v>
      </c>
      <c r="LCC53" s="7">
        <f t="shared" si="675"/>
        <v>5103.125</v>
      </c>
      <c r="LCD53" s="7">
        <f t="shared" si="675"/>
        <v>5103.125</v>
      </c>
      <c r="LCE53" s="7">
        <f t="shared" si="675"/>
        <v>5103.125</v>
      </c>
      <c r="LCF53" s="7">
        <f t="shared" si="675"/>
        <v>5103.125</v>
      </c>
      <c r="LCG53" s="7">
        <f t="shared" si="675"/>
        <v>5103.125</v>
      </c>
      <c r="LCH53" s="7">
        <f t="shared" si="675"/>
        <v>5103.125</v>
      </c>
      <c r="LCI53" s="7">
        <f t="shared" si="675"/>
        <v>5103.125</v>
      </c>
      <c r="LCJ53" s="7">
        <f t="shared" si="675"/>
        <v>5103.125</v>
      </c>
      <c r="LCK53" s="7">
        <f t="shared" si="675"/>
        <v>5103.125</v>
      </c>
      <c r="LCL53" s="7">
        <f t="shared" ref="LCL53:LEW53" si="676">LCL48+LCK53</f>
        <v>5103.125</v>
      </c>
      <c r="LCM53" s="7">
        <f t="shared" si="676"/>
        <v>5103.125</v>
      </c>
      <c r="LCN53" s="7">
        <f t="shared" si="676"/>
        <v>5103.125</v>
      </c>
      <c r="LCO53" s="7">
        <f t="shared" si="676"/>
        <v>5103.125</v>
      </c>
      <c r="LCP53" s="7">
        <f t="shared" si="676"/>
        <v>5103.125</v>
      </c>
      <c r="LCQ53" s="7">
        <f t="shared" si="676"/>
        <v>5103.125</v>
      </c>
      <c r="LCR53" s="7">
        <f t="shared" si="676"/>
        <v>5103.125</v>
      </c>
      <c r="LCS53" s="7">
        <f t="shared" si="676"/>
        <v>5103.125</v>
      </c>
      <c r="LCT53" s="7">
        <f t="shared" si="676"/>
        <v>5103.125</v>
      </c>
      <c r="LCU53" s="7">
        <f t="shared" si="676"/>
        <v>5103.125</v>
      </c>
      <c r="LCV53" s="7">
        <f t="shared" si="676"/>
        <v>5103.125</v>
      </c>
      <c r="LCW53" s="7">
        <f t="shared" si="676"/>
        <v>5103.125</v>
      </c>
      <c r="LCX53" s="7">
        <f t="shared" si="676"/>
        <v>5103.125</v>
      </c>
      <c r="LCY53" s="7">
        <f t="shared" si="676"/>
        <v>5103.125</v>
      </c>
      <c r="LCZ53" s="7">
        <f t="shared" si="676"/>
        <v>5103.125</v>
      </c>
      <c r="LDA53" s="7">
        <f t="shared" si="676"/>
        <v>5103.125</v>
      </c>
      <c r="LDB53" s="7">
        <f t="shared" si="676"/>
        <v>5103.125</v>
      </c>
      <c r="LDC53" s="7">
        <f t="shared" si="676"/>
        <v>5103.125</v>
      </c>
      <c r="LDD53" s="7">
        <f t="shared" si="676"/>
        <v>5103.125</v>
      </c>
      <c r="LDE53" s="7">
        <f t="shared" si="676"/>
        <v>5103.125</v>
      </c>
      <c r="LDF53" s="7">
        <f t="shared" si="676"/>
        <v>5103.125</v>
      </c>
      <c r="LDG53" s="7">
        <f t="shared" si="676"/>
        <v>5103.125</v>
      </c>
      <c r="LDH53" s="7">
        <f t="shared" si="676"/>
        <v>5103.125</v>
      </c>
      <c r="LDI53" s="7">
        <f t="shared" si="676"/>
        <v>5103.125</v>
      </c>
      <c r="LDJ53" s="7">
        <f t="shared" si="676"/>
        <v>5103.125</v>
      </c>
      <c r="LDK53" s="7">
        <f t="shared" si="676"/>
        <v>5103.125</v>
      </c>
      <c r="LDL53" s="7">
        <f t="shared" si="676"/>
        <v>5103.125</v>
      </c>
      <c r="LDM53" s="7">
        <f t="shared" si="676"/>
        <v>5103.125</v>
      </c>
      <c r="LDN53" s="7">
        <f t="shared" si="676"/>
        <v>5103.125</v>
      </c>
      <c r="LDO53" s="7">
        <f t="shared" si="676"/>
        <v>5103.125</v>
      </c>
      <c r="LDP53" s="7">
        <f t="shared" si="676"/>
        <v>5103.125</v>
      </c>
      <c r="LDQ53" s="7">
        <f t="shared" si="676"/>
        <v>5103.125</v>
      </c>
      <c r="LDR53" s="7">
        <f t="shared" si="676"/>
        <v>5103.125</v>
      </c>
      <c r="LDS53" s="7">
        <f t="shared" si="676"/>
        <v>5103.125</v>
      </c>
      <c r="LDT53" s="7">
        <f t="shared" si="676"/>
        <v>5103.125</v>
      </c>
      <c r="LDU53" s="7">
        <f t="shared" si="676"/>
        <v>5103.125</v>
      </c>
      <c r="LDV53" s="7">
        <f t="shared" si="676"/>
        <v>5103.125</v>
      </c>
      <c r="LDW53" s="7">
        <f t="shared" si="676"/>
        <v>5103.125</v>
      </c>
      <c r="LDX53" s="7">
        <f t="shared" si="676"/>
        <v>5103.125</v>
      </c>
      <c r="LDY53" s="7">
        <f t="shared" si="676"/>
        <v>5103.125</v>
      </c>
      <c r="LDZ53" s="7">
        <f t="shared" si="676"/>
        <v>5103.125</v>
      </c>
      <c r="LEA53" s="7">
        <f t="shared" si="676"/>
        <v>5103.125</v>
      </c>
      <c r="LEB53" s="7">
        <f t="shared" si="676"/>
        <v>5103.125</v>
      </c>
      <c r="LEC53" s="7">
        <f t="shared" si="676"/>
        <v>5103.125</v>
      </c>
      <c r="LED53" s="7">
        <f t="shared" si="676"/>
        <v>5103.125</v>
      </c>
      <c r="LEE53" s="7">
        <f t="shared" si="676"/>
        <v>5103.125</v>
      </c>
      <c r="LEF53" s="7">
        <f t="shared" si="676"/>
        <v>5103.125</v>
      </c>
      <c r="LEG53" s="7">
        <f t="shared" si="676"/>
        <v>5103.125</v>
      </c>
      <c r="LEH53" s="7">
        <f t="shared" si="676"/>
        <v>5103.125</v>
      </c>
      <c r="LEI53" s="7">
        <f t="shared" si="676"/>
        <v>5103.125</v>
      </c>
      <c r="LEJ53" s="7">
        <f t="shared" si="676"/>
        <v>5103.125</v>
      </c>
      <c r="LEK53" s="7">
        <f t="shared" si="676"/>
        <v>5103.125</v>
      </c>
      <c r="LEL53" s="7">
        <f t="shared" si="676"/>
        <v>5103.125</v>
      </c>
      <c r="LEM53" s="7">
        <f t="shared" si="676"/>
        <v>5103.125</v>
      </c>
      <c r="LEN53" s="7">
        <f t="shared" si="676"/>
        <v>5103.125</v>
      </c>
      <c r="LEO53" s="7">
        <f t="shared" si="676"/>
        <v>5103.125</v>
      </c>
      <c r="LEP53" s="7">
        <f t="shared" si="676"/>
        <v>5103.125</v>
      </c>
      <c r="LEQ53" s="7">
        <f t="shared" si="676"/>
        <v>5103.125</v>
      </c>
      <c r="LER53" s="7">
        <f t="shared" si="676"/>
        <v>5103.125</v>
      </c>
      <c r="LES53" s="7">
        <f t="shared" si="676"/>
        <v>5103.125</v>
      </c>
      <c r="LET53" s="7">
        <f t="shared" si="676"/>
        <v>5103.125</v>
      </c>
      <c r="LEU53" s="7">
        <f t="shared" si="676"/>
        <v>5103.125</v>
      </c>
      <c r="LEV53" s="7">
        <f t="shared" si="676"/>
        <v>5103.125</v>
      </c>
      <c r="LEW53" s="7">
        <f t="shared" si="676"/>
        <v>5103.125</v>
      </c>
      <c r="LEX53" s="7">
        <f t="shared" ref="LEX53:LHI53" si="677">LEX48+LEW53</f>
        <v>5103.125</v>
      </c>
      <c r="LEY53" s="7">
        <f t="shared" si="677"/>
        <v>5103.125</v>
      </c>
      <c r="LEZ53" s="7">
        <f t="shared" si="677"/>
        <v>5103.125</v>
      </c>
      <c r="LFA53" s="7">
        <f t="shared" si="677"/>
        <v>5103.125</v>
      </c>
      <c r="LFB53" s="7">
        <f t="shared" si="677"/>
        <v>5103.125</v>
      </c>
      <c r="LFC53" s="7">
        <f t="shared" si="677"/>
        <v>5103.125</v>
      </c>
      <c r="LFD53" s="7">
        <f t="shared" si="677"/>
        <v>5103.125</v>
      </c>
      <c r="LFE53" s="7">
        <f t="shared" si="677"/>
        <v>5103.125</v>
      </c>
      <c r="LFF53" s="7">
        <f t="shared" si="677"/>
        <v>5103.125</v>
      </c>
      <c r="LFG53" s="7">
        <f t="shared" si="677"/>
        <v>5103.125</v>
      </c>
      <c r="LFH53" s="7">
        <f t="shared" si="677"/>
        <v>5103.125</v>
      </c>
      <c r="LFI53" s="7">
        <f t="shared" si="677"/>
        <v>5103.125</v>
      </c>
      <c r="LFJ53" s="7">
        <f t="shared" si="677"/>
        <v>5103.125</v>
      </c>
      <c r="LFK53" s="7">
        <f t="shared" si="677"/>
        <v>5103.125</v>
      </c>
      <c r="LFL53" s="7">
        <f t="shared" si="677"/>
        <v>5103.125</v>
      </c>
      <c r="LFM53" s="7">
        <f t="shared" si="677"/>
        <v>5103.125</v>
      </c>
      <c r="LFN53" s="7">
        <f t="shared" si="677"/>
        <v>5103.125</v>
      </c>
      <c r="LFO53" s="7">
        <f t="shared" si="677"/>
        <v>5103.125</v>
      </c>
      <c r="LFP53" s="7">
        <f t="shared" si="677"/>
        <v>5103.125</v>
      </c>
      <c r="LFQ53" s="7">
        <f t="shared" si="677"/>
        <v>5103.125</v>
      </c>
      <c r="LFR53" s="7">
        <f t="shared" si="677"/>
        <v>5103.125</v>
      </c>
      <c r="LFS53" s="7">
        <f t="shared" si="677"/>
        <v>5103.125</v>
      </c>
      <c r="LFT53" s="7">
        <f t="shared" si="677"/>
        <v>5103.125</v>
      </c>
      <c r="LFU53" s="7">
        <f t="shared" si="677"/>
        <v>5103.125</v>
      </c>
      <c r="LFV53" s="7">
        <f t="shared" si="677"/>
        <v>5103.125</v>
      </c>
      <c r="LFW53" s="7">
        <f t="shared" si="677"/>
        <v>5103.125</v>
      </c>
      <c r="LFX53" s="7">
        <f t="shared" si="677"/>
        <v>5103.125</v>
      </c>
      <c r="LFY53" s="7">
        <f t="shared" si="677"/>
        <v>5103.125</v>
      </c>
      <c r="LFZ53" s="7">
        <f t="shared" si="677"/>
        <v>5103.125</v>
      </c>
      <c r="LGA53" s="7">
        <f t="shared" si="677"/>
        <v>5103.125</v>
      </c>
      <c r="LGB53" s="7">
        <f t="shared" si="677"/>
        <v>5103.125</v>
      </c>
      <c r="LGC53" s="7">
        <f t="shared" si="677"/>
        <v>5103.125</v>
      </c>
      <c r="LGD53" s="7">
        <f t="shared" si="677"/>
        <v>5103.125</v>
      </c>
      <c r="LGE53" s="7">
        <f t="shared" si="677"/>
        <v>5103.125</v>
      </c>
      <c r="LGF53" s="7">
        <f t="shared" si="677"/>
        <v>5103.125</v>
      </c>
      <c r="LGG53" s="7">
        <f t="shared" si="677"/>
        <v>5103.125</v>
      </c>
      <c r="LGH53" s="7">
        <f t="shared" si="677"/>
        <v>5103.125</v>
      </c>
      <c r="LGI53" s="7">
        <f t="shared" si="677"/>
        <v>5103.125</v>
      </c>
      <c r="LGJ53" s="7">
        <f t="shared" si="677"/>
        <v>5103.125</v>
      </c>
      <c r="LGK53" s="7">
        <f t="shared" si="677"/>
        <v>5103.125</v>
      </c>
      <c r="LGL53" s="7">
        <f t="shared" si="677"/>
        <v>5103.125</v>
      </c>
      <c r="LGM53" s="7">
        <f t="shared" si="677"/>
        <v>5103.125</v>
      </c>
      <c r="LGN53" s="7">
        <f t="shared" si="677"/>
        <v>5103.125</v>
      </c>
      <c r="LGO53" s="7">
        <f t="shared" si="677"/>
        <v>5103.125</v>
      </c>
      <c r="LGP53" s="7">
        <f t="shared" si="677"/>
        <v>5103.125</v>
      </c>
      <c r="LGQ53" s="7">
        <f t="shared" si="677"/>
        <v>5103.125</v>
      </c>
      <c r="LGR53" s="7">
        <f t="shared" si="677"/>
        <v>5103.125</v>
      </c>
      <c r="LGS53" s="7">
        <f t="shared" si="677"/>
        <v>5103.125</v>
      </c>
      <c r="LGT53" s="7">
        <f t="shared" si="677"/>
        <v>5103.125</v>
      </c>
      <c r="LGU53" s="7">
        <f t="shared" si="677"/>
        <v>5103.125</v>
      </c>
      <c r="LGV53" s="7">
        <f t="shared" si="677"/>
        <v>5103.125</v>
      </c>
      <c r="LGW53" s="7">
        <f t="shared" si="677"/>
        <v>5103.125</v>
      </c>
      <c r="LGX53" s="7">
        <f t="shared" si="677"/>
        <v>5103.125</v>
      </c>
      <c r="LGY53" s="7">
        <f t="shared" si="677"/>
        <v>5103.125</v>
      </c>
      <c r="LGZ53" s="7">
        <f t="shared" si="677"/>
        <v>5103.125</v>
      </c>
      <c r="LHA53" s="7">
        <f t="shared" si="677"/>
        <v>5103.125</v>
      </c>
      <c r="LHB53" s="7">
        <f t="shared" si="677"/>
        <v>5103.125</v>
      </c>
      <c r="LHC53" s="7">
        <f t="shared" si="677"/>
        <v>5103.125</v>
      </c>
      <c r="LHD53" s="7">
        <f t="shared" si="677"/>
        <v>5103.125</v>
      </c>
      <c r="LHE53" s="7">
        <f t="shared" si="677"/>
        <v>5103.125</v>
      </c>
      <c r="LHF53" s="7">
        <f t="shared" si="677"/>
        <v>5103.125</v>
      </c>
      <c r="LHG53" s="7">
        <f t="shared" si="677"/>
        <v>5103.125</v>
      </c>
      <c r="LHH53" s="7">
        <f t="shared" si="677"/>
        <v>5103.125</v>
      </c>
      <c r="LHI53" s="7">
        <f t="shared" si="677"/>
        <v>5103.125</v>
      </c>
      <c r="LHJ53" s="7">
        <f t="shared" ref="LHJ53:LJU53" si="678">LHJ48+LHI53</f>
        <v>5103.125</v>
      </c>
      <c r="LHK53" s="7">
        <f t="shared" si="678"/>
        <v>5103.125</v>
      </c>
      <c r="LHL53" s="7">
        <f t="shared" si="678"/>
        <v>5103.125</v>
      </c>
      <c r="LHM53" s="7">
        <f t="shared" si="678"/>
        <v>5103.125</v>
      </c>
      <c r="LHN53" s="7">
        <f t="shared" si="678"/>
        <v>5103.125</v>
      </c>
      <c r="LHO53" s="7">
        <f t="shared" si="678"/>
        <v>5103.125</v>
      </c>
      <c r="LHP53" s="7">
        <f t="shared" si="678"/>
        <v>5103.125</v>
      </c>
      <c r="LHQ53" s="7">
        <f t="shared" si="678"/>
        <v>5103.125</v>
      </c>
      <c r="LHR53" s="7">
        <f t="shared" si="678"/>
        <v>5103.125</v>
      </c>
      <c r="LHS53" s="7">
        <f t="shared" si="678"/>
        <v>5103.125</v>
      </c>
      <c r="LHT53" s="7">
        <f t="shared" si="678"/>
        <v>5103.125</v>
      </c>
      <c r="LHU53" s="7">
        <f t="shared" si="678"/>
        <v>5103.125</v>
      </c>
      <c r="LHV53" s="7">
        <f t="shared" si="678"/>
        <v>5103.125</v>
      </c>
      <c r="LHW53" s="7">
        <f t="shared" si="678"/>
        <v>5103.125</v>
      </c>
      <c r="LHX53" s="7">
        <f t="shared" si="678"/>
        <v>5103.125</v>
      </c>
      <c r="LHY53" s="7">
        <f t="shared" si="678"/>
        <v>5103.125</v>
      </c>
      <c r="LHZ53" s="7">
        <f t="shared" si="678"/>
        <v>5103.125</v>
      </c>
      <c r="LIA53" s="7">
        <f t="shared" si="678"/>
        <v>5103.125</v>
      </c>
      <c r="LIB53" s="7">
        <f t="shared" si="678"/>
        <v>5103.125</v>
      </c>
      <c r="LIC53" s="7">
        <f t="shared" si="678"/>
        <v>5103.125</v>
      </c>
      <c r="LID53" s="7">
        <f t="shared" si="678"/>
        <v>5103.125</v>
      </c>
      <c r="LIE53" s="7">
        <f t="shared" si="678"/>
        <v>5103.125</v>
      </c>
      <c r="LIF53" s="7">
        <f t="shared" si="678"/>
        <v>5103.125</v>
      </c>
      <c r="LIG53" s="7">
        <f t="shared" si="678"/>
        <v>5103.125</v>
      </c>
      <c r="LIH53" s="7">
        <f t="shared" si="678"/>
        <v>5103.125</v>
      </c>
      <c r="LII53" s="7">
        <f t="shared" si="678"/>
        <v>5103.125</v>
      </c>
      <c r="LIJ53" s="7">
        <f t="shared" si="678"/>
        <v>5103.125</v>
      </c>
      <c r="LIK53" s="7">
        <f t="shared" si="678"/>
        <v>5103.125</v>
      </c>
      <c r="LIL53" s="7">
        <f t="shared" si="678"/>
        <v>5103.125</v>
      </c>
      <c r="LIM53" s="7">
        <f t="shared" si="678"/>
        <v>5103.125</v>
      </c>
      <c r="LIN53" s="7">
        <f t="shared" si="678"/>
        <v>5103.125</v>
      </c>
      <c r="LIO53" s="7">
        <f t="shared" si="678"/>
        <v>5103.125</v>
      </c>
      <c r="LIP53" s="7">
        <f t="shared" si="678"/>
        <v>5103.125</v>
      </c>
      <c r="LIQ53" s="7">
        <f t="shared" si="678"/>
        <v>5103.125</v>
      </c>
      <c r="LIR53" s="7">
        <f t="shared" si="678"/>
        <v>5103.125</v>
      </c>
      <c r="LIS53" s="7">
        <f t="shared" si="678"/>
        <v>5103.125</v>
      </c>
      <c r="LIT53" s="7">
        <f t="shared" si="678"/>
        <v>5103.125</v>
      </c>
      <c r="LIU53" s="7">
        <f t="shared" si="678"/>
        <v>5103.125</v>
      </c>
      <c r="LIV53" s="7">
        <f t="shared" si="678"/>
        <v>5103.125</v>
      </c>
      <c r="LIW53" s="7">
        <f t="shared" si="678"/>
        <v>5103.125</v>
      </c>
      <c r="LIX53" s="7">
        <f t="shared" si="678"/>
        <v>5103.125</v>
      </c>
      <c r="LIY53" s="7">
        <f t="shared" si="678"/>
        <v>5103.125</v>
      </c>
      <c r="LIZ53" s="7">
        <f t="shared" si="678"/>
        <v>5103.125</v>
      </c>
      <c r="LJA53" s="7">
        <f t="shared" si="678"/>
        <v>5103.125</v>
      </c>
      <c r="LJB53" s="7">
        <f t="shared" si="678"/>
        <v>5103.125</v>
      </c>
      <c r="LJC53" s="7">
        <f t="shared" si="678"/>
        <v>5103.125</v>
      </c>
      <c r="LJD53" s="7">
        <f t="shared" si="678"/>
        <v>5103.125</v>
      </c>
      <c r="LJE53" s="7">
        <f t="shared" si="678"/>
        <v>5103.125</v>
      </c>
      <c r="LJF53" s="7">
        <f t="shared" si="678"/>
        <v>5103.125</v>
      </c>
      <c r="LJG53" s="7">
        <f t="shared" si="678"/>
        <v>5103.125</v>
      </c>
      <c r="LJH53" s="7">
        <f t="shared" si="678"/>
        <v>5103.125</v>
      </c>
      <c r="LJI53" s="7">
        <f t="shared" si="678"/>
        <v>5103.125</v>
      </c>
      <c r="LJJ53" s="7">
        <f t="shared" si="678"/>
        <v>5103.125</v>
      </c>
      <c r="LJK53" s="7">
        <f t="shared" si="678"/>
        <v>5103.125</v>
      </c>
      <c r="LJL53" s="7">
        <f t="shared" si="678"/>
        <v>5103.125</v>
      </c>
      <c r="LJM53" s="7">
        <f t="shared" si="678"/>
        <v>5103.125</v>
      </c>
      <c r="LJN53" s="7">
        <f t="shared" si="678"/>
        <v>5103.125</v>
      </c>
      <c r="LJO53" s="7">
        <f t="shared" si="678"/>
        <v>5103.125</v>
      </c>
      <c r="LJP53" s="7">
        <f t="shared" si="678"/>
        <v>5103.125</v>
      </c>
      <c r="LJQ53" s="7">
        <f t="shared" si="678"/>
        <v>5103.125</v>
      </c>
      <c r="LJR53" s="7">
        <f t="shared" si="678"/>
        <v>5103.125</v>
      </c>
      <c r="LJS53" s="7">
        <f t="shared" si="678"/>
        <v>5103.125</v>
      </c>
      <c r="LJT53" s="7">
        <f t="shared" si="678"/>
        <v>5103.125</v>
      </c>
      <c r="LJU53" s="7">
        <f t="shared" si="678"/>
        <v>5103.125</v>
      </c>
      <c r="LJV53" s="7">
        <f t="shared" ref="LJV53:LMG53" si="679">LJV48+LJU53</f>
        <v>5103.125</v>
      </c>
      <c r="LJW53" s="7">
        <f t="shared" si="679"/>
        <v>5103.125</v>
      </c>
      <c r="LJX53" s="7">
        <f t="shared" si="679"/>
        <v>5103.125</v>
      </c>
      <c r="LJY53" s="7">
        <f t="shared" si="679"/>
        <v>5103.125</v>
      </c>
      <c r="LJZ53" s="7">
        <f t="shared" si="679"/>
        <v>5103.125</v>
      </c>
      <c r="LKA53" s="7">
        <f t="shared" si="679"/>
        <v>5103.125</v>
      </c>
      <c r="LKB53" s="7">
        <f t="shared" si="679"/>
        <v>5103.125</v>
      </c>
      <c r="LKC53" s="7">
        <f t="shared" si="679"/>
        <v>5103.125</v>
      </c>
      <c r="LKD53" s="7">
        <f t="shared" si="679"/>
        <v>5103.125</v>
      </c>
      <c r="LKE53" s="7">
        <f t="shared" si="679"/>
        <v>5103.125</v>
      </c>
      <c r="LKF53" s="7">
        <f t="shared" si="679"/>
        <v>5103.125</v>
      </c>
      <c r="LKG53" s="7">
        <f t="shared" si="679"/>
        <v>5103.125</v>
      </c>
      <c r="LKH53" s="7">
        <f t="shared" si="679"/>
        <v>5103.125</v>
      </c>
      <c r="LKI53" s="7">
        <f t="shared" si="679"/>
        <v>5103.125</v>
      </c>
      <c r="LKJ53" s="7">
        <f t="shared" si="679"/>
        <v>5103.125</v>
      </c>
      <c r="LKK53" s="7">
        <f t="shared" si="679"/>
        <v>5103.125</v>
      </c>
      <c r="LKL53" s="7">
        <f t="shared" si="679"/>
        <v>5103.125</v>
      </c>
      <c r="LKM53" s="7">
        <f t="shared" si="679"/>
        <v>5103.125</v>
      </c>
      <c r="LKN53" s="7">
        <f t="shared" si="679"/>
        <v>5103.125</v>
      </c>
      <c r="LKO53" s="7">
        <f t="shared" si="679"/>
        <v>5103.125</v>
      </c>
      <c r="LKP53" s="7">
        <f t="shared" si="679"/>
        <v>5103.125</v>
      </c>
      <c r="LKQ53" s="7">
        <f t="shared" si="679"/>
        <v>5103.125</v>
      </c>
      <c r="LKR53" s="7">
        <f t="shared" si="679"/>
        <v>5103.125</v>
      </c>
      <c r="LKS53" s="7">
        <f t="shared" si="679"/>
        <v>5103.125</v>
      </c>
      <c r="LKT53" s="7">
        <f t="shared" si="679"/>
        <v>5103.125</v>
      </c>
      <c r="LKU53" s="7">
        <f t="shared" si="679"/>
        <v>5103.125</v>
      </c>
      <c r="LKV53" s="7">
        <f t="shared" si="679"/>
        <v>5103.125</v>
      </c>
      <c r="LKW53" s="7">
        <f t="shared" si="679"/>
        <v>5103.125</v>
      </c>
      <c r="LKX53" s="7">
        <f t="shared" si="679"/>
        <v>5103.125</v>
      </c>
      <c r="LKY53" s="7">
        <f t="shared" si="679"/>
        <v>5103.125</v>
      </c>
      <c r="LKZ53" s="7">
        <f t="shared" si="679"/>
        <v>5103.125</v>
      </c>
      <c r="LLA53" s="7">
        <f t="shared" si="679"/>
        <v>5103.125</v>
      </c>
      <c r="LLB53" s="7">
        <f t="shared" si="679"/>
        <v>5103.125</v>
      </c>
      <c r="LLC53" s="7">
        <f t="shared" si="679"/>
        <v>5103.125</v>
      </c>
      <c r="LLD53" s="7">
        <f t="shared" si="679"/>
        <v>5103.125</v>
      </c>
      <c r="LLE53" s="7">
        <f t="shared" si="679"/>
        <v>5103.125</v>
      </c>
      <c r="LLF53" s="7">
        <f t="shared" si="679"/>
        <v>5103.125</v>
      </c>
      <c r="LLG53" s="7">
        <f t="shared" si="679"/>
        <v>5103.125</v>
      </c>
      <c r="LLH53" s="7">
        <f t="shared" si="679"/>
        <v>5103.125</v>
      </c>
      <c r="LLI53" s="7">
        <f t="shared" si="679"/>
        <v>5103.125</v>
      </c>
      <c r="LLJ53" s="7">
        <f t="shared" si="679"/>
        <v>5103.125</v>
      </c>
      <c r="LLK53" s="7">
        <f t="shared" si="679"/>
        <v>5103.125</v>
      </c>
      <c r="LLL53" s="7">
        <f t="shared" si="679"/>
        <v>5103.125</v>
      </c>
      <c r="LLM53" s="7">
        <f t="shared" si="679"/>
        <v>5103.125</v>
      </c>
      <c r="LLN53" s="7">
        <f t="shared" si="679"/>
        <v>5103.125</v>
      </c>
      <c r="LLO53" s="7">
        <f t="shared" si="679"/>
        <v>5103.125</v>
      </c>
      <c r="LLP53" s="7">
        <f t="shared" si="679"/>
        <v>5103.125</v>
      </c>
      <c r="LLQ53" s="7">
        <f t="shared" si="679"/>
        <v>5103.125</v>
      </c>
      <c r="LLR53" s="7">
        <f t="shared" si="679"/>
        <v>5103.125</v>
      </c>
      <c r="LLS53" s="7">
        <f t="shared" si="679"/>
        <v>5103.125</v>
      </c>
      <c r="LLT53" s="7">
        <f t="shared" si="679"/>
        <v>5103.125</v>
      </c>
      <c r="LLU53" s="7">
        <f t="shared" si="679"/>
        <v>5103.125</v>
      </c>
      <c r="LLV53" s="7">
        <f t="shared" si="679"/>
        <v>5103.125</v>
      </c>
      <c r="LLW53" s="7">
        <f t="shared" si="679"/>
        <v>5103.125</v>
      </c>
      <c r="LLX53" s="7">
        <f t="shared" si="679"/>
        <v>5103.125</v>
      </c>
      <c r="LLY53" s="7">
        <f t="shared" si="679"/>
        <v>5103.125</v>
      </c>
      <c r="LLZ53" s="7">
        <f t="shared" si="679"/>
        <v>5103.125</v>
      </c>
      <c r="LMA53" s="7">
        <f t="shared" si="679"/>
        <v>5103.125</v>
      </c>
      <c r="LMB53" s="7">
        <f t="shared" si="679"/>
        <v>5103.125</v>
      </c>
      <c r="LMC53" s="7">
        <f t="shared" si="679"/>
        <v>5103.125</v>
      </c>
      <c r="LMD53" s="7">
        <f t="shared" si="679"/>
        <v>5103.125</v>
      </c>
      <c r="LME53" s="7">
        <f t="shared" si="679"/>
        <v>5103.125</v>
      </c>
      <c r="LMF53" s="7">
        <f t="shared" si="679"/>
        <v>5103.125</v>
      </c>
      <c r="LMG53" s="7">
        <f t="shared" si="679"/>
        <v>5103.125</v>
      </c>
      <c r="LMH53" s="7">
        <f t="shared" ref="LMH53:LOS53" si="680">LMH48+LMG53</f>
        <v>5103.125</v>
      </c>
      <c r="LMI53" s="7">
        <f t="shared" si="680"/>
        <v>5103.125</v>
      </c>
      <c r="LMJ53" s="7">
        <f t="shared" si="680"/>
        <v>5103.125</v>
      </c>
      <c r="LMK53" s="7">
        <f t="shared" si="680"/>
        <v>5103.125</v>
      </c>
      <c r="LML53" s="7">
        <f t="shared" si="680"/>
        <v>5103.125</v>
      </c>
      <c r="LMM53" s="7">
        <f t="shared" si="680"/>
        <v>5103.125</v>
      </c>
      <c r="LMN53" s="7">
        <f t="shared" si="680"/>
        <v>5103.125</v>
      </c>
      <c r="LMO53" s="7">
        <f t="shared" si="680"/>
        <v>5103.125</v>
      </c>
      <c r="LMP53" s="7">
        <f t="shared" si="680"/>
        <v>5103.125</v>
      </c>
      <c r="LMQ53" s="7">
        <f t="shared" si="680"/>
        <v>5103.125</v>
      </c>
      <c r="LMR53" s="7">
        <f t="shared" si="680"/>
        <v>5103.125</v>
      </c>
      <c r="LMS53" s="7">
        <f t="shared" si="680"/>
        <v>5103.125</v>
      </c>
      <c r="LMT53" s="7">
        <f t="shared" si="680"/>
        <v>5103.125</v>
      </c>
      <c r="LMU53" s="7">
        <f t="shared" si="680"/>
        <v>5103.125</v>
      </c>
      <c r="LMV53" s="7">
        <f t="shared" si="680"/>
        <v>5103.125</v>
      </c>
      <c r="LMW53" s="7">
        <f t="shared" si="680"/>
        <v>5103.125</v>
      </c>
      <c r="LMX53" s="7">
        <f t="shared" si="680"/>
        <v>5103.125</v>
      </c>
      <c r="LMY53" s="7">
        <f t="shared" si="680"/>
        <v>5103.125</v>
      </c>
      <c r="LMZ53" s="7">
        <f t="shared" si="680"/>
        <v>5103.125</v>
      </c>
      <c r="LNA53" s="7">
        <f t="shared" si="680"/>
        <v>5103.125</v>
      </c>
      <c r="LNB53" s="7">
        <f t="shared" si="680"/>
        <v>5103.125</v>
      </c>
      <c r="LNC53" s="7">
        <f t="shared" si="680"/>
        <v>5103.125</v>
      </c>
      <c r="LND53" s="7">
        <f t="shared" si="680"/>
        <v>5103.125</v>
      </c>
      <c r="LNE53" s="7">
        <f t="shared" si="680"/>
        <v>5103.125</v>
      </c>
      <c r="LNF53" s="7">
        <f t="shared" si="680"/>
        <v>5103.125</v>
      </c>
      <c r="LNG53" s="7">
        <f t="shared" si="680"/>
        <v>5103.125</v>
      </c>
      <c r="LNH53" s="7">
        <f t="shared" si="680"/>
        <v>5103.125</v>
      </c>
      <c r="LNI53" s="7">
        <f t="shared" si="680"/>
        <v>5103.125</v>
      </c>
      <c r="LNJ53" s="7">
        <f t="shared" si="680"/>
        <v>5103.125</v>
      </c>
      <c r="LNK53" s="7">
        <f t="shared" si="680"/>
        <v>5103.125</v>
      </c>
      <c r="LNL53" s="7">
        <f t="shared" si="680"/>
        <v>5103.125</v>
      </c>
      <c r="LNM53" s="7">
        <f t="shared" si="680"/>
        <v>5103.125</v>
      </c>
      <c r="LNN53" s="7">
        <f t="shared" si="680"/>
        <v>5103.125</v>
      </c>
      <c r="LNO53" s="7">
        <f t="shared" si="680"/>
        <v>5103.125</v>
      </c>
      <c r="LNP53" s="7">
        <f t="shared" si="680"/>
        <v>5103.125</v>
      </c>
      <c r="LNQ53" s="7">
        <f t="shared" si="680"/>
        <v>5103.125</v>
      </c>
      <c r="LNR53" s="7">
        <f t="shared" si="680"/>
        <v>5103.125</v>
      </c>
      <c r="LNS53" s="7">
        <f t="shared" si="680"/>
        <v>5103.125</v>
      </c>
      <c r="LNT53" s="7">
        <f t="shared" si="680"/>
        <v>5103.125</v>
      </c>
      <c r="LNU53" s="7">
        <f t="shared" si="680"/>
        <v>5103.125</v>
      </c>
      <c r="LNV53" s="7">
        <f t="shared" si="680"/>
        <v>5103.125</v>
      </c>
      <c r="LNW53" s="7">
        <f t="shared" si="680"/>
        <v>5103.125</v>
      </c>
      <c r="LNX53" s="7">
        <f t="shared" si="680"/>
        <v>5103.125</v>
      </c>
      <c r="LNY53" s="7">
        <f t="shared" si="680"/>
        <v>5103.125</v>
      </c>
      <c r="LNZ53" s="7">
        <f t="shared" si="680"/>
        <v>5103.125</v>
      </c>
      <c r="LOA53" s="7">
        <f t="shared" si="680"/>
        <v>5103.125</v>
      </c>
      <c r="LOB53" s="7">
        <f t="shared" si="680"/>
        <v>5103.125</v>
      </c>
      <c r="LOC53" s="7">
        <f t="shared" si="680"/>
        <v>5103.125</v>
      </c>
      <c r="LOD53" s="7">
        <f t="shared" si="680"/>
        <v>5103.125</v>
      </c>
      <c r="LOE53" s="7">
        <f t="shared" si="680"/>
        <v>5103.125</v>
      </c>
      <c r="LOF53" s="7">
        <f t="shared" si="680"/>
        <v>5103.125</v>
      </c>
      <c r="LOG53" s="7">
        <f t="shared" si="680"/>
        <v>5103.125</v>
      </c>
      <c r="LOH53" s="7">
        <f t="shared" si="680"/>
        <v>5103.125</v>
      </c>
      <c r="LOI53" s="7">
        <f t="shared" si="680"/>
        <v>5103.125</v>
      </c>
      <c r="LOJ53" s="7">
        <f t="shared" si="680"/>
        <v>5103.125</v>
      </c>
      <c r="LOK53" s="7">
        <f t="shared" si="680"/>
        <v>5103.125</v>
      </c>
      <c r="LOL53" s="7">
        <f t="shared" si="680"/>
        <v>5103.125</v>
      </c>
      <c r="LOM53" s="7">
        <f t="shared" si="680"/>
        <v>5103.125</v>
      </c>
      <c r="LON53" s="7">
        <f t="shared" si="680"/>
        <v>5103.125</v>
      </c>
      <c r="LOO53" s="7">
        <f t="shared" si="680"/>
        <v>5103.125</v>
      </c>
      <c r="LOP53" s="7">
        <f t="shared" si="680"/>
        <v>5103.125</v>
      </c>
      <c r="LOQ53" s="7">
        <f t="shared" si="680"/>
        <v>5103.125</v>
      </c>
      <c r="LOR53" s="7">
        <f t="shared" si="680"/>
        <v>5103.125</v>
      </c>
      <c r="LOS53" s="7">
        <f t="shared" si="680"/>
        <v>5103.125</v>
      </c>
      <c r="LOT53" s="7">
        <f t="shared" ref="LOT53:LRE53" si="681">LOT48+LOS53</f>
        <v>5103.125</v>
      </c>
      <c r="LOU53" s="7">
        <f t="shared" si="681"/>
        <v>5103.125</v>
      </c>
      <c r="LOV53" s="7">
        <f t="shared" si="681"/>
        <v>5103.125</v>
      </c>
      <c r="LOW53" s="7">
        <f t="shared" si="681"/>
        <v>5103.125</v>
      </c>
      <c r="LOX53" s="7">
        <f t="shared" si="681"/>
        <v>5103.125</v>
      </c>
      <c r="LOY53" s="7">
        <f t="shared" si="681"/>
        <v>5103.125</v>
      </c>
      <c r="LOZ53" s="7">
        <f t="shared" si="681"/>
        <v>5103.125</v>
      </c>
      <c r="LPA53" s="7">
        <f t="shared" si="681"/>
        <v>5103.125</v>
      </c>
      <c r="LPB53" s="7">
        <f t="shared" si="681"/>
        <v>5103.125</v>
      </c>
      <c r="LPC53" s="7">
        <f t="shared" si="681"/>
        <v>5103.125</v>
      </c>
      <c r="LPD53" s="7">
        <f t="shared" si="681"/>
        <v>5103.125</v>
      </c>
      <c r="LPE53" s="7">
        <f t="shared" si="681"/>
        <v>5103.125</v>
      </c>
      <c r="LPF53" s="7">
        <f t="shared" si="681"/>
        <v>5103.125</v>
      </c>
      <c r="LPG53" s="7">
        <f t="shared" si="681"/>
        <v>5103.125</v>
      </c>
      <c r="LPH53" s="7">
        <f t="shared" si="681"/>
        <v>5103.125</v>
      </c>
      <c r="LPI53" s="7">
        <f t="shared" si="681"/>
        <v>5103.125</v>
      </c>
      <c r="LPJ53" s="7">
        <f t="shared" si="681"/>
        <v>5103.125</v>
      </c>
      <c r="LPK53" s="7">
        <f t="shared" si="681"/>
        <v>5103.125</v>
      </c>
      <c r="LPL53" s="7">
        <f t="shared" si="681"/>
        <v>5103.125</v>
      </c>
      <c r="LPM53" s="7">
        <f t="shared" si="681"/>
        <v>5103.125</v>
      </c>
      <c r="LPN53" s="7">
        <f t="shared" si="681"/>
        <v>5103.125</v>
      </c>
      <c r="LPO53" s="7">
        <f t="shared" si="681"/>
        <v>5103.125</v>
      </c>
      <c r="LPP53" s="7">
        <f t="shared" si="681"/>
        <v>5103.125</v>
      </c>
      <c r="LPQ53" s="7">
        <f t="shared" si="681"/>
        <v>5103.125</v>
      </c>
      <c r="LPR53" s="7">
        <f t="shared" si="681"/>
        <v>5103.125</v>
      </c>
      <c r="LPS53" s="7">
        <f t="shared" si="681"/>
        <v>5103.125</v>
      </c>
      <c r="LPT53" s="7">
        <f t="shared" si="681"/>
        <v>5103.125</v>
      </c>
      <c r="LPU53" s="7">
        <f t="shared" si="681"/>
        <v>5103.125</v>
      </c>
      <c r="LPV53" s="7">
        <f t="shared" si="681"/>
        <v>5103.125</v>
      </c>
      <c r="LPW53" s="7">
        <f t="shared" si="681"/>
        <v>5103.125</v>
      </c>
      <c r="LPX53" s="7">
        <f t="shared" si="681"/>
        <v>5103.125</v>
      </c>
      <c r="LPY53" s="7">
        <f t="shared" si="681"/>
        <v>5103.125</v>
      </c>
      <c r="LPZ53" s="7">
        <f t="shared" si="681"/>
        <v>5103.125</v>
      </c>
      <c r="LQA53" s="7">
        <f t="shared" si="681"/>
        <v>5103.125</v>
      </c>
      <c r="LQB53" s="7">
        <f t="shared" si="681"/>
        <v>5103.125</v>
      </c>
      <c r="LQC53" s="7">
        <f t="shared" si="681"/>
        <v>5103.125</v>
      </c>
      <c r="LQD53" s="7">
        <f t="shared" si="681"/>
        <v>5103.125</v>
      </c>
      <c r="LQE53" s="7">
        <f t="shared" si="681"/>
        <v>5103.125</v>
      </c>
      <c r="LQF53" s="7">
        <f t="shared" si="681"/>
        <v>5103.125</v>
      </c>
      <c r="LQG53" s="7">
        <f t="shared" si="681"/>
        <v>5103.125</v>
      </c>
      <c r="LQH53" s="7">
        <f t="shared" si="681"/>
        <v>5103.125</v>
      </c>
      <c r="LQI53" s="7">
        <f t="shared" si="681"/>
        <v>5103.125</v>
      </c>
      <c r="LQJ53" s="7">
        <f t="shared" si="681"/>
        <v>5103.125</v>
      </c>
      <c r="LQK53" s="7">
        <f t="shared" si="681"/>
        <v>5103.125</v>
      </c>
      <c r="LQL53" s="7">
        <f t="shared" si="681"/>
        <v>5103.125</v>
      </c>
      <c r="LQM53" s="7">
        <f t="shared" si="681"/>
        <v>5103.125</v>
      </c>
      <c r="LQN53" s="7">
        <f t="shared" si="681"/>
        <v>5103.125</v>
      </c>
      <c r="LQO53" s="7">
        <f t="shared" si="681"/>
        <v>5103.125</v>
      </c>
      <c r="LQP53" s="7">
        <f t="shared" si="681"/>
        <v>5103.125</v>
      </c>
      <c r="LQQ53" s="7">
        <f t="shared" si="681"/>
        <v>5103.125</v>
      </c>
      <c r="LQR53" s="7">
        <f t="shared" si="681"/>
        <v>5103.125</v>
      </c>
      <c r="LQS53" s="7">
        <f t="shared" si="681"/>
        <v>5103.125</v>
      </c>
      <c r="LQT53" s="7">
        <f t="shared" si="681"/>
        <v>5103.125</v>
      </c>
      <c r="LQU53" s="7">
        <f t="shared" si="681"/>
        <v>5103.125</v>
      </c>
      <c r="LQV53" s="7">
        <f t="shared" si="681"/>
        <v>5103.125</v>
      </c>
      <c r="LQW53" s="7">
        <f t="shared" si="681"/>
        <v>5103.125</v>
      </c>
      <c r="LQX53" s="7">
        <f t="shared" si="681"/>
        <v>5103.125</v>
      </c>
      <c r="LQY53" s="7">
        <f t="shared" si="681"/>
        <v>5103.125</v>
      </c>
      <c r="LQZ53" s="7">
        <f t="shared" si="681"/>
        <v>5103.125</v>
      </c>
      <c r="LRA53" s="7">
        <f t="shared" si="681"/>
        <v>5103.125</v>
      </c>
      <c r="LRB53" s="7">
        <f t="shared" si="681"/>
        <v>5103.125</v>
      </c>
      <c r="LRC53" s="7">
        <f t="shared" si="681"/>
        <v>5103.125</v>
      </c>
      <c r="LRD53" s="7">
        <f t="shared" si="681"/>
        <v>5103.125</v>
      </c>
      <c r="LRE53" s="7">
        <f t="shared" si="681"/>
        <v>5103.125</v>
      </c>
      <c r="LRF53" s="7">
        <f t="shared" ref="LRF53:LTQ53" si="682">LRF48+LRE53</f>
        <v>5103.125</v>
      </c>
      <c r="LRG53" s="7">
        <f t="shared" si="682"/>
        <v>5103.125</v>
      </c>
      <c r="LRH53" s="7">
        <f t="shared" si="682"/>
        <v>5103.125</v>
      </c>
      <c r="LRI53" s="7">
        <f t="shared" si="682"/>
        <v>5103.125</v>
      </c>
      <c r="LRJ53" s="7">
        <f t="shared" si="682"/>
        <v>5103.125</v>
      </c>
      <c r="LRK53" s="7">
        <f t="shared" si="682"/>
        <v>5103.125</v>
      </c>
      <c r="LRL53" s="7">
        <f t="shared" si="682"/>
        <v>5103.125</v>
      </c>
      <c r="LRM53" s="7">
        <f t="shared" si="682"/>
        <v>5103.125</v>
      </c>
      <c r="LRN53" s="7">
        <f t="shared" si="682"/>
        <v>5103.125</v>
      </c>
      <c r="LRO53" s="7">
        <f t="shared" si="682"/>
        <v>5103.125</v>
      </c>
      <c r="LRP53" s="7">
        <f t="shared" si="682"/>
        <v>5103.125</v>
      </c>
      <c r="LRQ53" s="7">
        <f t="shared" si="682"/>
        <v>5103.125</v>
      </c>
      <c r="LRR53" s="7">
        <f t="shared" si="682"/>
        <v>5103.125</v>
      </c>
      <c r="LRS53" s="7">
        <f t="shared" si="682"/>
        <v>5103.125</v>
      </c>
      <c r="LRT53" s="7">
        <f t="shared" si="682"/>
        <v>5103.125</v>
      </c>
      <c r="LRU53" s="7">
        <f t="shared" si="682"/>
        <v>5103.125</v>
      </c>
      <c r="LRV53" s="7">
        <f t="shared" si="682"/>
        <v>5103.125</v>
      </c>
      <c r="LRW53" s="7">
        <f t="shared" si="682"/>
        <v>5103.125</v>
      </c>
      <c r="LRX53" s="7">
        <f t="shared" si="682"/>
        <v>5103.125</v>
      </c>
      <c r="LRY53" s="7">
        <f t="shared" si="682"/>
        <v>5103.125</v>
      </c>
      <c r="LRZ53" s="7">
        <f t="shared" si="682"/>
        <v>5103.125</v>
      </c>
      <c r="LSA53" s="7">
        <f t="shared" si="682"/>
        <v>5103.125</v>
      </c>
      <c r="LSB53" s="7">
        <f t="shared" si="682"/>
        <v>5103.125</v>
      </c>
      <c r="LSC53" s="7">
        <f t="shared" si="682"/>
        <v>5103.125</v>
      </c>
      <c r="LSD53" s="7">
        <f t="shared" si="682"/>
        <v>5103.125</v>
      </c>
      <c r="LSE53" s="7">
        <f t="shared" si="682"/>
        <v>5103.125</v>
      </c>
      <c r="LSF53" s="7">
        <f t="shared" si="682"/>
        <v>5103.125</v>
      </c>
      <c r="LSG53" s="7">
        <f t="shared" si="682"/>
        <v>5103.125</v>
      </c>
      <c r="LSH53" s="7">
        <f t="shared" si="682"/>
        <v>5103.125</v>
      </c>
      <c r="LSI53" s="7">
        <f t="shared" si="682"/>
        <v>5103.125</v>
      </c>
      <c r="LSJ53" s="7">
        <f t="shared" si="682"/>
        <v>5103.125</v>
      </c>
      <c r="LSK53" s="7">
        <f t="shared" si="682"/>
        <v>5103.125</v>
      </c>
      <c r="LSL53" s="7">
        <f t="shared" si="682"/>
        <v>5103.125</v>
      </c>
      <c r="LSM53" s="7">
        <f t="shared" si="682"/>
        <v>5103.125</v>
      </c>
      <c r="LSN53" s="7">
        <f t="shared" si="682"/>
        <v>5103.125</v>
      </c>
      <c r="LSO53" s="7">
        <f t="shared" si="682"/>
        <v>5103.125</v>
      </c>
      <c r="LSP53" s="7">
        <f t="shared" si="682"/>
        <v>5103.125</v>
      </c>
      <c r="LSQ53" s="7">
        <f t="shared" si="682"/>
        <v>5103.125</v>
      </c>
      <c r="LSR53" s="7">
        <f t="shared" si="682"/>
        <v>5103.125</v>
      </c>
      <c r="LSS53" s="7">
        <f t="shared" si="682"/>
        <v>5103.125</v>
      </c>
      <c r="LST53" s="7">
        <f t="shared" si="682"/>
        <v>5103.125</v>
      </c>
      <c r="LSU53" s="7">
        <f t="shared" si="682"/>
        <v>5103.125</v>
      </c>
      <c r="LSV53" s="7">
        <f t="shared" si="682"/>
        <v>5103.125</v>
      </c>
      <c r="LSW53" s="7">
        <f t="shared" si="682"/>
        <v>5103.125</v>
      </c>
      <c r="LSX53" s="7">
        <f t="shared" si="682"/>
        <v>5103.125</v>
      </c>
      <c r="LSY53" s="7">
        <f t="shared" si="682"/>
        <v>5103.125</v>
      </c>
      <c r="LSZ53" s="7">
        <f t="shared" si="682"/>
        <v>5103.125</v>
      </c>
      <c r="LTA53" s="7">
        <f t="shared" si="682"/>
        <v>5103.125</v>
      </c>
      <c r="LTB53" s="7">
        <f t="shared" si="682"/>
        <v>5103.125</v>
      </c>
      <c r="LTC53" s="7">
        <f t="shared" si="682"/>
        <v>5103.125</v>
      </c>
      <c r="LTD53" s="7">
        <f t="shared" si="682"/>
        <v>5103.125</v>
      </c>
      <c r="LTE53" s="7">
        <f t="shared" si="682"/>
        <v>5103.125</v>
      </c>
      <c r="LTF53" s="7">
        <f t="shared" si="682"/>
        <v>5103.125</v>
      </c>
      <c r="LTG53" s="7">
        <f t="shared" si="682"/>
        <v>5103.125</v>
      </c>
      <c r="LTH53" s="7">
        <f t="shared" si="682"/>
        <v>5103.125</v>
      </c>
      <c r="LTI53" s="7">
        <f t="shared" si="682"/>
        <v>5103.125</v>
      </c>
      <c r="LTJ53" s="7">
        <f t="shared" si="682"/>
        <v>5103.125</v>
      </c>
      <c r="LTK53" s="7">
        <f t="shared" si="682"/>
        <v>5103.125</v>
      </c>
      <c r="LTL53" s="7">
        <f t="shared" si="682"/>
        <v>5103.125</v>
      </c>
      <c r="LTM53" s="7">
        <f t="shared" si="682"/>
        <v>5103.125</v>
      </c>
      <c r="LTN53" s="7">
        <f t="shared" si="682"/>
        <v>5103.125</v>
      </c>
      <c r="LTO53" s="7">
        <f t="shared" si="682"/>
        <v>5103.125</v>
      </c>
      <c r="LTP53" s="7">
        <f t="shared" si="682"/>
        <v>5103.125</v>
      </c>
      <c r="LTQ53" s="7">
        <f t="shared" si="682"/>
        <v>5103.125</v>
      </c>
      <c r="LTR53" s="7">
        <f t="shared" ref="LTR53:LWC53" si="683">LTR48+LTQ53</f>
        <v>5103.125</v>
      </c>
      <c r="LTS53" s="7">
        <f t="shared" si="683"/>
        <v>5103.125</v>
      </c>
      <c r="LTT53" s="7">
        <f t="shared" si="683"/>
        <v>5103.125</v>
      </c>
      <c r="LTU53" s="7">
        <f t="shared" si="683"/>
        <v>5103.125</v>
      </c>
      <c r="LTV53" s="7">
        <f t="shared" si="683"/>
        <v>5103.125</v>
      </c>
      <c r="LTW53" s="7">
        <f t="shared" si="683"/>
        <v>5103.125</v>
      </c>
      <c r="LTX53" s="7">
        <f t="shared" si="683"/>
        <v>5103.125</v>
      </c>
      <c r="LTY53" s="7">
        <f t="shared" si="683"/>
        <v>5103.125</v>
      </c>
      <c r="LTZ53" s="7">
        <f t="shared" si="683"/>
        <v>5103.125</v>
      </c>
      <c r="LUA53" s="7">
        <f t="shared" si="683"/>
        <v>5103.125</v>
      </c>
      <c r="LUB53" s="7">
        <f t="shared" si="683"/>
        <v>5103.125</v>
      </c>
      <c r="LUC53" s="7">
        <f t="shared" si="683"/>
        <v>5103.125</v>
      </c>
      <c r="LUD53" s="7">
        <f t="shared" si="683"/>
        <v>5103.125</v>
      </c>
      <c r="LUE53" s="7">
        <f t="shared" si="683"/>
        <v>5103.125</v>
      </c>
      <c r="LUF53" s="7">
        <f t="shared" si="683"/>
        <v>5103.125</v>
      </c>
      <c r="LUG53" s="7">
        <f t="shared" si="683"/>
        <v>5103.125</v>
      </c>
      <c r="LUH53" s="7">
        <f t="shared" si="683"/>
        <v>5103.125</v>
      </c>
      <c r="LUI53" s="7">
        <f t="shared" si="683"/>
        <v>5103.125</v>
      </c>
      <c r="LUJ53" s="7">
        <f t="shared" si="683"/>
        <v>5103.125</v>
      </c>
      <c r="LUK53" s="7">
        <f t="shared" si="683"/>
        <v>5103.125</v>
      </c>
      <c r="LUL53" s="7">
        <f t="shared" si="683"/>
        <v>5103.125</v>
      </c>
      <c r="LUM53" s="7">
        <f t="shared" si="683"/>
        <v>5103.125</v>
      </c>
      <c r="LUN53" s="7">
        <f t="shared" si="683"/>
        <v>5103.125</v>
      </c>
      <c r="LUO53" s="7">
        <f t="shared" si="683"/>
        <v>5103.125</v>
      </c>
      <c r="LUP53" s="7">
        <f t="shared" si="683"/>
        <v>5103.125</v>
      </c>
      <c r="LUQ53" s="7">
        <f t="shared" si="683"/>
        <v>5103.125</v>
      </c>
      <c r="LUR53" s="7">
        <f t="shared" si="683"/>
        <v>5103.125</v>
      </c>
      <c r="LUS53" s="7">
        <f t="shared" si="683"/>
        <v>5103.125</v>
      </c>
      <c r="LUT53" s="7">
        <f t="shared" si="683"/>
        <v>5103.125</v>
      </c>
      <c r="LUU53" s="7">
        <f t="shared" si="683"/>
        <v>5103.125</v>
      </c>
      <c r="LUV53" s="7">
        <f t="shared" si="683"/>
        <v>5103.125</v>
      </c>
      <c r="LUW53" s="7">
        <f t="shared" si="683"/>
        <v>5103.125</v>
      </c>
      <c r="LUX53" s="7">
        <f t="shared" si="683"/>
        <v>5103.125</v>
      </c>
      <c r="LUY53" s="7">
        <f t="shared" si="683"/>
        <v>5103.125</v>
      </c>
      <c r="LUZ53" s="7">
        <f t="shared" si="683"/>
        <v>5103.125</v>
      </c>
      <c r="LVA53" s="7">
        <f t="shared" si="683"/>
        <v>5103.125</v>
      </c>
      <c r="LVB53" s="7">
        <f t="shared" si="683"/>
        <v>5103.125</v>
      </c>
      <c r="LVC53" s="7">
        <f t="shared" si="683"/>
        <v>5103.125</v>
      </c>
      <c r="LVD53" s="7">
        <f t="shared" si="683"/>
        <v>5103.125</v>
      </c>
      <c r="LVE53" s="7">
        <f t="shared" si="683"/>
        <v>5103.125</v>
      </c>
      <c r="LVF53" s="7">
        <f t="shared" si="683"/>
        <v>5103.125</v>
      </c>
      <c r="LVG53" s="7">
        <f t="shared" si="683"/>
        <v>5103.125</v>
      </c>
      <c r="LVH53" s="7">
        <f t="shared" si="683"/>
        <v>5103.125</v>
      </c>
      <c r="LVI53" s="7">
        <f t="shared" si="683"/>
        <v>5103.125</v>
      </c>
      <c r="LVJ53" s="7">
        <f t="shared" si="683"/>
        <v>5103.125</v>
      </c>
      <c r="LVK53" s="7">
        <f t="shared" si="683"/>
        <v>5103.125</v>
      </c>
      <c r="LVL53" s="7">
        <f t="shared" si="683"/>
        <v>5103.125</v>
      </c>
      <c r="LVM53" s="7">
        <f t="shared" si="683"/>
        <v>5103.125</v>
      </c>
      <c r="LVN53" s="7">
        <f t="shared" si="683"/>
        <v>5103.125</v>
      </c>
      <c r="LVO53" s="7">
        <f t="shared" si="683"/>
        <v>5103.125</v>
      </c>
      <c r="LVP53" s="7">
        <f t="shared" si="683"/>
        <v>5103.125</v>
      </c>
      <c r="LVQ53" s="7">
        <f t="shared" si="683"/>
        <v>5103.125</v>
      </c>
      <c r="LVR53" s="7">
        <f t="shared" si="683"/>
        <v>5103.125</v>
      </c>
      <c r="LVS53" s="7">
        <f t="shared" si="683"/>
        <v>5103.125</v>
      </c>
      <c r="LVT53" s="7">
        <f t="shared" si="683"/>
        <v>5103.125</v>
      </c>
      <c r="LVU53" s="7">
        <f t="shared" si="683"/>
        <v>5103.125</v>
      </c>
      <c r="LVV53" s="7">
        <f t="shared" si="683"/>
        <v>5103.125</v>
      </c>
      <c r="LVW53" s="7">
        <f t="shared" si="683"/>
        <v>5103.125</v>
      </c>
      <c r="LVX53" s="7">
        <f t="shared" si="683"/>
        <v>5103.125</v>
      </c>
      <c r="LVY53" s="7">
        <f t="shared" si="683"/>
        <v>5103.125</v>
      </c>
      <c r="LVZ53" s="7">
        <f t="shared" si="683"/>
        <v>5103.125</v>
      </c>
      <c r="LWA53" s="7">
        <f t="shared" si="683"/>
        <v>5103.125</v>
      </c>
      <c r="LWB53" s="7">
        <f t="shared" si="683"/>
        <v>5103.125</v>
      </c>
      <c r="LWC53" s="7">
        <f t="shared" si="683"/>
        <v>5103.125</v>
      </c>
      <c r="LWD53" s="7">
        <f t="shared" ref="LWD53:LYO53" si="684">LWD48+LWC53</f>
        <v>5103.125</v>
      </c>
      <c r="LWE53" s="7">
        <f t="shared" si="684"/>
        <v>5103.125</v>
      </c>
      <c r="LWF53" s="7">
        <f t="shared" si="684"/>
        <v>5103.125</v>
      </c>
      <c r="LWG53" s="7">
        <f t="shared" si="684"/>
        <v>5103.125</v>
      </c>
      <c r="LWH53" s="7">
        <f t="shared" si="684"/>
        <v>5103.125</v>
      </c>
      <c r="LWI53" s="7">
        <f t="shared" si="684"/>
        <v>5103.125</v>
      </c>
      <c r="LWJ53" s="7">
        <f t="shared" si="684"/>
        <v>5103.125</v>
      </c>
      <c r="LWK53" s="7">
        <f t="shared" si="684"/>
        <v>5103.125</v>
      </c>
      <c r="LWL53" s="7">
        <f t="shared" si="684"/>
        <v>5103.125</v>
      </c>
      <c r="LWM53" s="7">
        <f t="shared" si="684"/>
        <v>5103.125</v>
      </c>
      <c r="LWN53" s="7">
        <f t="shared" si="684"/>
        <v>5103.125</v>
      </c>
      <c r="LWO53" s="7">
        <f t="shared" si="684"/>
        <v>5103.125</v>
      </c>
      <c r="LWP53" s="7">
        <f t="shared" si="684"/>
        <v>5103.125</v>
      </c>
      <c r="LWQ53" s="7">
        <f t="shared" si="684"/>
        <v>5103.125</v>
      </c>
      <c r="LWR53" s="7">
        <f t="shared" si="684"/>
        <v>5103.125</v>
      </c>
      <c r="LWS53" s="7">
        <f t="shared" si="684"/>
        <v>5103.125</v>
      </c>
      <c r="LWT53" s="7">
        <f t="shared" si="684"/>
        <v>5103.125</v>
      </c>
      <c r="LWU53" s="7">
        <f t="shared" si="684"/>
        <v>5103.125</v>
      </c>
      <c r="LWV53" s="7">
        <f t="shared" si="684"/>
        <v>5103.125</v>
      </c>
      <c r="LWW53" s="7">
        <f t="shared" si="684"/>
        <v>5103.125</v>
      </c>
      <c r="LWX53" s="7">
        <f t="shared" si="684"/>
        <v>5103.125</v>
      </c>
      <c r="LWY53" s="7">
        <f t="shared" si="684"/>
        <v>5103.125</v>
      </c>
      <c r="LWZ53" s="7">
        <f t="shared" si="684"/>
        <v>5103.125</v>
      </c>
      <c r="LXA53" s="7">
        <f t="shared" si="684"/>
        <v>5103.125</v>
      </c>
      <c r="LXB53" s="7">
        <f t="shared" si="684"/>
        <v>5103.125</v>
      </c>
      <c r="LXC53" s="7">
        <f t="shared" si="684"/>
        <v>5103.125</v>
      </c>
      <c r="LXD53" s="7">
        <f t="shared" si="684"/>
        <v>5103.125</v>
      </c>
      <c r="LXE53" s="7">
        <f t="shared" si="684"/>
        <v>5103.125</v>
      </c>
      <c r="LXF53" s="7">
        <f t="shared" si="684"/>
        <v>5103.125</v>
      </c>
      <c r="LXG53" s="7">
        <f t="shared" si="684"/>
        <v>5103.125</v>
      </c>
      <c r="LXH53" s="7">
        <f t="shared" si="684"/>
        <v>5103.125</v>
      </c>
      <c r="LXI53" s="7">
        <f t="shared" si="684"/>
        <v>5103.125</v>
      </c>
      <c r="LXJ53" s="7">
        <f t="shared" si="684"/>
        <v>5103.125</v>
      </c>
      <c r="LXK53" s="7">
        <f t="shared" si="684"/>
        <v>5103.125</v>
      </c>
      <c r="LXL53" s="7">
        <f t="shared" si="684"/>
        <v>5103.125</v>
      </c>
      <c r="LXM53" s="7">
        <f t="shared" si="684"/>
        <v>5103.125</v>
      </c>
      <c r="LXN53" s="7">
        <f t="shared" si="684"/>
        <v>5103.125</v>
      </c>
      <c r="LXO53" s="7">
        <f t="shared" si="684"/>
        <v>5103.125</v>
      </c>
      <c r="LXP53" s="7">
        <f t="shared" si="684"/>
        <v>5103.125</v>
      </c>
      <c r="LXQ53" s="7">
        <f t="shared" si="684"/>
        <v>5103.125</v>
      </c>
      <c r="LXR53" s="7">
        <f t="shared" si="684"/>
        <v>5103.125</v>
      </c>
      <c r="LXS53" s="7">
        <f t="shared" si="684"/>
        <v>5103.125</v>
      </c>
      <c r="LXT53" s="7">
        <f t="shared" si="684"/>
        <v>5103.125</v>
      </c>
      <c r="LXU53" s="7">
        <f t="shared" si="684"/>
        <v>5103.125</v>
      </c>
      <c r="LXV53" s="7">
        <f t="shared" si="684"/>
        <v>5103.125</v>
      </c>
      <c r="LXW53" s="7">
        <f t="shared" si="684"/>
        <v>5103.125</v>
      </c>
      <c r="LXX53" s="7">
        <f t="shared" si="684"/>
        <v>5103.125</v>
      </c>
      <c r="LXY53" s="7">
        <f t="shared" si="684"/>
        <v>5103.125</v>
      </c>
      <c r="LXZ53" s="7">
        <f t="shared" si="684"/>
        <v>5103.125</v>
      </c>
      <c r="LYA53" s="7">
        <f t="shared" si="684"/>
        <v>5103.125</v>
      </c>
      <c r="LYB53" s="7">
        <f t="shared" si="684"/>
        <v>5103.125</v>
      </c>
      <c r="LYC53" s="7">
        <f t="shared" si="684"/>
        <v>5103.125</v>
      </c>
      <c r="LYD53" s="7">
        <f t="shared" si="684"/>
        <v>5103.125</v>
      </c>
      <c r="LYE53" s="7">
        <f t="shared" si="684"/>
        <v>5103.125</v>
      </c>
      <c r="LYF53" s="7">
        <f t="shared" si="684"/>
        <v>5103.125</v>
      </c>
      <c r="LYG53" s="7">
        <f t="shared" si="684"/>
        <v>5103.125</v>
      </c>
      <c r="LYH53" s="7">
        <f t="shared" si="684"/>
        <v>5103.125</v>
      </c>
      <c r="LYI53" s="7">
        <f t="shared" si="684"/>
        <v>5103.125</v>
      </c>
      <c r="LYJ53" s="7">
        <f t="shared" si="684"/>
        <v>5103.125</v>
      </c>
      <c r="LYK53" s="7">
        <f t="shared" si="684"/>
        <v>5103.125</v>
      </c>
      <c r="LYL53" s="7">
        <f t="shared" si="684"/>
        <v>5103.125</v>
      </c>
      <c r="LYM53" s="7">
        <f t="shared" si="684"/>
        <v>5103.125</v>
      </c>
      <c r="LYN53" s="7">
        <f t="shared" si="684"/>
        <v>5103.125</v>
      </c>
      <c r="LYO53" s="7">
        <f t="shared" si="684"/>
        <v>5103.125</v>
      </c>
      <c r="LYP53" s="7">
        <f t="shared" ref="LYP53:MBA53" si="685">LYP48+LYO53</f>
        <v>5103.125</v>
      </c>
      <c r="LYQ53" s="7">
        <f t="shared" si="685"/>
        <v>5103.125</v>
      </c>
      <c r="LYR53" s="7">
        <f t="shared" si="685"/>
        <v>5103.125</v>
      </c>
      <c r="LYS53" s="7">
        <f t="shared" si="685"/>
        <v>5103.125</v>
      </c>
      <c r="LYT53" s="7">
        <f t="shared" si="685"/>
        <v>5103.125</v>
      </c>
      <c r="LYU53" s="7">
        <f t="shared" si="685"/>
        <v>5103.125</v>
      </c>
      <c r="LYV53" s="7">
        <f t="shared" si="685"/>
        <v>5103.125</v>
      </c>
      <c r="LYW53" s="7">
        <f t="shared" si="685"/>
        <v>5103.125</v>
      </c>
      <c r="LYX53" s="7">
        <f t="shared" si="685"/>
        <v>5103.125</v>
      </c>
      <c r="LYY53" s="7">
        <f t="shared" si="685"/>
        <v>5103.125</v>
      </c>
      <c r="LYZ53" s="7">
        <f t="shared" si="685"/>
        <v>5103.125</v>
      </c>
      <c r="LZA53" s="7">
        <f t="shared" si="685"/>
        <v>5103.125</v>
      </c>
      <c r="LZB53" s="7">
        <f t="shared" si="685"/>
        <v>5103.125</v>
      </c>
      <c r="LZC53" s="7">
        <f t="shared" si="685"/>
        <v>5103.125</v>
      </c>
      <c r="LZD53" s="7">
        <f t="shared" si="685"/>
        <v>5103.125</v>
      </c>
      <c r="LZE53" s="7">
        <f t="shared" si="685"/>
        <v>5103.125</v>
      </c>
      <c r="LZF53" s="7">
        <f t="shared" si="685"/>
        <v>5103.125</v>
      </c>
      <c r="LZG53" s="7">
        <f t="shared" si="685"/>
        <v>5103.125</v>
      </c>
      <c r="LZH53" s="7">
        <f t="shared" si="685"/>
        <v>5103.125</v>
      </c>
      <c r="LZI53" s="7">
        <f t="shared" si="685"/>
        <v>5103.125</v>
      </c>
      <c r="LZJ53" s="7">
        <f t="shared" si="685"/>
        <v>5103.125</v>
      </c>
      <c r="LZK53" s="7">
        <f t="shared" si="685"/>
        <v>5103.125</v>
      </c>
      <c r="LZL53" s="7">
        <f t="shared" si="685"/>
        <v>5103.125</v>
      </c>
      <c r="LZM53" s="7">
        <f t="shared" si="685"/>
        <v>5103.125</v>
      </c>
      <c r="LZN53" s="7">
        <f t="shared" si="685"/>
        <v>5103.125</v>
      </c>
      <c r="LZO53" s="7">
        <f t="shared" si="685"/>
        <v>5103.125</v>
      </c>
      <c r="LZP53" s="7">
        <f t="shared" si="685"/>
        <v>5103.125</v>
      </c>
      <c r="LZQ53" s="7">
        <f t="shared" si="685"/>
        <v>5103.125</v>
      </c>
      <c r="LZR53" s="7">
        <f t="shared" si="685"/>
        <v>5103.125</v>
      </c>
      <c r="LZS53" s="7">
        <f t="shared" si="685"/>
        <v>5103.125</v>
      </c>
      <c r="LZT53" s="7">
        <f t="shared" si="685"/>
        <v>5103.125</v>
      </c>
      <c r="LZU53" s="7">
        <f t="shared" si="685"/>
        <v>5103.125</v>
      </c>
      <c r="LZV53" s="7">
        <f t="shared" si="685"/>
        <v>5103.125</v>
      </c>
      <c r="LZW53" s="7">
        <f t="shared" si="685"/>
        <v>5103.125</v>
      </c>
      <c r="LZX53" s="7">
        <f t="shared" si="685"/>
        <v>5103.125</v>
      </c>
      <c r="LZY53" s="7">
        <f t="shared" si="685"/>
        <v>5103.125</v>
      </c>
      <c r="LZZ53" s="7">
        <f t="shared" si="685"/>
        <v>5103.125</v>
      </c>
      <c r="MAA53" s="7">
        <f t="shared" si="685"/>
        <v>5103.125</v>
      </c>
      <c r="MAB53" s="7">
        <f t="shared" si="685"/>
        <v>5103.125</v>
      </c>
      <c r="MAC53" s="7">
        <f t="shared" si="685"/>
        <v>5103.125</v>
      </c>
      <c r="MAD53" s="7">
        <f t="shared" si="685"/>
        <v>5103.125</v>
      </c>
      <c r="MAE53" s="7">
        <f t="shared" si="685"/>
        <v>5103.125</v>
      </c>
      <c r="MAF53" s="7">
        <f t="shared" si="685"/>
        <v>5103.125</v>
      </c>
      <c r="MAG53" s="7">
        <f t="shared" si="685"/>
        <v>5103.125</v>
      </c>
      <c r="MAH53" s="7">
        <f t="shared" si="685"/>
        <v>5103.125</v>
      </c>
      <c r="MAI53" s="7">
        <f t="shared" si="685"/>
        <v>5103.125</v>
      </c>
      <c r="MAJ53" s="7">
        <f t="shared" si="685"/>
        <v>5103.125</v>
      </c>
      <c r="MAK53" s="7">
        <f t="shared" si="685"/>
        <v>5103.125</v>
      </c>
      <c r="MAL53" s="7">
        <f t="shared" si="685"/>
        <v>5103.125</v>
      </c>
      <c r="MAM53" s="7">
        <f t="shared" si="685"/>
        <v>5103.125</v>
      </c>
      <c r="MAN53" s="7">
        <f t="shared" si="685"/>
        <v>5103.125</v>
      </c>
      <c r="MAO53" s="7">
        <f t="shared" si="685"/>
        <v>5103.125</v>
      </c>
      <c r="MAP53" s="7">
        <f t="shared" si="685"/>
        <v>5103.125</v>
      </c>
      <c r="MAQ53" s="7">
        <f t="shared" si="685"/>
        <v>5103.125</v>
      </c>
      <c r="MAR53" s="7">
        <f t="shared" si="685"/>
        <v>5103.125</v>
      </c>
      <c r="MAS53" s="7">
        <f t="shared" si="685"/>
        <v>5103.125</v>
      </c>
      <c r="MAT53" s="7">
        <f t="shared" si="685"/>
        <v>5103.125</v>
      </c>
      <c r="MAU53" s="7">
        <f t="shared" si="685"/>
        <v>5103.125</v>
      </c>
      <c r="MAV53" s="7">
        <f t="shared" si="685"/>
        <v>5103.125</v>
      </c>
      <c r="MAW53" s="7">
        <f t="shared" si="685"/>
        <v>5103.125</v>
      </c>
      <c r="MAX53" s="7">
        <f t="shared" si="685"/>
        <v>5103.125</v>
      </c>
      <c r="MAY53" s="7">
        <f t="shared" si="685"/>
        <v>5103.125</v>
      </c>
      <c r="MAZ53" s="7">
        <f t="shared" si="685"/>
        <v>5103.125</v>
      </c>
      <c r="MBA53" s="7">
        <f t="shared" si="685"/>
        <v>5103.125</v>
      </c>
      <c r="MBB53" s="7">
        <f t="shared" ref="MBB53:MDM53" si="686">MBB48+MBA53</f>
        <v>5103.125</v>
      </c>
      <c r="MBC53" s="7">
        <f t="shared" si="686"/>
        <v>5103.125</v>
      </c>
      <c r="MBD53" s="7">
        <f t="shared" si="686"/>
        <v>5103.125</v>
      </c>
      <c r="MBE53" s="7">
        <f t="shared" si="686"/>
        <v>5103.125</v>
      </c>
      <c r="MBF53" s="7">
        <f t="shared" si="686"/>
        <v>5103.125</v>
      </c>
      <c r="MBG53" s="7">
        <f t="shared" si="686"/>
        <v>5103.125</v>
      </c>
      <c r="MBH53" s="7">
        <f t="shared" si="686"/>
        <v>5103.125</v>
      </c>
      <c r="MBI53" s="7">
        <f t="shared" si="686"/>
        <v>5103.125</v>
      </c>
      <c r="MBJ53" s="7">
        <f t="shared" si="686"/>
        <v>5103.125</v>
      </c>
      <c r="MBK53" s="7">
        <f t="shared" si="686"/>
        <v>5103.125</v>
      </c>
      <c r="MBL53" s="7">
        <f t="shared" si="686"/>
        <v>5103.125</v>
      </c>
      <c r="MBM53" s="7">
        <f t="shared" si="686"/>
        <v>5103.125</v>
      </c>
      <c r="MBN53" s="7">
        <f t="shared" si="686"/>
        <v>5103.125</v>
      </c>
      <c r="MBO53" s="7">
        <f t="shared" si="686"/>
        <v>5103.125</v>
      </c>
      <c r="MBP53" s="7">
        <f t="shared" si="686"/>
        <v>5103.125</v>
      </c>
      <c r="MBQ53" s="7">
        <f t="shared" si="686"/>
        <v>5103.125</v>
      </c>
      <c r="MBR53" s="7">
        <f t="shared" si="686"/>
        <v>5103.125</v>
      </c>
      <c r="MBS53" s="7">
        <f t="shared" si="686"/>
        <v>5103.125</v>
      </c>
      <c r="MBT53" s="7">
        <f t="shared" si="686"/>
        <v>5103.125</v>
      </c>
      <c r="MBU53" s="7">
        <f t="shared" si="686"/>
        <v>5103.125</v>
      </c>
      <c r="MBV53" s="7">
        <f t="shared" si="686"/>
        <v>5103.125</v>
      </c>
      <c r="MBW53" s="7">
        <f t="shared" si="686"/>
        <v>5103.125</v>
      </c>
      <c r="MBX53" s="7">
        <f t="shared" si="686"/>
        <v>5103.125</v>
      </c>
      <c r="MBY53" s="7">
        <f t="shared" si="686"/>
        <v>5103.125</v>
      </c>
      <c r="MBZ53" s="7">
        <f t="shared" si="686"/>
        <v>5103.125</v>
      </c>
      <c r="MCA53" s="7">
        <f t="shared" si="686"/>
        <v>5103.125</v>
      </c>
      <c r="MCB53" s="7">
        <f t="shared" si="686"/>
        <v>5103.125</v>
      </c>
      <c r="MCC53" s="7">
        <f t="shared" si="686"/>
        <v>5103.125</v>
      </c>
      <c r="MCD53" s="7">
        <f t="shared" si="686"/>
        <v>5103.125</v>
      </c>
      <c r="MCE53" s="7">
        <f t="shared" si="686"/>
        <v>5103.125</v>
      </c>
      <c r="MCF53" s="7">
        <f t="shared" si="686"/>
        <v>5103.125</v>
      </c>
      <c r="MCG53" s="7">
        <f t="shared" si="686"/>
        <v>5103.125</v>
      </c>
      <c r="MCH53" s="7">
        <f t="shared" si="686"/>
        <v>5103.125</v>
      </c>
      <c r="MCI53" s="7">
        <f t="shared" si="686"/>
        <v>5103.125</v>
      </c>
      <c r="MCJ53" s="7">
        <f t="shared" si="686"/>
        <v>5103.125</v>
      </c>
      <c r="MCK53" s="7">
        <f t="shared" si="686"/>
        <v>5103.125</v>
      </c>
      <c r="MCL53" s="7">
        <f t="shared" si="686"/>
        <v>5103.125</v>
      </c>
      <c r="MCM53" s="7">
        <f t="shared" si="686"/>
        <v>5103.125</v>
      </c>
      <c r="MCN53" s="7">
        <f t="shared" si="686"/>
        <v>5103.125</v>
      </c>
      <c r="MCO53" s="7">
        <f t="shared" si="686"/>
        <v>5103.125</v>
      </c>
      <c r="MCP53" s="7">
        <f t="shared" si="686"/>
        <v>5103.125</v>
      </c>
      <c r="MCQ53" s="7">
        <f t="shared" si="686"/>
        <v>5103.125</v>
      </c>
      <c r="MCR53" s="7">
        <f t="shared" si="686"/>
        <v>5103.125</v>
      </c>
      <c r="MCS53" s="7">
        <f t="shared" si="686"/>
        <v>5103.125</v>
      </c>
      <c r="MCT53" s="7">
        <f t="shared" si="686"/>
        <v>5103.125</v>
      </c>
      <c r="MCU53" s="7">
        <f t="shared" si="686"/>
        <v>5103.125</v>
      </c>
      <c r="MCV53" s="7">
        <f t="shared" si="686"/>
        <v>5103.125</v>
      </c>
      <c r="MCW53" s="7">
        <f t="shared" si="686"/>
        <v>5103.125</v>
      </c>
      <c r="MCX53" s="7">
        <f t="shared" si="686"/>
        <v>5103.125</v>
      </c>
      <c r="MCY53" s="7">
        <f t="shared" si="686"/>
        <v>5103.125</v>
      </c>
      <c r="MCZ53" s="7">
        <f t="shared" si="686"/>
        <v>5103.125</v>
      </c>
      <c r="MDA53" s="7">
        <f t="shared" si="686"/>
        <v>5103.125</v>
      </c>
      <c r="MDB53" s="7">
        <f t="shared" si="686"/>
        <v>5103.125</v>
      </c>
      <c r="MDC53" s="7">
        <f t="shared" si="686"/>
        <v>5103.125</v>
      </c>
      <c r="MDD53" s="7">
        <f t="shared" si="686"/>
        <v>5103.125</v>
      </c>
      <c r="MDE53" s="7">
        <f t="shared" si="686"/>
        <v>5103.125</v>
      </c>
      <c r="MDF53" s="7">
        <f t="shared" si="686"/>
        <v>5103.125</v>
      </c>
      <c r="MDG53" s="7">
        <f t="shared" si="686"/>
        <v>5103.125</v>
      </c>
      <c r="MDH53" s="7">
        <f t="shared" si="686"/>
        <v>5103.125</v>
      </c>
      <c r="MDI53" s="7">
        <f t="shared" si="686"/>
        <v>5103.125</v>
      </c>
      <c r="MDJ53" s="7">
        <f t="shared" si="686"/>
        <v>5103.125</v>
      </c>
      <c r="MDK53" s="7">
        <f t="shared" si="686"/>
        <v>5103.125</v>
      </c>
      <c r="MDL53" s="7">
        <f t="shared" si="686"/>
        <v>5103.125</v>
      </c>
      <c r="MDM53" s="7">
        <f t="shared" si="686"/>
        <v>5103.125</v>
      </c>
      <c r="MDN53" s="7">
        <f t="shared" ref="MDN53:MFY53" si="687">MDN48+MDM53</f>
        <v>5103.125</v>
      </c>
      <c r="MDO53" s="7">
        <f t="shared" si="687"/>
        <v>5103.125</v>
      </c>
      <c r="MDP53" s="7">
        <f t="shared" si="687"/>
        <v>5103.125</v>
      </c>
      <c r="MDQ53" s="7">
        <f t="shared" si="687"/>
        <v>5103.125</v>
      </c>
      <c r="MDR53" s="7">
        <f t="shared" si="687"/>
        <v>5103.125</v>
      </c>
      <c r="MDS53" s="7">
        <f t="shared" si="687"/>
        <v>5103.125</v>
      </c>
      <c r="MDT53" s="7">
        <f t="shared" si="687"/>
        <v>5103.125</v>
      </c>
      <c r="MDU53" s="7">
        <f t="shared" si="687"/>
        <v>5103.125</v>
      </c>
      <c r="MDV53" s="7">
        <f t="shared" si="687"/>
        <v>5103.125</v>
      </c>
      <c r="MDW53" s="7">
        <f t="shared" si="687"/>
        <v>5103.125</v>
      </c>
      <c r="MDX53" s="7">
        <f t="shared" si="687"/>
        <v>5103.125</v>
      </c>
      <c r="MDY53" s="7">
        <f t="shared" si="687"/>
        <v>5103.125</v>
      </c>
      <c r="MDZ53" s="7">
        <f t="shared" si="687"/>
        <v>5103.125</v>
      </c>
      <c r="MEA53" s="7">
        <f t="shared" si="687"/>
        <v>5103.125</v>
      </c>
      <c r="MEB53" s="7">
        <f t="shared" si="687"/>
        <v>5103.125</v>
      </c>
      <c r="MEC53" s="7">
        <f t="shared" si="687"/>
        <v>5103.125</v>
      </c>
      <c r="MED53" s="7">
        <f t="shared" si="687"/>
        <v>5103.125</v>
      </c>
      <c r="MEE53" s="7">
        <f t="shared" si="687"/>
        <v>5103.125</v>
      </c>
      <c r="MEF53" s="7">
        <f t="shared" si="687"/>
        <v>5103.125</v>
      </c>
      <c r="MEG53" s="7">
        <f t="shared" si="687"/>
        <v>5103.125</v>
      </c>
      <c r="MEH53" s="7">
        <f t="shared" si="687"/>
        <v>5103.125</v>
      </c>
      <c r="MEI53" s="7">
        <f t="shared" si="687"/>
        <v>5103.125</v>
      </c>
      <c r="MEJ53" s="7">
        <f t="shared" si="687"/>
        <v>5103.125</v>
      </c>
      <c r="MEK53" s="7">
        <f t="shared" si="687"/>
        <v>5103.125</v>
      </c>
      <c r="MEL53" s="7">
        <f t="shared" si="687"/>
        <v>5103.125</v>
      </c>
      <c r="MEM53" s="7">
        <f t="shared" si="687"/>
        <v>5103.125</v>
      </c>
      <c r="MEN53" s="7">
        <f t="shared" si="687"/>
        <v>5103.125</v>
      </c>
      <c r="MEO53" s="7">
        <f t="shared" si="687"/>
        <v>5103.125</v>
      </c>
      <c r="MEP53" s="7">
        <f t="shared" si="687"/>
        <v>5103.125</v>
      </c>
      <c r="MEQ53" s="7">
        <f t="shared" si="687"/>
        <v>5103.125</v>
      </c>
      <c r="MER53" s="7">
        <f t="shared" si="687"/>
        <v>5103.125</v>
      </c>
      <c r="MES53" s="7">
        <f t="shared" si="687"/>
        <v>5103.125</v>
      </c>
      <c r="MET53" s="7">
        <f t="shared" si="687"/>
        <v>5103.125</v>
      </c>
      <c r="MEU53" s="7">
        <f t="shared" si="687"/>
        <v>5103.125</v>
      </c>
      <c r="MEV53" s="7">
        <f t="shared" si="687"/>
        <v>5103.125</v>
      </c>
      <c r="MEW53" s="7">
        <f t="shared" si="687"/>
        <v>5103.125</v>
      </c>
      <c r="MEX53" s="7">
        <f t="shared" si="687"/>
        <v>5103.125</v>
      </c>
      <c r="MEY53" s="7">
        <f t="shared" si="687"/>
        <v>5103.125</v>
      </c>
      <c r="MEZ53" s="7">
        <f t="shared" si="687"/>
        <v>5103.125</v>
      </c>
      <c r="MFA53" s="7">
        <f t="shared" si="687"/>
        <v>5103.125</v>
      </c>
      <c r="MFB53" s="7">
        <f t="shared" si="687"/>
        <v>5103.125</v>
      </c>
      <c r="MFC53" s="7">
        <f t="shared" si="687"/>
        <v>5103.125</v>
      </c>
      <c r="MFD53" s="7">
        <f t="shared" si="687"/>
        <v>5103.125</v>
      </c>
      <c r="MFE53" s="7">
        <f t="shared" si="687"/>
        <v>5103.125</v>
      </c>
      <c r="MFF53" s="7">
        <f t="shared" si="687"/>
        <v>5103.125</v>
      </c>
      <c r="MFG53" s="7">
        <f t="shared" si="687"/>
        <v>5103.125</v>
      </c>
      <c r="MFH53" s="7">
        <f t="shared" si="687"/>
        <v>5103.125</v>
      </c>
      <c r="MFI53" s="7">
        <f t="shared" si="687"/>
        <v>5103.125</v>
      </c>
      <c r="MFJ53" s="7">
        <f t="shared" si="687"/>
        <v>5103.125</v>
      </c>
      <c r="MFK53" s="7">
        <f t="shared" si="687"/>
        <v>5103.125</v>
      </c>
      <c r="MFL53" s="7">
        <f t="shared" si="687"/>
        <v>5103.125</v>
      </c>
      <c r="MFM53" s="7">
        <f t="shared" si="687"/>
        <v>5103.125</v>
      </c>
      <c r="MFN53" s="7">
        <f t="shared" si="687"/>
        <v>5103.125</v>
      </c>
      <c r="MFO53" s="7">
        <f t="shared" si="687"/>
        <v>5103.125</v>
      </c>
      <c r="MFP53" s="7">
        <f t="shared" si="687"/>
        <v>5103.125</v>
      </c>
      <c r="MFQ53" s="7">
        <f t="shared" si="687"/>
        <v>5103.125</v>
      </c>
      <c r="MFR53" s="7">
        <f t="shared" si="687"/>
        <v>5103.125</v>
      </c>
      <c r="MFS53" s="7">
        <f t="shared" si="687"/>
        <v>5103.125</v>
      </c>
      <c r="MFT53" s="7">
        <f t="shared" si="687"/>
        <v>5103.125</v>
      </c>
      <c r="MFU53" s="7">
        <f t="shared" si="687"/>
        <v>5103.125</v>
      </c>
      <c r="MFV53" s="7">
        <f t="shared" si="687"/>
        <v>5103.125</v>
      </c>
      <c r="MFW53" s="7">
        <f t="shared" si="687"/>
        <v>5103.125</v>
      </c>
      <c r="MFX53" s="7">
        <f t="shared" si="687"/>
        <v>5103.125</v>
      </c>
      <c r="MFY53" s="7">
        <f t="shared" si="687"/>
        <v>5103.125</v>
      </c>
      <c r="MFZ53" s="7">
        <f t="shared" ref="MFZ53:MIK53" si="688">MFZ48+MFY53</f>
        <v>5103.125</v>
      </c>
      <c r="MGA53" s="7">
        <f t="shared" si="688"/>
        <v>5103.125</v>
      </c>
      <c r="MGB53" s="7">
        <f t="shared" si="688"/>
        <v>5103.125</v>
      </c>
      <c r="MGC53" s="7">
        <f t="shared" si="688"/>
        <v>5103.125</v>
      </c>
      <c r="MGD53" s="7">
        <f t="shared" si="688"/>
        <v>5103.125</v>
      </c>
      <c r="MGE53" s="7">
        <f t="shared" si="688"/>
        <v>5103.125</v>
      </c>
      <c r="MGF53" s="7">
        <f t="shared" si="688"/>
        <v>5103.125</v>
      </c>
      <c r="MGG53" s="7">
        <f t="shared" si="688"/>
        <v>5103.125</v>
      </c>
      <c r="MGH53" s="7">
        <f t="shared" si="688"/>
        <v>5103.125</v>
      </c>
      <c r="MGI53" s="7">
        <f t="shared" si="688"/>
        <v>5103.125</v>
      </c>
      <c r="MGJ53" s="7">
        <f t="shared" si="688"/>
        <v>5103.125</v>
      </c>
      <c r="MGK53" s="7">
        <f t="shared" si="688"/>
        <v>5103.125</v>
      </c>
      <c r="MGL53" s="7">
        <f t="shared" si="688"/>
        <v>5103.125</v>
      </c>
      <c r="MGM53" s="7">
        <f t="shared" si="688"/>
        <v>5103.125</v>
      </c>
      <c r="MGN53" s="7">
        <f t="shared" si="688"/>
        <v>5103.125</v>
      </c>
      <c r="MGO53" s="7">
        <f t="shared" si="688"/>
        <v>5103.125</v>
      </c>
      <c r="MGP53" s="7">
        <f t="shared" si="688"/>
        <v>5103.125</v>
      </c>
      <c r="MGQ53" s="7">
        <f t="shared" si="688"/>
        <v>5103.125</v>
      </c>
      <c r="MGR53" s="7">
        <f t="shared" si="688"/>
        <v>5103.125</v>
      </c>
      <c r="MGS53" s="7">
        <f t="shared" si="688"/>
        <v>5103.125</v>
      </c>
      <c r="MGT53" s="7">
        <f t="shared" si="688"/>
        <v>5103.125</v>
      </c>
      <c r="MGU53" s="7">
        <f t="shared" si="688"/>
        <v>5103.125</v>
      </c>
      <c r="MGV53" s="7">
        <f t="shared" si="688"/>
        <v>5103.125</v>
      </c>
      <c r="MGW53" s="7">
        <f t="shared" si="688"/>
        <v>5103.125</v>
      </c>
      <c r="MGX53" s="7">
        <f t="shared" si="688"/>
        <v>5103.125</v>
      </c>
      <c r="MGY53" s="7">
        <f t="shared" si="688"/>
        <v>5103.125</v>
      </c>
      <c r="MGZ53" s="7">
        <f t="shared" si="688"/>
        <v>5103.125</v>
      </c>
      <c r="MHA53" s="7">
        <f t="shared" si="688"/>
        <v>5103.125</v>
      </c>
      <c r="MHB53" s="7">
        <f t="shared" si="688"/>
        <v>5103.125</v>
      </c>
      <c r="MHC53" s="7">
        <f t="shared" si="688"/>
        <v>5103.125</v>
      </c>
      <c r="MHD53" s="7">
        <f t="shared" si="688"/>
        <v>5103.125</v>
      </c>
      <c r="MHE53" s="7">
        <f t="shared" si="688"/>
        <v>5103.125</v>
      </c>
      <c r="MHF53" s="7">
        <f t="shared" si="688"/>
        <v>5103.125</v>
      </c>
      <c r="MHG53" s="7">
        <f t="shared" si="688"/>
        <v>5103.125</v>
      </c>
      <c r="MHH53" s="7">
        <f t="shared" si="688"/>
        <v>5103.125</v>
      </c>
      <c r="MHI53" s="7">
        <f t="shared" si="688"/>
        <v>5103.125</v>
      </c>
      <c r="MHJ53" s="7">
        <f t="shared" si="688"/>
        <v>5103.125</v>
      </c>
      <c r="MHK53" s="7">
        <f t="shared" si="688"/>
        <v>5103.125</v>
      </c>
      <c r="MHL53" s="7">
        <f t="shared" si="688"/>
        <v>5103.125</v>
      </c>
      <c r="MHM53" s="7">
        <f t="shared" si="688"/>
        <v>5103.125</v>
      </c>
      <c r="MHN53" s="7">
        <f t="shared" si="688"/>
        <v>5103.125</v>
      </c>
      <c r="MHO53" s="7">
        <f t="shared" si="688"/>
        <v>5103.125</v>
      </c>
      <c r="MHP53" s="7">
        <f t="shared" si="688"/>
        <v>5103.125</v>
      </c>
      <c r="MHQ53" s="7">
        <f t="shared" si="688"/>
        <v>5103.125</v>
      </c>
      <c r="MHR53" s="7">
        <f t="shared" si="688"/>
        <v>5103.125</v>
      </c>
      <c r="MHS53" s="7">
        <f t="shared" si="688"/>
        <v>5103.125</v>
      </c>
      <c r="MHT53" s="7">
        <f t="shared" si="688"/>
        <v>5103.125</v>
      </c>
      <c r="MHU53" s="7">
        <f t="shared" si="688"/>
        <v>5103.125</v>
      </c>
      <c r="MHV53" s="7">
        <f t="shared" si="688"/>
        <v>5103.125</v>
      </c>
      <c r="MHW53" s="7">
        <f t="shared" si="688"/>
        <v>5103.125</v>
      </c>
      <c r="MHX53" s="7">
        <f t="shared" si="688"/>
        <v>5103.125</v>
      </c>
      <c r="MHY53" s="7">
        <f t="shared" si="688"/>
        <v>5103.125</v>
      </c>
      <c r="MHZ53" s="7">
        <f t="shared" si="688"/>
        <v>5103.125</v>
      </c>
      <c r="MIA53" s="7">
        <f t="shared" si="688"/>
        <v>5103.125</v>
      </c>
      <c r="MIB53" s="7">
        <f t="shared" si="688"/>
        <v>5103.125</v>
      </c>
      <c r="MIC53" s="7">
        <f t="shared" si="688"/>
        <v>5103.125</v>
      </c>
      <c r="MID53" s="7">
        <f t="shared" si="688"/>
        <v>5103.125</v>
      </c>
      <c r="MIE53" s="7">
        <f t="shared" si="688"/>
        <v>5103.125</v>
      </c>
      <c r="MIF53" s="7">
        <f t="shared" si="688"/>
        <v>5103.125</v>
      </c>
      <c r="MIG53" s="7">
        <f t="shared" si="688"/>
        <v>5103.125</v>
      </c>
      <c r="MIH53" s="7">
        <f t="shared" si="688"/>
        <v>5103.125</v>
      </c>
      <c r="MII53" s="7">
        <f t="shared" si="688"/>
        <v>5103.125</v>
      </c>
      <c r="MIJ53" s="7">
        <f t="shared" si="688"/>
        <v>5103.125</v>
      </c>
      <c r="MIK53" s="7">
        <f t="shared" si="688"/>
        <v>5103.125</v>
      </c>
      <c r="MIL53" s="7">
        <f t="shared" ref="MIL53:MKW53" si="689">MIL48+MIK53</f>
        <v>5103.125</v>
      </c>
      <c r="MIM53" s="7">
        <f t="shared" si="689"/>
        <v>5103.125</v>
      </c>
      <c r="MIN53" s="7">
        <f t="shared" si="689"/>
        <v>5103.125</v>
      </c>
      <c r="MIO53" s="7">
        <f t="shared" si="689"/>
        <v>5103.125</v>
      </c>
      <c r="MIP53" s="7">
        <f t="shared" si="689"/>
        <v>5103.125</v>
      </c>
      <c r="MIQ53" s="7">
        <f t="shared" si="689"/>
        <v>5103.125</v>
      </c>
      <c r="MIR53" s="7">
        <f t="shared" si="689"/>
        <v>5103.125</v>
      </c>
      <c r="MIS53" s="7">
        <f t="shared" si="689"/>
        <v>5103.125</v>
      </c>
      <c r="MIT53" s="7">
        <f t="shared" si="689"/>
        <v>5103.125</v>
      </c>
      <c r="MIU53" s="7">
        <f t="shared" si="689"/>
        <v>5103.125</v>
      </c>
      <c r="MIV53" s="7">
        <f t="shared" si="689"/>
        <v>5103.125</v>
      </c>
      <c r="MIW53" s="7">
        <f t="shared" si="689"/>
        <v>5103.125</v>
      </c>
      <c r="MIX53" s="7">
        <f t="shared" si="689"/>
        <v>5103.125</v>
      </c>
      <c r="MIY53" s="7">
        <f t="shared" si="689"/>
        <v>5103.125</v>
      </c>
      <c r="MIZ53" s="7">
        <f t="shared" si="689"/>
        <v>5103.125</v>
      </c>
      <c r="MJA53" s="7">
        <f t="shared" si="689"/>
        <v>5103.125</v>
      </c>
      <c r="MJB53" s="7">
        <f t="shared" si="689"/>
        <v>5103.125</v>
      </c>
      <c r="MJC53" s="7">
        <f t="shared" si="689"/>
        <v>5103.125</v>
      </c>
      <c r="MJD53" s="7">
        <f t="shared" si="689"/>
        <v>5103.125</v>
      </c>
      <c r="MJE53" s="7">
        <f t="shared" si="689"/>
        <v>5103.125</v>
      </c>
      <c r="MJF53" s="7">
        <f t="shared" si="689"/>
        <v>5103.125</v>
      </c>
      <c r="MJG53" s="7">
        <f t="shared" si="689"/>
        <v>5103.125</v>
      </c>
      <c r="MJH53" s="7">
        <f t="shared" si="689"/>
        <v>5103.125</v>
      </c>
      <c r="MJI53" s="7">
        <f t="shared" si="689"/>
        <v>5103.125</v>
      </c>
      <c r="MJJ53" s="7">
        <f t="shared" si="689"/>
        <v>5103.125</v>
      </c>
      <c r="MJK53" s="7">
        <f t="shared" si="689"/>
        <v>5103.125</v>
      </c>
      <c r="MJL53" s="7">
        <f t="shared" si="689"/>
        <v>5103.125</v>
      </c>
      <c r="MJM53" s="7">
        <f t="shared" si="689"/>
        <v>5103.125</v>
      </c>
      <c r="MJN53" s="7">
        <f t="shared" si="689"/>
        <v>5103.125</v>
      </c>
      <c r="MJO53" s="7">
        <f t="shared" si="689"/>
        <v>5103.125</v>
      </c>
      <c r="MJP53" s="7">
        <f t="shared" si="689"/>
        <v>5103.125</v>
      </c>
      <c r="MJQ53" s="7">
        <f t="shared" si="689"/>
        <v>5103.125</v>
      </c>
      <c r="MJR53" s="7">
        <f t="shared" si="689"/>
        <v>5103.125</v>
      </c>
      <c r="MJS53" s="7">
        <f t="shared" si="689"/>
        <v>5103.125</v>
      </c>
      <c r="MJT53" s="7">
        <f t="shared" si="689"/>
        <v>5103.125</v>
      </c>
      <c r="MJU53" s="7">
        <f t="shared" si="689"/>
        <v>5103.125</v>
      </c>
      <c r="MJV53" s="7">
        <f t="shared" si="689"/>
        <v>5103.125</v>
      </c>
      <c r="MJW53" s="7">
        <f t="shared" si="689"/>
        <v>5103.125</v>
      </c>
      <c r="MJX53" s="7">
        <f t="shared" si="689"/>
        <v>5103.125</v>
      </c>
      <c r="MJY53" s="7">
        <f t="shared" si="689"/>
        <v>5103.125</v>
      </c>
      <c r="MJZ53" s="7">
        <f t="shared" si="689"/>
        <v>5103.125</v>
      </c>
      <c r="MKA53" s="7">
        <f t="shared" si="689"/>
        <v>5103.125</v>
      </c>
      <c r="MKB53" s="7">
        <f t="shared" si="689"/>
        <v>5103.125</v>
      </c>
      <c r="MKC53" s="7">
        <f t="shared" si="689"/>
        <v>5103.125</v>
      </c>
      <c r="MKD53" s="7">
        <f t="shared" si="689"/>
        <v>5103.125</v>
      </c>
      <c r="MKE53" s="7">
        <f t="shared" si="689"/>
        <v>5103.125</v>
      </c>
      <c r="MKF53" s="7">
        <f t="shared" si="689"/>
        <v>5103.125</v>
      </c>
      <c r="MKG53" s="7">
        <f t="shared" si="689"/>
        <v>5103.125</v>
      </c>
      <c r="MKH53" s="7">
        <f t="shared" si="689"/>
        <v>5103.125</v>
      </c>
      <c r="MKI53" s="7">
        <f t="shared" si="689"/>
        <v>5103.125</v>
      </c>
      <c r="MKJ53" s="7">
        <f t="shared" si="689"/>
        <v>5103.125</v>
      </c>
      <c r="MKK53" s="7">
        <f t="shared" si="689"/>
        <v>5103.125</v>
      </c>
      <c r="MKL53" s="7">
        <f t="shared" si="689"/>
        <v>5103.125</v>
      </c>
      <c r="MKM53" s="7">
        <f t="shared" si="689"/>
        <v>5103.125</v>
      </c>
      <c r="MKN53" s="7">
        <f t="shared" si="689"/>
        <v>5103.125</v>
      </c>
      <c r="MKO53" s="7">
        <f t="shared" si="689"/>
        <v>5103.125</v>
      </c>
      <c r="MKP53" s="7">
        <f t="shared" si="689"/>
        <v>5103.125</v>
      </c>
      <c r="MKQ53" s="7">
        <f t="shared" si="689"/>
        <v>5103.125</v>
      </c>
      <c r="MKR53" s="7">
        <f t="shared" si="689"/>
        <v>5103.125</v>
      </c>
      <c r="MKS53" s="7">
        <f t="shared" si="689"/>
        <v>5103.125</v>
      </c>
      <c r="MKT53" s="7">
        <f t="shared" si="689"/>
        <v>5103.125</v>
      </c>
      <c r="MKU53" s="7">
        <f t="shared" si="689"/>
        <v>5103.125</v>
      </c>
      <c r="MKV53" s="7">
        <f t="shared" si="689"/>
        <v>5103.125</v>
      </c>
      <c r="MKW53" s="7">
        <f t="shared" si="689"/>
        <v>5103.125</v>
      </c>
      <c r="MKX53" s="7">
        <f t="shared" ref="MKX53:MNI53" si="690">MKX48+MKW53</f>
        <v>5103.125</v>
      </c>
      <c r="MKY53" s="7">
        <f t="shared" si="690"/>
        <v>5103.125</v>
      </c>
      <c r="MKZ53" s="7">
        <f t="shared" si="690"/>
        <v>5103.125</v>
      </c>
      <c r="MLA53" s="7">
        <f t="shared" si="690"/>
        <v>5103.125</v>
      </c>
      <c r="MLB53" s="7">
        <f t="shared" si="690"/>
        <v>5103.125</v>
      </c>
      <c r="MLC53" s="7">
        <f t="shared" si="690"/>
        <v>5103.125</v>
      </c>
      <c r="MLD53" s="7">
        <f t="shared" si="690"/>
        <v>5103.125</v>
      </c>
      <c r="MLE53" s="7">
        <f t="shared" si="690"/>
        <v>5103.125</v>
      </c>
      <c r="MLF53" s="7">
        <f t="shared" si="690"/>
        <v>5103.125</v>
      </c>
      <c r="MLG53" s="7">
        <f t="shared" si="690"/>
        <v>5103.125</v>
      </c>
      <c r="MLH53" s="7">
        <f t="shared" si="690"/>
        <v>5103.125</v>
      </c>
      <c r="MLI53" s="7">
        <f t="shared" si="690"/>
        <v>5103.125</v>
      </c>
      <c r="MLJ53" s="7">
        <f t="shared" si="690"/>
        <v>5103.125</v>
      </c>
      <c r="MLK53" s="7">
        <f t="shared" si="690"/>
        <v>5103.125</v>
      </c>
      <c r="MLL53" s="7">
        <f t="shared" si="690"/>
        <v>5103.125</v>
      </c>
      <c r="MLM53" s="7">
        <f t="shared" si="690"/>
        <v>5103.125</v>
      </c>
      <c r="MLN53" s="7">
        <f t="shared" si="690"/>
        <v>5103.125</v>
      </c>
      <c r="MLO53" s="7">
        <f t="shared" si="690"/>
        <v>5103.125</v>
      </c>
      <c r="MLP53" s="7">
        <f t="shared" si="690"/>
        <v>5103.125</v>
      </c>
      <c r="MLQ53" s="7">
        <f t="shared" si="690"/>
        <v>5103.125</v>
      </c>
      <c r="MLR53" s="7">
        <f t="shared" si="690"/>
        <v>5103.125</v>
      </c>
      <c r="MLS53" s="7">
        <f t="shared" si="690"/>
        <v>5103.125</v>
      </c>
      <c r="MLT53" s="7">
        <f t="shared" si="690"/>
        <v>5103.125</v>
      </c>
      <c r="MLU53" s="7">
        <f t="shared" si="690"/>
        <v>5103.125</v>
      </c>
      <c r="MLV53" s="7">
        <f t="shared" si="690"/>
        <v>5103.125</v>
      </c>
      <c r="MLW53" s="7">
        <f t="shared" si="690"/>
        <v>5103.125</v>
      </c>
      <c r="MLX53" s="7">
        <f t="shared" si="690"/>
        <v>5103.125</v>
      </c>
      <c r="MLY53" s="7">
        <f t="shared" si="690"/>
        <v>5103.125</v>
      </c>
      <c r="MLZ53" s="7">
        <f t="shared" si="690"/>
        <v>5103.125</v>
      </c>
      <c r="MMA53" s="7">
        <f t="shared" si="690"/>
        <v>5103.125</v>
      </c>
      <c r="MMB53" s="7">
        <f t="shared" si="690"/>
        <v>5103.125</v>
      </c>
      <c r="MMC53" s="7">
        <f t="shared" si="690"/>
        <v>5103.125</v>
      </c>
      <c r="MMD53" s="7">
        <f t="shared" si="690"/>
        <v>5103.125</v>
      </c>
      <c r="MME53" s="7">
        <f t="shared" si="690"/>
        <v>5103.125</v>
      </c>
      <c r="MMF53" s="7">
        <f t="shared" si="690"/>
        <v>5103.125</v>
      </c>
      <c r="MMG53" s="7">
        <f t="shared" si="690"/>
        <v>5103.125</v>
      </c>
      <c r="MMH53" s="7">
        <f t="shared" si="690"/>
        <v>5103.125</v>
      </c>
      <c r="MMI53" s="7">
        <f t="shared" si="690"/>
        <v>5103.125</v>
      </c>
      <c r="MMJ53" s="7">
        <f t="shared" si="690"/>
        <v>5103.125</v>
      </c>
      <c r="MMK53" s="7">
        <f t="shared" si="690"/>
        <v>5103.125</v>
      </c>
      <c r="MML53" s="7">
        <f t="shared" si="690"/>
        <v>5103.125</v>
      </c>
      <c r="MMM53" s="7">
        <f t="shared" si="690"/>
        <v>5103.125</v>
      </c>
      <c r="MMN53" s="7">
        <f t="shared" si="690"/>
        <v>5103.125</v>
      </c>
      <c r="MMO53" s="7">
        <f t="shared" si="690"/>
        <v>5103.125</v>
      </c>
      <c r="MMP53" s="7">
        <f t="shared" si="690"/>
        <v>5103.125</v>
      </c>
      <c r="MMQ53" s="7">
        <f t="shared" si="690"/>
        <v>5103.125</v>
      </c>
      <c r="MMR53" s="7">
        <f t="shared" si="690"/>
        <v>5103.125</v>
      </c>
      <c r="MMS53" s="7">
        <f t="shared" si="690"/>
        <v>5103.125</v>
      </c>
      <c r="MMT53" s="7">
        <f t="shared" si="690"/>
        <v>5103.125</v>
      </c>
      <c r="MMU53" s="7">
        <f t="shared" si="690"/>
        <v>5103.125</v>
      </c>
      <c r="MMV53" s="7">
        <f t="shared" si="690"/>
        <v>5103.125</v>
      </c>
      <c r="MMW53" s="7">
        <f t="shared" si="690"/>
        <v>5103.125</v>
      </c>
      <c r="MMX53" s="7">
        <f t="shared" si="690"/>
        <v>5103.125</v>
      </c>
      <c r="MMY53" s="7">
        <f t="shared" si="690"/>
        <v>5103.125</v>
      </c>
      <c r="MMZ53" s="7">
        <f t="shared" si="690"/>
        <v>5103.125</v>
      </c>
      <c r="MNA53" s="7">
        <f t="shared" si="690"/>
        <v>5103.125</v>
      </c>
      <c r="MNB53" s="7">
        <f t="shared" si="690"/>
        <v>5103.125</v>
      </c>
      <c r="MNC53" s="7">
        <f t="shared" si="690"/>
        <v>5103.125</v>
      </c>
      <c r="MND53" s="7">
        <f t="shared" si="690"/>
        <v>5103.125</v>
      </c>
      <c r="MNE53" s="7">
        <f t="shared" si="690"/>
        <v>5103.125</v>
      </c>
      <c r="MNF53" s="7">
        <f t="shared" si="690"/>
        <v>5103.125</v>
      </c>
      <c r="MNG53" s="7">
        <f t="shared" si="690"/>
        <v>5103.125</v>
      </c>
      <c r="MNH53" s="7">
        <f t="shared" si="690"/>
        <v>5103.125</v>
      </c>
      <c r="MNI53" s="7">
        <f t="shared" si="690"/>
        <v>5103.125</v>
      </c>
      <c r="MNJ53" s="7">
        <f t="shared" ref="MNJ53:MPU53" si="691">MNJ48+MNI53</f>
        <v>5103.125</v>
      </c>
      <c r="MNK53" s="7">
        <f t="shared" si="691"/>
        <v>5103.125</v>
      </c>
      <c r="MNL53" s="7">
        <f t="shared" si="691"/>
        <v>5103.125</v>
      </c>
      <c r="MNM53" s="7">
        <f t="shared" si="691"/>
        <v>5103.125</v>
      </c>
      <c r="MNN53" s="7">
        <f t="shared" si="691"/>
        <v>5103.125</v>
      </c>
      <c r="MNO53" s="7">
        <f t="shared" si="691"/>
        <v>5103.125</v>
      </c>
      <c r="MNP53" s="7">
        <f t="shared" si="691"/>
        <v>5103.125</v>
      </c>
      <c r="MNQ53" s="7">
        <f t="shared" si="691"/>
        <v>5103.125</v>
      </c>
      <c r="MNR53" s="7">
        <f t="shared" si="691"/>
        <v>5103.125</v>
      </c>
      <c r="MNS53" s="7">
        <f t="shared" si="691"/>
        <v>5103.125</v>
      </c>
      <c r="MNT53" s="7">
        <f t="shared" si="691"/>
        <v>5103.125</v>
      </c>
      <c r="MNU53" s="7">
        <f t="shared" si="691"/>
        <v>5103.125</v>
      </c>
      <c r="MNV53" s="7">
        <f t="shared" si="691"/>
        <v>5103.125</v>
      </c>
      <c r="MNW53" s="7">
        <f t="shared" si="691"/>
        <v>5103.125</v>
      </c>
      <c r="MNX53" s="7">
        <f t="shared" si="691"/>
        <v>5103.125</v>
      </c>
      <c r="MNY53" s="7">
        <f t="shared" si="691"/>
        <v>5103.125</v>
      </c>
      <c r="MNZ53" s="7">
        <f t="shared" si="691"/>
        <v>5103.125</v>
      </c>
      <c r="MOA53" s="7">
        <f t="shared" si="691"/>
        <v>5103.125</v>
      </c>
      <c r="MOB53" s="7">
        <f t="shared" si="691"/>
        <v>5103.125</v>
      </c>
      <c r="MOC53" s="7">
        <f t="shared" si="691"/>
        <v>5103.125</v>
      </c>
      <c r="MOD53" s="7">
        <f t="shared" si="691"/>
        <v>5103.125</v>
      </c>
      <c r="MOE53" s="7">
        <f t="shared" si="691"/>
        <v>5103.125</v>
      </c>
      <c r="MOF53" s="7">
        <f t="shared" si="691"/>
        <v>5103.125</v>
      </c>
      <c r="MOG53" s="7">
        <f t="shared" si="691"/>
        <v>5103.125</v>
      </c>
      <c r="MOH53" s="7">
        <f t="shared" si="691"/>
        <v>5103.125</v>
      </c>
      <c r="MOI53" s="7">
        <f t="shared" si="691"/>
        <v>5103.125</v>
      </c>
      <c r="MOJ53" s="7">
        <f t="shared" si="691"/>
        <v>5103.125</v>
      </c>
      <c r="MOK53" s="7">
        <f t="shared" si="691"/>
        <v>5103.125</v>
      </c>
      <c r="MOL53" s="7">
        <f t="shared" si="691"/>
        <v>5103.125</v>
      </c>
      <c r="MOM53" s="7">
        <f t="shared" si="691"/>
        <v>5103.125</v>
      </c>
      <c r="MON53" s="7">
        <f t="shared" si="691"/>
        <v>5103.125</v>
      </c>
      <c r="MOO53" s="7">
        <f t="shared" si="691"/>
        <v>5103.125</v>
      </c>
      <c r="MOP53" s="7">
        <f t="shared" si="691"/>
        <v>5103.125</v>
      </c>
      <c r="MOQ53" s="7">
        <f t="shared" si="691"/>
        <v>5103.125</v>
      </c>
      <c r="MOR53" s="7">
        <f t="shared" si="691"/>
        <v>5103.125</v>
      </c>
      <c r="MOS53" s="7">
        <f t="shared" si="691"/>
        <v>5103.125</v>
      </c>
      <c r="MOT53" s="7">
        <f t="shared" si="691"/>
        <v>5103.125</v>
      </c>
      <c r="MOU53" s="7">
        <f t="shared" si="691"/>
        <v>5103.125</v>
      </c>
      <c r="MOV53" s="7">
        <f t="shared" si="691"/>
        <v>5103.125</v>
      </c>
      <c r="MOW53" s="7">
        <f t="shared" si="691"/>
        <v>5103.125</v>
      </c>
      <c r="MOX53" s="7">
        <f t="shared" si="691"/>
        <v>5103.125</v>
      </c>
      <c r="MOY53" s="7">
        <f t="shared" si="691"/>
        <v>5103.125</v>
      </c>
      <c r="MOZ53" s="7">
        <f t="shared" si="691"/>
        <v>5103.125</v>
      </c>
      <c r="MPA53" s="7">
        <f t="shared" si="691"/>
        <v>5103.125</v>
      </c>
      <c r="MPB53" s="7">
        <f t="shared" si="691"/>
        <v>5103.125</v>
      </c>
      <c r="MPC53" s="7">
        <f t="shared" si="691"/>
        <v>5103.125</v>
      </c>
      <c r="MPD53" s="7">
        <f t="shared" si="691"/>
        <v>5103.125</v>
      </c>
      <c r="MPE53" s="7">
        <f t="shared" si="691"/>
        <v>5103.125</v>
      </c>
      <c r="MPF53" s="7">
        <f t="shared" si="691"/>
        <v>5103.125</v>
      </c>
      <c r="MPG53" s="7">
        <f t="shared" si="691"/>
        <v>5103.125</v>
      </c>
      <c r="MPH53" s="7">
        <f t="shared" si="691"/>
        <v>5103.125</v>
      </c>
      <c r="MPI53" s="7">
        <f t="shared" si="691"/>
        <v>5103.125</v>
      </c>
      <c r="MPJ53" s="7">
        <f t="shared" si="691"/>
        <v>5103.125</v>
      </c>
      <c r="MPK53" s="7">
        <f t="shared" si="691"/>
        <v>5103.125</v>
      </c>
      <c r="MPL53" s="7">
        <f t="shared" si="691"/>
        <v>5103.125</v>
      </c>
      <c r="MPM53" s="7">
        <f t="shared" si="691"/>
        <v>5103.125</v>
      </c>
      <c r="MPN53" s="7">
        <f t="shared" si="691"/>
        <v>5103.125</v>
      </c>
      <c r="MPO53" s="7">
        <f t="shared" si="691"/>
        <v>5103.125</v>
      </c>
      <c r="MPP53" s="7">
        <f t="shared" si="691"/>
        <v>5103.125</v>
      </c>
      <c r="MPQ53" s="7">
        <f t="shared" si="691"/>
        <v>5103.125</v>
      </c>
      <c r="MPR53" s="7">
        <f t="shared" si="691"/>
        <v>5103.125</v>
      </c>
      <c r="MPS53" s="7">
        <f t="shared" si="691"/>
        <v>5103.125</v>
      </c>
      <c r="MPT53" s="7">
        <f t="shared" si="691"/>
        <v>5103.125</v>
      </c>
      <c r="MPU53" s="7">
        <f t="shared" si="691"/>
        <v>5103.125</v>
      </c>
      <c r="MPV53" s="7">
        <f t="shared" ref="MPV53:MSG53" si="692">MPV48+MPU53</f>
        <v>5103.125</v>
      </c>
      <c r="MPW53" s="7">
        <f t="shared" si="692"/>
        <v>5103.125</v>
      </c>
      <c r="MPX53" s="7">
        <f t="shared" si="692"/>
        <v>5103.125</v>
      </c>
      <c r="MPY53" s="7">
        <f t="shared" si="692"/>
        <v>5103.125</v>
      </c>
      <c r="MPZ53" s="7">
        <f t="shared" si="692"/>
        <v>5103.125</v>
      </c>
      <c r="MQA53" s="7">
        <f t="shared" si="692"/>
        <v>5103.125</v>
      </c>
      <c r="MQB53" s="7">
        <f t="shared" si="692"/>
        <v>5103.125</v>
      </c>
      <c r="MQC53" s="7">
        <f t="shared" si="692"/>
        <v>5103.125</v>
      </c>
      <c r="MQD53" s="7">
        <f t="shared" si="692"/>
        <v>5103.125</v>
      </c>
      <c r="MQE53" s="7">
        <f t="shared" si="692"/>
        <v>5103.125</v>
      </c>
      <c r="MQF53" s="7">
        <f t="shared" si="692"/>
        <v>5103.125</v>
      </c>
      <c r="MQG53" s="7">
        <f t="shared" si="692"/>
        <v>5103.125</v>
      </c>
      <c r="MQH53" s="7">
        <f t="shared" si="692"/>
        <v>5103.125</v>
      </c>
      <c r="MQI53" s="7">
        <f t="shared" si="692"/>
        <v>5103.125</v>
      </c>
      <c r="MQJ53" s="7">
        <f t="shared" si="692"/>
        <v>5103.125</v>
      </c>
      <c r="MQK53" s="7">
        <f t="shared" si="692"/>
        <v>5103.125</v>
      </c>
      <c r="MQL53" s="7">
        <f t="shared" si="692"/>
        <v>5103.125</v>
      </c>
      <c r="MQM53" s="7">
        <f t="shared" si="692"/>
        <v>5103.125</v>
      </c>
      <c r="MQN53" s="7">
        <f t="shared" si="692"/>
        <v>5103.125</v>
      </c>
      <c r="MQO53" s="7">
        <f t="shared" si="692"/>
        <v>5103.125</v>
      </c>
      <c r="MQP53" s="7">
        <f t="shared" si="692"/>
        <v>5103.125</v>
      </c>
      <c r="MQQ53" s="7">
        <f t="shared" si="692"/>
        <v>5103.125</v>
      </c>
      <c r="MQR53" s="7">
        <f t="shared" si="692"/>
        <v>5103.125</v>
      </c>
      <c r="MQS53" s="7">
        <f t="shared" si="692"/>
        <v>5103.125</v>
      </c>
      <c r="MQT53" s="7">
        <f t="shared" si="692"/>
        <v>5103.125</v>
      </c>
      <c r="MQU53" s="7">
        <f t="shared" si="692"/>
        <v>5103.125</v>
      </c>
      <c r="MQV53" s="7">
        <f t="shared" si="692"/>
        <v>5103.125</v>
      </c>
      <c r="MQW53" s="7">
        <f t="shared" si="692"/>
        <v>5103.125</v>
      </c>
      <c r="MQX53" s="7">
        <f t="shared" si="692"/>
        <v>5103.125</v>
      </c>
      <c r="MQY53" s="7">
        <f t="shared" si="692"/>
        <v>5103.125</v>
      </c>
      <c r="MQZ53" s="7">
        <f t="shared" si="692"/>
        <v>5103.125</v>
      </c>
      <c r="MRA53" s="7">
        <f t="shared" si="692"/>
        <v>5103.125</v>
      </c>
      <c r="MRB53" s="7">
        <f t="shared" si="692"/>
        <v>5103.125</v>
      </c>
      <c r="MRC53" s="7">
        <f t="shared" si="692"/>
        <v>5103.125</v>
      </c>
      <c r="MRD53" s="7">
        <f t="shared" si="692"/>
        <v>5103.125</v>
      </c>
      <c r="MRE53" s="7">
        <f t="shared" si="692"/>
        <v>5103.125</v>
      </c>
      <c r="MRF53" s="7">
        <f t="shared" si="692"/>
        <v>5103.125</v>
      </c>
      <c r="MRG53" s="7">
        <f t="shared" si="692"/>
        <v>5103.125</v>
      </c>
      <c r="MRH53" s="7">
        <f t="shared" si="692"/>
        <v>5103.125</v>
      </c>
      <c r="MRI53" s="7">
        <f t="shared" si="692"/>
        <v>5103.125</v>
      </c>
      <c r="MRJ53" s="7">
        <f t="shared" si="692"/>
        <v>5103.125</v>
      </c>
      <c r="MRK53" s="7">
        <f t="shared" si="692"/>
        <v>5103.125</v>
      </c>
      <c r="MRL53" s="7">
        <f t="shared" si="692"/>
        <v>5103.125</v>
      </c>
      <c r="MRM53" s="7">
        <f t="shared" si="692"/>
        <v>5103.125</v>
      </c>
      <c r="MRN53" s="7">
        <f t="shared" si="692"/>
        <v>5103.125</v>
      </c>
      <c r="MRO53" s="7">
        <f t="shared" si="692"/>
        <v>5103.125</v>
      </c>
      <c r="MRP53" s="7">
        <f t="shared" si="692"/>
        <v>5103.125</v>
      </c>
      <c r="MRQ53" s="7">
        <f t="shared" si="692"/>
        <v>5103.125</v>
      </c>
      <c r="MRR53" s="7">
        <f t="shared" si="692"/>
        <v>5103.125</v>
      </c>
      <c r="MRS53" s="7">
        <f t="shared" si="692"/>
        <v>5103.125</v>
      </c>
      <c r="MRT53" s="7">
        <f t="shared" si="692"/>
        <v>5103.125</v>
      </c>
      <c r="MRU53" s="7">
        <f t="shared" si="692"/>
        <v>5103.125</v>
      </c>
      <c r="MRV53" s="7">
        <f t="shared" si="692"/>
        <v>5103.125</v>
      </c>
      <c r="MRW53" s="7">
        <f t="shared" si="692"/>
        <v>5103.125</v>
      </c>
      <c r="MRX53" s="7">
        <f t="shared" si="692"/>
        <v>5103.125</v>
      </c>
      <c r="MRY53" s="7">
        <f t="shared" si="692"/>
        <v>5103.125</v>
      </c>
      <c r="MRZ53" s="7">
        <f t="shared" si="692"/>
        <v>5103.125</v>
      </c>
      <c r="MSA53" s="7">
        <f t="shared" si="692"/>
        <v>5103.125</v>
      </c>
      <c r="MSB53" s="7">
        <f t="shared" si="692"/>
        <v>5103.125</v>
      </c>
      <c r="MSC53" s="7">
        <f t="shared" si="692"/>
        <v>5103.125</v>
      </c>
      <c r="MSD53" s="7">
        <f t="shared" si="692"/>
        <v>5103.125</v>
      </c>
      <c r="MSE53" s="7">
        <f t="shared" si="692"/>
        <v>5103.125</v>
      </c>
      <c r="MSF53" s="7">
        <f t="shared" si="692"/>
        <v>5103.125</v>
      </c>
      <c r="MSG53" s="7">
        <f t="shared" si="692"/>
        <v>5103.125</v>
      </c>
      <c r="MSH53" s="7">
        <f t="shared" ref="MSH53:MUS53" si="693">MSH48+MSG53</f>
        <v>5103.125</v>
      </c>
      <c r="MSI53" s="7">
        <f t="shared" si="693"/>
        <v>5103.125</v>
      </c>
      <c r="MSJ53" s="7">
        <f t="shared" si="693"/>
        <v>5103.125</v>
      </c>
      <c r="MSK53" s="7">
        <f t="shared" si="693"/>
        <v>5103.125</v>
      </c>
      <c r="MSL53" s="7">
        <f t="shared" si="693"/>
        <v>5103.125</v>
      </c>
      <c r="MSM53" s="7">
        <f t="shared" si="693"/>
        <v>5103.125</v>
      </c>
      <c r="MSN53" s="7">
        <f t="shared" si="693"/>
        <v>5103.125</v>
      </c>
      <c r="MSO53" s="7">
        <f t="shared" si="693"/>
        <v>5103.125</v>
      </c>
      <c r="MSP53" s="7">
        <f t="shared" si="693"/>
        <v>5103.125</v>
      </c>
      <c r="MSQ53" s="7">
        <f t="shared" si="693"/>
        <v>5103.125</v>
      </c>
      <c r="MSR53" s="7">
        <f t="shared" si="693"/>
        <v>5103.125</v>
      </c>
      <c r="MSS53" s="7">
        <f t="shared" si="693"/>
        <v>5103.125</v>
      </c>
      <c r="MST53" s="7">
        <f t="shared" si="693"/>
        <v>5103.125</v>
      </c>
      <c r="MSU53" s="7">
        <f t="shared" si="693"/>
        <v>5103.125</v>
      </c>
      <c r="MSV53" s="7">
        <f t="shared" si="693"/>
        <v>5103.125</v>
      </c>
      <c r="MSW53" s="7">
        <f t="shared" si="693"/>
        <v>5103.125</v>
      </c>
      <c r="MSX53" s="7">
        <f t="shared" si="693"/>
        <v>5103.125</v>
      </c>
      <c r="MSY53" s="7">
        <f t="shared" si="693"/>
        <v>5103.125</v>
      </c>
      <c r="MSZ53" s="7">
        <f t="shared" si="693"/>
        <v>5103.125</v>
      </c>
      <c r="MTA53" s="7">
        <f t="shared" si="693"/>
        <v>5103.125</v>
      </c>
      <c r="MTB53" s="7">
        <f t="shared" si="693"/>
        <v>5103.125</v>
      </c>
      <c r="MTC53" s="7">
        <f t="shared" si="693"/>
        <v>5103.125</v>
      </c>
      <c r="MTD53" s="7">
        <f t="shared" si="693"/>
        <v>5103.125</v>
      </c>
      <c r="MTE53" s="7">
        <f t="shared" si="693"/>
        <v>5103.125</v>
      </c>
      <c r="MTF53" s="7">
        <f t="shared" si="693"/>
        <v>5103.125</v>
      </c>
      <c r="MTG53" s="7">
        <f t="shared" si="693"/>
        <v>5103.125</v>
      </c>
      <c r="MTH53" s="7">
        <f t="shared" si="693"/>
        <v>5103.125</v>
      </c>
      <c r="MTI53" s="7">
        <f t="shared" si="693"/>
        <v>5103.125</v>
      </c>
      <c r="MTJ53" s="7">
        <f t="shared" si="693"/>
        <v>5103.125</v>
      </c>
      <c r="MTK53" s="7">
        <f t="shared" si="693"/>
        <v>5103.125</v>
      </c>
      <c r="MTL53" s="7">
        <f t="shared" si="693"/>
        <v>5103.125</v>
      </c>
      <c r="MTM53" s="7">
        <f t="shared" si="693"/>
        <v>5103.125</v>
      </c>
      <c r="MTN53" s="7">
        <f t="shared" si="693"/>
        <v>5103.125</v>
      </c>
      <c r="MTO53" s="7">
        <f t="shared" si="693"/>
        <v>5103.125</v>
      </c>
      <c r="MTP53" s="7">
        <f t="shared" si="693"/>
        <v>5103.125</v>
      </c>
      <c r="MTQ53" s="7">
        <f t="shared" si="693"/>
        <v>5103.125</v>
      </c>
      <c r="MTR53" s="7">
        <f t="shared" si="693"/>
        <v>5103.125</v>
      </c>
      <c r="MTS53" s="7">
        <f t="shared" si="693"/>
        <v>5103.125</v>
      </c>
      <c r="MTT53" s="7">
        <f t="shared" si="693"/>
        <v>5103.125</v>
      </c>
      <c r="MTU53" s="7">
        <f t="shared" si="693"/>
        <v>5103.125</v>
      </c>
      <c r="MTV53" s="7">
        <f t="shared" si="693"/>
        <v>5103.125</v>
      </c>
      <c r="MTW53" s="7">
        <f t="shared" si="693"/>
        <v>5103.125</v>
      </c>
      <c r="MTX53" s="7">
        <f t="shared" si="693"/>
        <v>5103.125</v>
      </c>
      <c r="MTY53" s="7">
        <f t="shared" si="693"/>
        <v>5103.125</v>
      </c>
      <c r="MTZ53" s="7">
        <f t="shared" si="693"/>
        <v>5103.125</v>
      </c>
      <c r="MUA53" s="7">
        <f t="shared" si="693"/>
        <v>5103.125</v>
      </c>
      <c r="MUB53" s="7">
        <f t="shared" si="693"/>
        <v>5103.125</v>
      </c>
      <c r="MUC53" s="7">
        <f t="shared" si="693"/>
        <v>5103.125</v>
      </c>
      <c r="MUD53" s="7">
        <f t="shared" si="693"/>
        <v>5103.125</v>
      </c>
      <c r="MUE53" s="7">
        <f t="shared" si="693"/>
        <v>5103.125</v>
      </c>
      <c r="MUF53" s="7">
        <f t="shared" si="693"/>
        <v>5103.125</v>
      </c>
      <c r="MUG53" s="7">
        <f t="shared" si="693"/>
        <v>5103.125</v>
      </c>
      <c r="MUH53" s="7">
        <f t="shared" si="693"/>
        <v>5103.125</v>
      </c>
      <c r="MUI53" s="7">
        <f t="shared" si="693"/>
        <v>5103.125</v>
      </c>
      <c r="MUJ53" s="7">
        <f t="shared" si="693"/>
        <v>5103.125</v>
      </c>
      <c r="MUK53" s="7">
        <f t="shared" si="693"/>
        <v>5103.125</v>
      </c>
      <c r="MUL53" s="7">
        <f t="shared" si="693"/>
        <v>5103.125</v>
      </c>
      <c r="MUM53" s="7">
        <f t="shared" si="693"/>
        <v>5103.125</v>
      </c>
      <c r="MUN53" s="7">
        <f t="shared" si="693"/>
        <v>5103.125</v>
      </c>
      <c r="MUO53" s="7">
        <f t="shared" si="693"/>
        <v>5103.125</v>
      </c>
      <c r="MUP53" s="7">
        <f t="shared" si="693"/>
        <v>5103.125</v>
      </c>
      <c r="MUQ53" s="7">
        <f t="shared" si="693"/>
        <v>5103.125</v>
      </c>
      <c r="MUR53" s="7">
        <f t="shared" si="693"/>
        <v>5103.125</v>
      </c>
      <c r="MUS53" s="7">
        <f t="shared" si="693"/>
        <v>5103.125</v>
      </c>
      <c r="MUT53" s="7">
        <f t="shared" ref="MUT53:MXE53" si="694">MUT48+MUS53</f>
        <v>5103.125</v>
      </c>
      <c r="MUU53" s="7">
        <f t="shared" si="694"/>
        <v>5103.125</v>
      </c>
      <c r="MUV53" s="7">
        <f t="shared" si="694"/>
        <v>5103.125</v>
      </c>
      <c r="MUW53" s="7">
        <f t="shared" si="694"/>
        <v>5103.125</v>
      </c>
      <c r="MUX53" s="7">
        <f t="shared" si="694"/>
        <v>5103.125</v>
      </c>
      <c r="MUY53" s="7">
        <f t="shared" si="694"/>
        <v>5103.125</v>
      </c>
      <c r="MUZ53" s="7">
        <f t="shared" si="694"/>
        <v>5103.125</v>
      </c>
      <c r="MVA53" s="7">
        <f t="shared" si="694"/>
        <v>5103.125</v>
      </c>
      <c r="MVB53" s="7">
        <f t="shared" si="694"/>
        <v>5103.125</v>
      </c>
      <c r="MVC53" s="7">
        <f t="shared" si="694"/>
        <v>5103.125</v>
      </c>
      <c r="MVD53" s="7">
        <f t="shared" si="694"/>
        <v>5103.125</v>
      </c>
      <c r="MVE53" s="7">
        <f t="shared" si="694"/>
        <v>5103.125</v>
      </c>
      <c r="MVF53" s="7">
        <f t="shared" si="694"/>
        <v>5103.125</v>
      </c>
      <c r="MVG53" s="7">
        <f t="shared" si="694"/>
        <v>5103.125</v>
      </c>
      <c r="MVH53" s="7">
        <f t="shared" si="694"/>
        <v>5103.125</v>
      </c>
      <c r="MVI53" s="7">
        <f t="shared" si="694"/>
        <v>5103.125</v>
      </c>
      <c r="MVJ53" s="7">
        <f t="shared" si="694"/>
        <v>5103.125</v>
      </c>
      <c r="MVK53" s="7">
        <f t="shared" si="694"/>
        <v>5103.125</v>
      </c>
      <c r="MVL53" s="7">
        <f t="shared" si="694"/>
        <v>5103.125</v>
      </c>
      <c r="MVM53" s="7">
        <f t="shared" si="694"/>
        <v>5103.125</v>
      </c>
      <c r="MVN53" s="7">
        <f t="shared" si="694"/>
        <v>5103.125</v>
      </c>
      <c r="MVO53" s="7">
        <f t="shared" si="694"/>
        <v>5103.125</v>
      </c>
      <c r="MVP53" s="7">
        <f t="shared" si="694"/>
        <v>5103.125</v>
      </c>
      <c r="MVQ53" s="7">
        <f t="shared" si="694"/>
        <v>5103.125</v>
      </c>
      <c r="MVR53" s="7">
        <f t="shared" si="694"/>
        <v>5103.125</v>
      </c>
      <c r="MVS53" s="7">
        <f t="shared" si="694"/>
        <v>5103.125</v>
      </c>
      <c r="MVT53" s="7">
        <f t="shared" si="694"/>
        <v>5103.125</v>
      </c>
      <c r="MVU53" s="7">
        <f t="shared" si="694"/>
        <v>5103.125</v>
      </c>
      <c r="MVV53" s="7">
        <f t="shared" si="694"/>
        <v>5103.125</v>
      </c>
      <c r="MVW53" s="7">
        <f t="shared" si="694"/>
        <v>5103.125</v>
      </c>
      <c r="MVX53" s="7">
        <f t="shared" si="694"/>
        <v>5103.125</v>
      </c>
      <c r="MVY53" s="7">
        <f t="shared" si="694"/>
        <v>5103.125</v>
      </c>
      <c r="MVZ53" s="7">
        <f t="shared" si="694"/>
        <v>5103.125</v>
      </c>
      <c r="MWA53" s="7">
        <f t="shared" si="694"/>
        <v>5103.125</v>
      </c>
      <c r="MWB53" s="7">
        <f t="shared" si="694"/>
        <v>5103.125</v>
      </c>
      <c r="MWC53" s="7">
        <f t="shared" si="694"/>
        <v>5103.125</v>
      </c>
      <c r="MWD53" s="7">
        <f t="shared" si="694"/>
        <v>5103.125</v>
      </c>
      <c r="MWE53" s="7">
        <f t="shared" si="694"/>
        <v>5103.125</v>
      </c>
      <c r="MWF53" s="7">
        <f t="shared" si="694"/>
        <v>5103.125</v>
      </c>
      <c r="MWG53" s="7">
        <f t="shared" si="694"/>
        <v>5103.125</v>
      </c>
      <c r="MWH53" s="7">
        <f t="shared" si="694"/>
        <v>5103.125</v>
      </c>
      <c r="MWI53" s="7">
        <f t="shared" si="694"/>
        <v>5103.125</v>
      </c>
      <c r="MWJ53" s="7">
        <f t="shared" si="694"/>
        <v>5103.125</v>
      </c>
      <c r="MWK53" s="7">
        <f t="shared" si="694"/>
        <v>5103.125</v>
      </c>
      <c r="MWL53" s="7">
        <f t="shared" si="694"/>
        <v>5103.125</v>
      </c>
      <c r="MWM53" s="7">
        <f t="shared" si="694"/>
        <v>5103.125</v>
      </c>
      <c r="MWN53" s="7">
        <f t="shared" si="694"/>
        <v>5103.125</v>
      </c>
      <c r="MWO53" s="7">
        <f t="shared" si="694"/>
        <v>5103.125</v>
      </c>
      <c r="MWP53" s="7">
        <f t="shared" si="694"/>
        <v>5103.125</v>
      </c>
      <c r="MWQ53" s="7">
        <f t="shared" si="694"/>
        <v>5103.125</v>
      </c>
      <c r="MWR53" s="7">
        <f t="shared" si="694"/>
        <v>5103.125</v>
      </c>
      <c r="MWS53" s="7">
        <f t="shared" si="694"/>
        <v>5103.125</v>
      </c>
      <c r="MWT53" s="7">
        <f t="shared" si="694"/>
        <v>5103.125</v>
      </c>
      <c r="MWU53" s="7">
        <f t="shared" si="694"/>
        <v>5103.125</v>
      </c>
      <c r="MWV53" s="7">
        <f t="shared" si="694"/>
        <v>5103.125</v>
      </c>
      <c r="MWW53" s="7">
        <f t="shared" si="694"/>
        <v>5103.125</v>
      </c>
      <c r="MWX53" s="7">
        <f t="shared" si="694"/>
        <v>5103.125</v>
      </c>
      <c r="MWY53" s="7">
        <f t="shared" si="694"/>
        <v>5103.125</v>
      </c>
      <c r="MWZ53" s="7">
        <f t="shared" si="694"/>
        <v>5103.125</v>
      </c>
      <c r="MXA53" s="7">
        <f t="shared" si="694"/>
        <v>5103.125</v>
      </c>
      <c r="MXB53" s="7">
        <f t="shared" si="694"/>
        <v>5103.125</v>
      </c>
      <c r="MXC53" s="7">
        <f t="shared" si="694"/>
        <v>5103.125</v>
      </c>
      <c r="MXD53" s="7">
        <f t="shared" si="694"/>
        <v>5103.125</v>
      </c>
      <c r="MXE53" s="7">
        <f t="shared" si="694"/>
        <v>5103.125</v>
      </c>
      <c r="MXF53" s="7">
        <f t="shared" ref="MXF53:MZQ53" si="695">MXF48+MXE53</f>
        <v>5103.125</v>
      </c>
      <c r="MXG53" s="7">
        <f t="shared" si="695"/>
        <v>5103.125</v>
      </c>
      <c r="MXH53" s="7">
        <f t="shared" si="695"/>
        <v>5103.125</v>
      </c>
      <c r="MXI53" s="7">
        <f t="shared" si="695"/>
        <v>5103.125</v>
      </c>
      <c r="MXJ53" s="7">
        <f t="shared" si="695"/>
        <v>5103.125</v>
      </c>
      <c r="MXK53" s="7">
        <f t="shared" si="695"/>
        <v>5103.125</v>
      </c>
      <c r="MXL53" s="7">
        <f t="shared" si="695"/>
        <v>5103.125</v>
      </c>
      <c r="MXM53" s="7">
        <f t="shared" si="695"/>
        <v>5103.125</v>
      </c>
      <c r="MXN53" s="7">
        <f t="shared" si="695"/>
        <v>5103.125</v>
      </c>
      <c r="MXO53" s="7">
        <f t="shared" si="695"/>
        <v>5103.125</v>
      </c>
      <c r="MXP53" s="7">
        <f t="shared" si="695"/>
        <v>5103.125</v>
      </c>
      <c r="MXQ53" s="7">
        <f t="shared" si="695"/>
        <v>5103.125</v>
      </c>
      <c r="MXR53" s="7">
        <f t="shared" si="695"/>
        <v>5103.125</v>
      </c>
      <c r="MXS53" s="7">
        <f t="shared" si="695"/>
        <v>5103.125</v>
      </c>
      <c r="MXT53" s="7">
        <f t="shared" si="695"/>
        <v>5103.125</v>
      </c>
      <c r="MXU53" s="7">
        <f t="shared" si="695"/>
        <v>5103.125</v>
      </c>
      <c r="MXV53" s="7">
        <f t="shared" si="695"/>
        <v>5103.125</v>
      </c>
      <c r="MXW53" s="7">
        <f t="shared" si="695"/>
        <v>5103.125</v>
      </c>
      <c r="MXX53" s="7">
        <f t="shared" si="695"/>
        <v>5103.125</v>
      </c>
      <c r="MXY53" s="7">
        <f t="shared" si="695"/>
        <v>5103.125</v>
      </c>
      <c r="MXZ53" s="7">
        <f t="shared" si="695"/>
        <v>5103.125</v>
      </c>
      <c r="MYA53" s="7">
        <f t="shared" si="695"/>
        <v>5103.125</v>
      </c>
      <c r="MYB53" s="7">
        <f t="shared" si="695"/>
        <v>5103.125</v>
      </c>
      <c r="MYC53" s="7">
        <f t="shared" si="695"/>
        <v>5103.125</v>
      </c>
      <c r="MYD53" s="7">
        <f t="shared" si="695"/>
        <v>5103.125</v>
      </c>
      <c r="MYE53" s="7">
        <f t="shared" si="695"/>
        <v>5103.125</v>
      </c>
      <c r="MYF53" s="7">
        <f t="shared" si="695"/>
        <v>5103.125</v>
      </c>
      <c r="MYG53" s="7">
        <f t="shared" si="695"/>
        <v>5103.125</v>
      </c>
      <c r="MYH53" s="7">
        <f t="shared" si="695"/>
        <v>5103.125</v>
      </c>
      <c r="MYI53" s="7">
        <f t="shared" si="695"/>
        <v>5103.125</v>
      </c>
      <c r="MYJ53" s="7">
        <f t="shared" si="695"/>
        <v>5103.125</v>
      </c>
      <c r="MYK53" s="7">
        <f t="shared" si="695"/>
        <v>5103.125</v>
      </c>
      <c r="MYL53" s="7">
        <f t="shared" si="695"/>
        <v>5103.125</v>
      </c>
      <c r="MYM53" s="7">
        <f t="shared" si="695"/>
        <v>5103.125</v>
      </c>
      <c r="MYN53" s="7">
        <f t="shared" si="695"/>
        <v>5103.125</v>
      </c>
      <c r="MYO53" s="7">
        <f t="shared" si="695"/>
        <v>5103.125</v>
      </c>
      <c r="MYP53" s="7">
        <f t="shared" si="695"/>
        <v>5103.125</v>
      </c>
      <c r="MYQ53" s="7">
        <f t="shared" si="695"/>
        <v>5103.125</v>
      </c>
      <c r="MYR53" s="7">
        <f t="shared" si="695"/>
        <v>5103.125</v>
      </c>
      <c r="MYS53" s="7">
        <f t="shared" si="695"/>
        <v>5103.125</v>
      </c>
      <c r="MYT53" s="7">
        <f t="shared" si="695"/>
        <v>5103.125</v>
      </c>
      <c r="MYU53" s="7">
        <f t="shared" si="695"/>
        <v>5103.125</v>
      </c>
      <c r="MYV53" s="7">
        <f t="shared" si="695"/>
        <v>5103.125</v>
      </c>
      <c r="MYW53" s="7">
        <f t="shared" si="695"/>
        <v>5103.125</v>
      </c>
      <c r="MYX53" s="7">
        <f t="shared" si="695"/>
        <v>5103.125</v>
      </c>
      <c r="MYY53" s="7">
        <f t="shared" si="695"/>
        <v>5103.125</v>
      </c>
      <c r="MYZ53" s="7">
        <f t="shared" si="695"/>
        <v>5103.125</v>
      </c>
      <c r="MZA53" s="7">
        <f t="shared" si="695"/>
        <v>5103.125</v>
      </c>
      <c r="MZB53" s="7">
        <f t="shared" si="695"/>
        <v>5103.125</v>
      </c>
      <c r="MZC53" s="7">
        <f t="shared" si="695"/>
        <v>5103.125</v>
      </c>
      <c r="MZD53" s="7">
        <f t="shared" si="695"/>
        <v>5103.125</v>
      </c>
      <c r="MZE53" s="7">
        <f t="shared" si="695"/>
        <v>5103.125</v>
      </c>
      <c r="MZF53" s="7">
        <f t="shared" si="695"/>
        <v>5103.125</v>
      </c>
      <c r="MZG53" s="7">
        <f t="shared" si="695"/>
        <v>5103.125</v>
      </c>
      <c r="MZH53" s="7">
        <f t="shared" si="695"/>
        <v>5103.125</v>
      </c>
      <c r="MZI53" s="7">
        <f t="shared" si="695"/>
        <v>5103.125</v>
      </c>
      <c r="MZJ53" s="7">
        <f t="shared" si="695"/>
        <v>5103.125</v>
      </c>
      <c r="MZK53" s="7">
        <f t="shared" si="695"/>
        <v>5103.125</v>
      </c>
      <c r="MZL53" s="7">
        <f t="shared" si="695"/>
        <v>5103.125</v>
      </c>
      <c r="MZM53" s="7">
        <f t="shared" si="695"/>
        <v>5103.125</v>
      </c>
      <c r="MZN53" s="7">
        <f t="shared" si="695"/>
        <v>5103.125</v>
      </c>
      <c r="MZO53" s="7">
        <f t="shared" si="695"/>
        <v>5103.125</v>
      </c>
      <c r="MZP53" s="7">
        <f t="shared" si="695"/>
        <v>5103.125</v>
      </c>
      <c r="MZQ53" s="7">
        <f t="shared" si="695"/>
        <v>5103.125</v>
      </c>
      <c r="MZR53" s="7">
        <f t="shared" ref="MZR53:NCC53" si="696">MZR48+MZQ53</f>
        <v>5103.125</v>
      </c>
      <c r="MZS53" s="7">
        <f t="shared" si="696"/>
        <v>5103.125</v>
      </c>
      <c r="MZT53" s="7">
        <f t="shared" si="696"/>
        <v>5103.125</v>
      </c>
      <c r="MZU53" s="7">
        <f t="shared" si="696"/>
        <v>5103.125</v>
      </c>
      <c r="MZV53" s="7">
        <f t="shared" si="696"/>
        <v>5103.125</v>
      </c>
      <c r="MZW53" s="7">
        <f t="shared" si="696"/>
        <v>5103.125</v>
      </c>
      <c r="MZX53" s="7">
        <f t="shared" si="696"/>
        <v>5103.125</v>
      </c>
      <c r="MZY53" s="7">
        <f t="shared" si="696"/>
        <v>5103.125</v>
      </c>
      <c r="MZZ53" s="7">
        <f t="shared" si="696"/>
        <v>5103.125</v>
      </c>
      <c r="NAA53" s="7">
        <f t="shared" si="696"/>
        <v>5103.125</v>
      </c>
      <c r="NAB53" s="7">
        <f t="shared" si="696"/>
        <v>5103.125</v>
      </c>
      <c r="NAC53" s="7">
        <f t="shared" si="696"/>
        <v>5103.125</v>
      </c>
      <c r="NAD53" s="7">
        <f t="shared" si="696"/>
        <v>5103.125</v>
      </c>
      <c r="NAE53" s="7">
        <f t="shared" si="696"/>
        <v>5103.125</v>
      </c>
      <c r="NAF53" s="7">
        <f t="shared" si="696"/>
        <v>5103.125</v>
      </c>
      <c r="NAG53" s="7">
        <f t="shared" si="696"/>
        <v>5103.125</v>
      </c>
      <c r="NAH53" s="7">
        <f t="shared" si="696"/>
        <v>5103.125</v>
      </c>
      <c r="NAI53" s="7">
        <f t="shared" si="696"/>
        <v>5103.125</v>
      </c>
      <c r="NAJ53" s="7">
        <f t="shared" si="696"/>
        <v>5103.125</v>
      </c>
      <c r="NAK53" s="7">
        <f t="shared" si="696"/>
        <v>5103.125</v>
      </c>
      <c r="NAL53" s="7">
        <f t="shared" si="696"/>
        <v>5103.125</v>
      </c>
      <c r="NAM53" s="7">
        <f t="shared" si="696"/>
        <v>5103.125</v>
      </c>
      <c r="NAN53" s="7">
        <f t="shared" si="696"/>
        <v>5103.125</v>
      </c>
      <c r="NAO53" s="7">
        <f t="shared" si="696"/>
        <v>5103.125</v>
      </c>
      <c r="NAP53" s="7">
        <f t="shared" si="696"/>
        <v>5103.125</v>
      </c>
      <c r="NAQ53" s="7">
        <f t="shared" si="696"/>
        <v>5103.125</v>
      </c>
      <c r="NAR53" s="7">
        <f t="shared" si="696"/>
        <v>5103.125</v>
      </c>
      <c r="NAS53" s="7">
        <f t="shared" si="696"/>
        <v>5103.125</v>
      </c>
      <c r="NAT53" s="7">
        <f t="shared" si="696"/>
        <v>5103.125</v>
      </c>
      <c r="NAU53" s="7">
        <f t="shared" si="696"/>
        <v>5103.125</v>
      </c>
      <c r="NAV53" s="7">
        <f t="shared" si="696"/>
        <v>5103.125</v>
      </c>
      <c r="NAW53" s="7">
        <f t="shared" si="696"/>
        <v>5103.125</v>
      </c>
      <c r="NAX53" s="7">
        <f t="shared" si="696"/>
        <v>5103.125</v>
      </c>
      <c r="NAY53" s="7">
        <f t="shared" si="696"/>
        <v>5103.125</v>
      </c>
      <c r="NAZ53" s="7">
        <f t="shared" si="696"/>
        <v>5103.125</v>
      </c>
      <c r="NBA53" s="7">
        <f t="shared" si="696"/>
        <v>5103.125</v>
      </c>
      <c r="NBB53" s="7">
        <f t="shared" si="696"/>
        <v>5103.125</v>
      </c>
      <c r="NBC53" s="7">
        <f t="shared" si="696"/>
        <v>5103.125</v>
      </c>
      <c r="NBD53" s="7">
        <f t="shared" si="696"/>
        <v>5103.125</v>
      </c>
      <c r="NBE53" s="7">
        <f t="shared" si="696"/>
        <v>5103.125</v>
      </c>
      <c r="NBF53" s="7">
        <f t="shared" si="696"/>
        <v>5103.125</v>
      </c>
      <c r="NBG53" s="7">
        <f t="shared" si="696"/>
        <v>5103.125</v>
      </c>
      <c r="NBH53" s="7">
        <f t="shared" si="696"/>
        <v>5103.125</v>
      </c>
      <c r="NBI53" s="7">
        <f t="shared" si="696"/>
        <v>5103.125</v>
      </c>
      <c r="NBJ53" s="7">
        <f t="shared" si="696"/>
        <v>5103.125</v>
      </c>
      <c r="NBK53" s="7">
        <f t="shared" si="696"/>
        <v>5103.125</v>
      </c>
      <c r="NBL53" s="7">
        <f t="shared" si="696"/>
        <v>5103.125</v>
      </c>
      <c r="NBM53" s="7">
        <f t="shared" si="696"/>
        <v>5103.125</v>
      </c>
      <c r="NBN53" s="7">
        <f t="shared" si="696"/>
        <v>5103.125</v>
      </c>
      <c r="NBO53" s="7">
        <f t="shared" si="696"/>
        <v>5103.125</v>
      </c>
      <c r="NBP53" s="7">
        <f t="shared" si="696"/>
        <v>5103.125</v>
      </c>
      <c r="NBQ53" s="7">
        <f t="shared" si="696"/>
        <v>5103.125</v>
      </c>
      <c r="NBR53" s="7">
        <f t="shared" si="696"/>
        <v>5103.125</v>
      </c>
      <c r="NBS53" s="7">
        <f t="shared" si="696"/>
        <v>5103.125</v>
      </c>
      <c r="NBT53" s="7">
        <f t="shared" si="696"/>
        <v>5103.125</v>
      </c>
      <c r="NBU53" s="7">
        <f t="shared" si="696"/>
        <v>5103.125</v>
      </c>
      <c r="NBV53" s="7">
        <f t="shared" si="696"/>
        <v>5103.125</v>
      </c>
      <c r="NBW53" s="7">
        <f t="shared" si="696"/>
        <v>5103.125</v>
      </c>
      <c r="NBX53" s="7">
        <f t="shared" si="696"/>
        <v>5103.125</v>
      </c>
      <c r="NBY53" s="7">
        <f t="shared" si="696"/>
        <v>5103.125</v>
      </c>
      <c r="NBZ53" s="7">
        <f t="shared" si="696"/>
        <v>5103.125</v>
      </c>
      <c r="NCA53" s="7">
        <f t="shared" si="696"/>
        <v>5103.125</v>
      </c>
      <c r="NCB53" s="7">
        <f t="shared" si="696"/>
        <v>5103.125</v>
      </c>
      <c r="NCC53" s="7">
        <f t="shared" si="696"/>
        <v>5103.125</v>
      </c>
      <c r="NCD53" s="7">
        <f t="shared" ref="NCD53:NEO53" si="697">NCD48+NCC53</f>
        <v>5103.125</v>
      </c>
      <c r="NCE53" s="7">
        <f t="shared" si="697"/>
        <v>5103.125</v>
      </c>
      <c r="NCF53" s="7">
        <f t="shared" si="697"/>
        <v>5103.125</v>
      </c>
      <c r="NCG53" s="7">
        <f t="shared" si="697"/>
        <v>5103.125</v>
      </c>
      <c r="NCH53" s="7">
        <f t="shared" si="697"/>
        <v>5103.125</v>
      </c>
      <c r="NCI53" s="7">
        <f t="shared" si="697"/>
        <v>5103.125</v>
      </c>
      <c r="NCJ53" s="7">
        <f t="shared" si="697"/>
        <v>5103.125</v>
      </c>
      <c r="NCK53" s="7">
        <f t="shared" si="697"/>
        <v>5103.125</v>
      </c>
      <c r="NCL53" s="7">
        <f t="shared" si="697"/>
        <v>5103.125</v>
      </c>
      <c r="NCM53" s="7">
        <f t="shared" si="697"/>
        <v>5103.125</v>
      </c>
      <c r="NCN53" s="7">
        <f t="shared" si="697"/>
        <v>5103.125</v>
      </c>
      <c r="NCO53" s="7">
        <f t="shared" si="697"/>
        <v>5103.125</v>
      </c>
      <c r="NCP53" s="7">
        <f t="shared" si="697"/>
        <v>5103.125</v>
      </c>
      <c r="NCQ53" s="7">
        <f t="shared" si="697"/>
        <v>5103.125</v>
      </c>
      <c r="NCR53" s="7">
        <f t="shared" si="697"/>
        <v>5103.125</v>
      </c>
      <c r="NCS53" s="7">
        <f t="shared" si="697"/>
        <v>5103.125</v>
      </c>
      <c r="NCT53" s="7">
        <f t="shared" si="697"/>
        <v>5103.125</v>
      </c>
      <c r="NCU53" s="7">
        <f t="shared" si="697"/>
        <v>5103.125</v>
      </c>
      <c r="NCV53" s="7">
        <f t="shared" si="697"/>
        <v>5103.125</v>
      </c>
      <c r="NCW53" s="7">
        <f t="shared" si="697"/>
        <v>5103.125</v>
      </c>
      <c r="NCX53" s="7">
        <f t="shared" si="697"/>
        <v>5103.125</v>
      </c>
      <c r="NCY53" s="7">
        <f t="shared" si="697"/>
        <v>5103.125</v>
      </c>
      <c r="NCZ53" s="7">
        <f t="shared" si="697"/>
        <v>5103.125</v>
      </c>
      <c r="NDA53" s="7">
        <f t="shared" si="697"/>
        <v>5103.125</v>
      </c>
      <c r="NDB53" s="7">
        <f t="shared" si="697"/>
        <v>5103.125</v>
      </c>
      <c r="NDC53" s="7">
        <f t="shared" si="697"/>
        <v>5103.125</v>
      </c>
      <c r="NDD53" s="7">
        <f t="shared" si="697"/>
        <v>5103.125</v>
      </c>
      <c r="NDE53" s="7">
        <f t="shared" si="697"/>
        <v>5103.125</v>
      </c>
      <c r="NDF53" s="7">
        <f t="shared" si="697"/>
        <v>5103.125</v>
      </c>
      <c r="NDG53" s="7">
        <f t="shared" si="697"/>
        <v>5103.125</v>
      </c>
      <c r="NDH53" s="7">
        <f t="shared" si="697"/>
        <v>5103.125</v>
      </c>
      <c r="NDI53" s="7">
        <f t="shared" si="697"/>
        <v>5103.125</v>
      </c>
      <c r="NDJ53" s="7">
        <f t="shared" si="697"/>
        <v>5103.125</v>
      </c>
      <c r="NDK53" s="7">
        <f t="shared" si="697"/>
        <v>5103.125</v>
      </c>
      <c r="NDL53" s="7">
        <f t="shared" si="697"/>
        <v>5103.125</v>
      </c>
      <c r="NDM53" s="7">
        <f t="shared" si="697"/>
        <v>5103.125</v>
      </c>
      <c r="NDN53" s="7">
        <f t="shared" si="697"/>
        <v>5103.125</v>
      </c>
      <c r="NDO53" s="7">
        <f t="shared" si="697"/>
        <v>5103.125</v>
      </c>
      <c r="NDP53" s="7">
        <f t="shared" si="697"/>
        <v>5103.125</v>
      </c>
      <c r="NDQ53" s="7">
        <f t="shared" si="697"/>
        <v>5103.125</v>
      </c>
      <c r="NDR53" s="7">
        <f t="shared" si="697"/>
        <v>5103.125</v>
      </c>
      <c r="NDS53" s="7">
        <f t="shared" si="697"/>
        <v>5103.125</v>
      </c>
      <c r="NDT53" s="7">
        <f t="shared" si="697"/>
        <v>5103.125</v>
      </c>
      <c r="NDU53" s="7">
        <f t="shared" si="697"/>
        <v>5103.125</v>
      </c>
      <c r="NDV53" s="7">
        <f t="shared" si="697"/>
        <v>5103.125</v>
      </c>
      <c r="NDW53" s="7">
        <f t="shared" si="697"/>
        <v>5103.125</v>
      </c>
      <c r="NDX53" s="7">
        <f t="shared" si="697"/>
        <v>5103.125</v>
      </c>
      <c r="NDY53" s="7">
        <f t="shared" si="697"/>
        <v>5103.125</v>
      </c>
      <c r="NDZ53" s="7">
        <f t="shared" si="697"/>
        <v>5103.125</v>
      </c>
      <c r="NEA53" s="7">
        <f t="shared" si="697"/>
        <v>5103.125</v>
      </c>
      <c r="NEB53" s="7">
        <f t="shared" si="697"/>
        <v>5103.125</v>
      </c>
      <c r="NEC53" s="7">
        <f t="shared" si="697"/>
        <v>5103.125</v>
      </c>
      <c r="NED53" s="7">
        <f t="shared" si="697"/>
        <v>5103.125</v>
      </c>
      <c r="NEE53" s="7">
        <f t="shared" si="697"/>
        <v>5103.125</v>
      </c>
      <c r="NEF53" s="7">
        <f t="shared" si="697"/>
        <v>5103.125</v>
      </c>
      <c r="NEG53" s="7">
        <f t="shared" si="697"/>
        <v>5103.125</v>
      </c>
      <c r="NEH53" s="7">
        <f t="shared" si="697"/>
        <v>5103.125</v>
      </c>
      <c r="NEI53" s="7">
        <f t="shared" si="697"/>
        <v>5103.125</v>
      </c>
      <c r="NEJ53" s="7">
        <f t="shared" si="697"/>
        <v>5103.125</v>
      </c>
      <c r="NEK53" s="7">
        <f t="shared" si="697"/>
        <v>5103.125</v>
      </c>
      <c r="NEL53" s="7">
        <f t="shared" si="697"/>
        <v>5103.125</v>
      </c>
      <c r="NEM53" s="7">
        <f t="shared" si="697"/>
        <v>5103.125</v>
      </c>
      <c r="NEN53" s="7">
        <f t="shared" si="697"/>
        <v>5103.125</v>
      </c>
      <c r="NEO53" s="7">
        <f t="shared" si="697"/>
        <v>5103.125</v>
      </c>
      <c r="NEP53" s="7">
        <f t="shared" ref="NEP53:NHA53" si="698">NEP48+NEO53</f>
        <v>5103.125</v>
      </c>
      <c r="NEQ53" s="7">
        <f t="shared" si="698"/>
        <v>5103.125</v>
      </c>
      <c r="NER53" s="7">
        <f t="shared" si="698"/>
        <v>5103.125</v>
      </c>
      <c r="NES53" s="7">
        <f t="shared" si="698"/>
        <v>5103.125</v>
      </c>
      <c r="NET53" s="7">
        <f t="shared" si="698"/>
        <v>5103.125</v>
      </c>
      <c r="NEU53" s="7">
        <f t="shared" si="698"/>
        <v>5103.125</v>
      </c>
      <c r="NEV53" s="7">
        <f t="shared" si="698"/>
        <v>5103.125</v>
      </c>
      <c r="NEW53" s="7">
        <f t="shared" si="698"/>
        <v>5103.125</v>
      </c>
      <c r="NEX53" s="7">
        <f t="shared" si="698"/>
        <v>5103.125</v>
      </c>
      <c r="NEY53" s="7">
        <f t="shared" si="698"/>
        <v>5103.125</v>
      </c>
      <c r="NEZ53" s="7">
        <f t="shared" si="698"/>
        <v>5103.125</v>
      </c>
      <c r="NFA53" s="7">
        <f t="shared" si="698"/>
        <v>5103.125</v>
      </c>
      <c r="NFB53" s="7">
        <f t="shared" si="698"/>
        <v>5103.125</v>
      </c>
      <c r="NFC53" s="7">
        <f t="shared" si="698"/>
        <v>5103.125</v>
      </c>
      <c r="NFD53" s="7">
        <f t="shared" si="698"/>
        <v>5103.125</v>
      </c>
      <c r="NFE53" s="7">
        <f t="shared" si="698"/>
        <v>5103.125</v>
      </c>
      <c r="NFF53" s="7">
        <f t="shared" si="698"/>
        <v>5103.125</v>
      </c>
      <c r="NFG53" s="7">
        <f t="shared" si="698"/>
        <v>5103.125</v>
      </c>
      <c r="NFH53" s="7">
        <f t="shared" si="698"/>
        <v>5103.125</v>
      </c>
      <c r="NFI53" s="7">
        <f t="shared" si="698"/>
        <v>5103.125</v>
      </c>
      <c r="NFJ53" s="7">
        <f t="shared" si="698"/>
        <v>5103.125</v>
      </c>
      <c r="NFK53" s="7">
        <f t="shared" si="698"/>
        <v>5103.125</v>
      </c>
      <c r="NFL53" s="7">
        <f t="shared" si="698"/>
        <v>5103.125</v>
      </c>
      <c r="NFM53" s="7">
        <f t="shared" si="698"/>
        <v>5103.125</v>
      </c>
      <c r="NFN53" s="7">
        <f t="shared" si="698"/>
        <v>5103.125</v>
      </c>
      <c r="NFO53" s="7">
        <f t="shared" si="698"/>
        <v>5103.125</v>
      </c>
      <c r="NFP53" s="7">
        <f t="shared" si="698"/>
        <v>5103.125</v>
      </c>
      <c r="NFQ53" s="7">
        <f t="shared" si="698"/>
        <v>5103.125</v>
      </c>
      <c r="NFR53" s="7">
        <f t="shared" si="698"/>
        <v>5103.125</v>
      </c>
      <c r="NFS53" s="7">
        <f t="shared" si="698"/>
        <v>5103.125</v>
      </c>
      <c r="NFT53" s="7">
        <f t="shared" si="698"/>
        <v>5103.125</v>
      </c>
      <c r="NFU53" s="7">
        <f t="shared" si="698"/>
        <v>5103.125</v>
      </c>
      <c r="NFV53" s="7">
        <f t="shared" si="698"/>
        <v>5103.125</v>
      </c>
      <c r="NFW53" s="7">
        <f t="shared" si="698"/>
        <v>5103.125</v>
      </c>
      <c r="NFX53" s="7">
        <f t="shared" si="698"/>
        <v>5103.125</v>
      </c>
      <c r="NFY53" s="7">
        <f t="shared" si="698"/>
        <v>5103.125</v>
      </c>
      <c r="NFZ53" s="7">
        <f t="shared" si="698"/>
        <v>5103.125</v>
      </c>
      <c r="NGA53" s="7">
        <f t="shared" si="698"/>
        <v>5103.125</v>
      </c>
      <c r="NGB53" s="7">
        <f t="shared" si="698"/>
        <v>5103.125</v>
      </c>
      <c r="NGC53" s="7">
        <f t="shared" si="698"/>
        <v>5103.125</v>
      </c>
      <c r="NGD53" s="7">
        <f t="shared" si="698"/>
        <v>5103.125</v>
      </c>
      <c r="NGE53" s="7">
        <f t="shared" si="698"/>
        <v>5103.125</v>
      </c>
      <c r="NGF53" s="7">
        <f t="shared" si="698"/>
        <v>5103.125</v>
      </c>
      <c r="NGG53" s="7">
        <f t="shared" si="698"/>
        <v>5103.125</v>
      </c>
      <c r="NGH53" s="7">
        <f t="shared" si="698"/>
        <v>5103.125</v>
      </c>
      <c r="NGI53" s="7">
        <f t="shared" si="698"/>
        <v>5103.125</v>
      </c>
      <c r="NGJ53" s="7">
        <f t="shared" si="698"/>
        <v>5103.125</v>
      </c>
      <c r="NGK53" s="7">
        <f t="shared" si="698"/>
        <v>5103.125</v>
      </c>
      <c r="NGL53" s="7">
        <f t="shared" si="698"/>
        <v>5103.125</v>
      </c>
      <c r="NGM53" s="7">
        <f t="shared" si="698"/>
        <v>5103.125</v>
      </c>
      <c r="NGN53" s="7">
        <f t="shared" si="698"/>
        <v>5103.125</v>
      </c>
      <c r="NGO53" s="7">
        <f t="shared" si="698"/>
        <v>5103.125</v>
      </c>
      <c r="NGP53" s="7">
        <f t="shared" si="698"/>
        <v>5103.125</v>
      </c>
      <c r="NGQ53" s="7">
        <f t="shared" si="698"/>
        <v>5103.125</v>
      </c>
      <c r="NGR53" s="7">
        <f t="shared" si="698"/>
        <v>5103.125</v>
      </c>
      <c r="NGS53" s="7">
        <f t="shared" si="698"/>
        <v>5103.125</v>
      </c>
      <c r="NGT53" s="7">
        <f t="shared" si="698"/>
        <v>5103.125</v>
      </c>
      <c r="NGU53" s="7">
        <f t="shared" si="698"/>
        <v>5103.125</v>
      </c>
      <c r="NGV53" s="7">
        <f t="shared" si="698"/>
        <v>5103.125</v>
      </c>
      <c r="NGW53" s="7">
        <f t="shared" si="698"/>
        <v>5103.125</v>
      </c>
      <c r="NGX53" s="7">
        <f t="shared" si="698"/>
        <v>5103.125</v>
      </c>
      <c r="NGY53" s="7">
        <f t="shared" si="698"/>
        <v>5103.125</v>
      </c>
      <c r="NGZ53" s="7">
        <f t="shared" si="698"/>
        <v>5103.125</v>
      </c>
      <c r="NHA53" s="7">
        <f t="shared" si="698"/>
        <v>5103.125</v>
      </c>
      <c r="NHB53" s="7">
        <f t="shared" ref="NHB53:NJM53" si="699">NHB48+NHA53</f>
        <v>5103.125</v>
      </c>
      <c r="NHC53" s="7">
        <f t="shared" si="699"/>
        <v>5103.125</v>
      </c>
      <c r="NHD53" s="7">
        <f t="shared" si="699"/>
        <v>5103.125</v>
      </c>
      <c r="NHE53" s="7">
        <f t="shared" si="699"/>
        <v>5103.125</v>
      </c>
      <c r="NHF53" s="7">
        <f t="shared" si="699"/>
        <v>5103.125</v>
      </c>
      <c r="NHG53" s="7">
        <f t="shared" si="699"/>
        <v>5103.125</v>
      </c>
      <c r="NHH53" s="7">
        <f t="shared" si="699"/>
        <v>5103.125</v>
      </c>
      <c r="NHI53" s="7">
        <f t="shared" si="699"/>
        <v>5103.125</v>
      </c>
      <c r="NHJ53" s="7">
        <f t="shared" si="699"/>
        <v>5103.125</v>
      </c>
      <c r="NHK53" s="7">
        <f t="shared" si="699"/>
        <v>5103.125</v>
      </c>
      <c r="NHL53" s="7">
        <f t="shared" si="699"/>
        <v>5103.125</v>
      </c>
      <c r="NHM53" s="7">
        <f t="shared" si="699"/>
        <v>5103.125</v>
      </c>
      <c r="NHN53" s="7">
        <f t="shared" si="699"/>
        <v>5103.125</v>
      </c>
      <c r="NHO53" s="7">
        <f t="shared" si="699"/>
        <v>5103.125</v>
      </c>
      <c r="NHP53" s="7">
        <f t="shared" si="699"/>
        <v>5103.125</v>
      </c>
      <c r="NHQ53" s="7">
        <f t="shared" si="699"/>
        <v>5103.125</v>
      </c>
      <c r="NHR53" s="7">
        <f t="shared" si="699"/>
        <v>5103.125</v>
      </c>
      <c r="NHS53" s="7">
        <f t="shared" si="699"/>
        <v>5103.125</v>
      </c>
      <c r="NHT53" s="7">
        <f t="shared" si="699"/>
        <v>5103.125</v>
      </c>
      <c r="NHU53" s="7">
        <f t="shared" si="699"/>
        <v>5103.125</v>
      </c>
      <c r="NHV53" s="7">
        <f t="shared" si="699"/>
        <v>5103.125</v>
      </c>
      <c r="NHW53" s="7">
        <f t="shared" si="699"/>
        <v>5103.125</v>
      </c>
      <c r="NHX53" s="7">
        <f t="shared" si="699"/>
        <v>5103.125</v>
      </c>
      <c r="NHY53" s="7">
        <f t="shared" si="699"/>
        <v>5103.125</v>
      </c>
      <c r="NHZ53" s="7">
        <f t="shared" si="699"/>
        <v>5103.125</v>
      </c>
      <c r="NIA53" s="7">
        <f t="shared" si="699"/>
        <v>5103.125</v>
      </c>
      <c r="NIB53" s="7">
        <f t="shared" si="699"/>
        <v>5103.125</v>
      </c>
      <c r="NIC53" s="7">
        <f t="shared" si="699"/>
        <v>5103.125</v>
      </c>
      <c r="NID53" s="7">
        <f t="shared" si="699"/>
        <v>5103.125</v>
      </c>
      <c r="NIE53" s="7">
        <f t="shared" si="699"/>
        <v>5103.125</v>
      </c>
      <c r="NIF53" s="7">
        <f t="shared" si="699"/>
        <v>5103.125</v>
      </c>
      <c r="NIG53" s="7">
        <f t="shared" si="699"/>
        <v>5103.125</v>
      </c>
      <c r="NIH53" s="7">
        <f t="shared" si="699"/>
        <v>5103.125</v>
      </c>
      <c r="NII53" s="7">
        <f t="shared" si="699"/>
        <v>5103.125</v>
      </c>
      <c r="NIJ53" s="7">
        <f t="shared" si="699"/>
        <v>5103.125</v>
      </c>
      <c r="NIK53" s="7">
        <f t="shared" si="699"/>
        <v>5103.125</v>
      </c>
      <c r="NIL53" s="7">
        <f t="shared" si="699"/>
        <v>5103.125</v>
      </c>
      <c r="NIM53" s="7">
        <f t="shared" si="699"/>
        <v>5103.125</v>
      </c>
      <c r="NIN53" s="7">
        <f t="shared" si="699"/>
        <v>5103.125</v>
      </c>
      <c r="NIO53" s="7">
        <f t="shared" si="699"/>
        <v>5103.125</v>
      </c>
      <c r="NIP53" s="7">
        <f t="shared" si="699"/>
        <v>5103.125</v>
      </c>
      <c r="NIQ53" s="7">
        <f t="shared" si="699"/>
        <v>5103.125</v>
      </c>
      <c r="NIR53" s="7">
        <f t="shared" si="699"/>
        <v>5103.125</v>
      </c>
      <c r="NIS53" s="7">
        <f t="shared" si="699"/>
        <v>5103.125</v>
      </c>
      <c r="NIT53" s="7">
        <f t="shared" si="699"/>
        <v>5103.125</v>
      </c>
      <c r="NIU53" s="7">
        <f t="shared" si="699"/>
        <v>5103.125</v>
      </c>
      <c r="NIV53" s="7">
        <f t="shared" si="699"/>
        <v>5103.125</v>
      </c>
      <c r="NIW53" s="7">
        <f t="shared" si="699"/>
        <v>5103.125</v>
      </c>
      <c r="NIX53" s="7">
        <f t="shared" si="699"/>
        <v>5103.125</v>
      </c>
      <c r="NIY53" s="7">
        <f t="shared" si="699"/>
        <v>5103.125</v>
      </c>
      <c r="NIZ53" s="7">
        <f t="shared" si="699"/>
        <v>5103.125</v>
      </c>
      <c r="NJA53" s="7">
        <f t="shared" si="699"/>
        <v>5103.125</v>
      </c>
      <c r="NJB53" s="7">
        <f t="shared" si="699"/>
        <v>5103.125</v>
      </c>
      <c r="NJC53" s="7">
        <f t="shared" si="699"/>
        <v>5103.125</v>
      </c>
      <c r="NJD53" s="7">
        <f t="shared" si="699"/>
        <v>5103.125</v>
      </c>
      <c r="NJE53" s="7">
        <f t="shared" si="699"/>
        <v>5103.125</v>
      </c>
      <c r="NJF53" s="7">
        <f t="shared" si="699"/>
        <v>5103.125</v>
      </c>
      <c r="NJG53" s="7">
        <f t="shared" si="699"/>
        <v>5103.125</v>
      </c>
      <c r="NJH53" s="7">
        <f t="shared" si="699"/>
        <v>5103.125</v>
      </c>
      <c r="NJI53" s="7">
        <f t="shared" si="699"/>
        <v>5103.125</v>
      </c>
      <c r="NJJ53" s="7">
        <f t="shared" si="699"/>
        <v>5103.125</v>
      </c>
      <c r="NJK53" s="7">
        <f t="shared" si="699"/>
        <v>5103.125</v>
      </c>
      <c r="NJL53" s="7">
        <f t="shared" si="699"/>
        <v>5103.125</v>
      </c>
      <c r="NJM53" s="7">
        <f t="shared" si="699"/>
        <v>5103.125</v>
      </c>
      <c r="NJN53" s="7">
        <f t="shared" ref="NJN53:NLY53" si="700">NJN48+NJM53</f>
        <v>5103.125</v>
      </c>
      <c r="NJO53" s="7">
        <f t="shared" si="700"/>
        <v>5103.125</v>
      </c>
      <c r="NJP53" s="7">
        <f t="shared" si="700"/>
        <v>5103.125</v>
      </c>
      <c r="NJQ53" s="7">
        <f t="shared" si="700"/>
        <v>5103.125</v>
      </c>
      <c r="NJR53" s="7">
        <f t="shared" si="700"/>
        <v>5103.125</v>
      </c>
      <c r="NJS53" s="7">
        <f t="shared" si="700"/>
        <v>5103.125</v>
      </c>
      <c r="NJT53" s="7">
        <f t="shared" si="700"/>
        <v>5103.125</v>
      </c>
      <c r="NJU53" s="7">
        <f t="shared" si="700"/>
        <v>5103.125</v>
      </c>
      <c r="NJV53" s="7">
        <f t="shared" si="700"/>
        <v>5103.125</v>
      </c>
      <c r="NJW53" s="7">
        <f t="shared" si="700"/>
        <v>5103.125</v>
      </c>
      <c r="NJX53" s="7">
        <f t="shared" si="700"/>
        <v>5103.125</v>
      </c>
      <c r="NJY53" s="7">
        <f t="shared" si="700"/>
        <v>5103.125</v>
      </c>
      <c r="NJZ53" s="7">
        <f t="shared" si="700"/>
        <v>5103.125</v>
      </c>
      <c r="NKA53" s="7">
        <f t="shared" si="700"/>
        <v>5103.125</v>
      </c>
      <c r="NKB53" s="7">
        <f t="shared" si="700"/>
        <v>5103.125</v>
      </c>
      <c r="NKC53" s="7">
        <f t="shared" si="700"/>
        <v>5103.125</v>
      </c>
      <c r="NKD53" s="7">
        <f t="shared" si="700"/>
        <v>5103.125</v>
      </c>
      <c r="NKE53" s="7">
        <f t="shared" si="700"/>
        <v>5103.125</v>
      </c>
      <c r="NKF53" s="7">
        <f t="shared" si="700"/>
        <v>5103.125</v>
      </c>
      <c r="NKG53" s="7">
        <f t="shared" si="700"/>
        <v>5103.125</v>
      </c>
      <c r="NKH53" s="7">
        <f t="shared" si="700"/>
        <v>5103.125</v>
      </c>
      <c r="NKI53" s="7">
        <f t="shared" si="700"/>
        <v>5103.125</v>
      </c>
      <c r="NKJ53" s="7">
        <f t="shared" si="700"/>
        <v>5103.125</v>
      </c>
      <c r="NKK53" s="7">
        <f t="shared" si="700"/>
        <v>5103.125</v>
      </c>
      <c r="NKL53" s="7">
        <f t="shared" si="700"/>
        <v>5103.125</v>
      </c>
      <c r="NKM53" s="7">
        <f t="shared" si="700"/>
        <v>5103.125</v>
      </c>
      <c r="NKN53" s="7">
        <f t="shared" si="700"/>
        <v>5103.125</v>
      </c>
      <c r="NKO53" s="7">
        <f t="shared" si="700"/>
        <v>5103.125</v>
      </c>
      <c r="NKP53" s="7">
        <f t="shared" si="700"/>
        <v>5103.125</v>
      </c>
      <c r="NKQ53" s="7">
        <f t="shared" si="700"/>
        <v>5103.125</v>
      </c>
      <c r="NKR53" s="7">
        <f t="shared" si="700"/>
        <v>5103.125</v>
      </c>
      <c r="NKS53" s="7">
        <f t="shared" si="700"/>
        <v>5103.125</v>
      </c>
      <c r="NKT53" s="7">
        <f t="shared" si="700"/>
        <v>5103.125</v>
      </c>
      <c r="NKU53" s="7">
        <f t="shared" si="700"/>
        <v>5103.125</v>
      </c>
      <c r="NKV53" s="7">
        <f t="shared" si="700"/>
        <v>5103.125</v>
      </c>
      <c r="NKW53" s="7">
        <f t="shared" si="700"/>
        <v>5103.125</v>
      </c>
      <c r="NKX53" s="7">
        <f t="shared" si="700"/>
        <v>5103.125</v>
      </c>
      <c r="NKY53" s="7">
        <f t="shared" si="700"/>
        <v>5103.125</v>
      </c>
      <c r="NKZ53" s="7">
        <f t="shared" si="700"/>
        <v>5103.125</v>
      </c>
      <c r="NLA53" s="7">
        <f t="shared" si="700"/>
        <v>5103.125</v>
      </c>
      <c r="NLB53" s="7">
        <f t="shared" si="700"/>
        <v>5103.125</v>
      </c>
      <c r="NLC53" s="7">
        <f t="shared" si="700"/>
        <v>5103.125</v>
      </c>
      <c r="NLD53" s="7">
        <f t="shared" si="700"/>
        <v>5103.125</v>
      </c>
      <c r="NLE53" s="7">
        <f t="shared" si="700"/>
        <v>5103.125</v>
      </c>
      <c r="NLF53" s="7">
        <f t="shared" si="700"/>
        <v>5103.125</v>
      </c>
      <c r="NLG53" s="7">
        <f t="shared" si="700"/>
        <v>5103.125</v>
      </c>
      <c r="NLH53" s="7">
        <f t="shared" si="700"/>
        <v>5103.125</v>
      </c>
      <c r="NLI53" s="7">
        <f t="shared" si="700"/>
        <v>5103.125</v>
      </c>
      <c r="NLJ53" s="7">
        <f t="shared" si="700"/>
        <v>5103.125</v>
      </c>
      <c r="NLK53" s="7">
        <f t="shared" si="700"/>
        <v>5103.125</v>
      </c>
      <c r="NLL53" s="7">
        <f t="shared" si="700"/>
        <v>5103.125</v>
      </c>
      <c r="NLM53" s="7">
        <f t="shared" si="700"/>
        <v>5103.125</v>
      </c>
      <c r="NLN53" s="7">
        <f t="shared" si="700"/>
        <v>5103.125</v>
      </c>
      <c r="NLO53" s="7">
        <f t="shared" si="700"/>
        <v>5103.125</v>
      </c>
      <c r="NLP53" s="7">
        <f t="shared" si="700"/>
        <v>5103.125</v>
      </c>
      <c r="NLQ53" s="7">
        <f t="shared" si="700"/>
        <v>5103.125</v>
      </c>
      <c r="NLR53" s="7">
        <f t="shared" si="700"/>
        <v>5103.125</v>
      </c>
      <c r="NLS53" s="7">
        <f t="shared" si="700"/>
        <v>5103.125</v>
      </c>
      <c r="NLT53" s="7">
        <f t="shared" si="700"/>
        <v>5103.125</v>
      </c>
      <c r="NLU53" s="7">
        <f t="shared" si="700"/>
        <v>5103.125</v>
      </c>
      <c r="NLV53" s="7">
        <f t="shared" si="700"/>
        <v>5103.125</v>
      </c>
      <c r="NLW53" s="7">
        <f t="shared" si="700"/>
        <v>5103.125</v>
      </c>
      <c r="NLX53" s="7">
        <f t="shared" si="700"/>
        <v>5103.125</v>
      </c>
      <c r="NLY53" s="7">
        <f t="shared" si="700"/>
        <v>5103.125</v>
      </c>
      <c r="NLZ53" s="7">
        <f t="shared" ref="NLZ53:NOK53" si="701">NLZ48+NLY53</f>
        <v>5103.125</v>
      </c>
      <c r="NMA53" s="7">
        <f t="shared" si="701"/>
        <v>5103.125</v>
      </c>
      <c r="NMB53" s="7">
        <f t="shared" si="701"/>
        <v>5103.125</v>
      </c>
      <c r="NMC53" s="7">
        <f t="shared" si="701"/>
        <v>5103.125</v>
      </c>
      <c r="NMD53" s="7">
        <f t="shared" si="701"/>
        <v>5103.125</v>
      </c>
      <c r="NME53" s="7">
        <f t="shared" si="701"/>
        <v>5103.125</v>
      </c>
      <c r="NMF53" s="7">
        <f t="shared" si="701"/>
        <v>5103.125</v>
      </c>
      <c r="NMG53" s="7">
        <f t="shared" si="701"/>
        <v>5103.125</v>
      </c>
      <c r="NMH53" s="7">
        <f t="shared" si="701"/>
        <v>5103.125</v>
      </c>
      <c r="NMI53" s="7">
        <f t="shared" si="701"/>
        <v>5103.125</v>
      </c>
      <c r="NMJ53" s="7">
        <f t="shared" si="701"/>
        <v>5103.125</v>
      </c>
      <c r="NMK53" s="7">
        <f t="shared" si="701"/>
        <v>5103.125</v>
      </c>
      <c r="NML53" s="7">
        <f t="shared" si="701"/>
        <v>5103.125</v>
      </c>
      <c r="NMM53" s="7">
        <f t="shared" si="701"/>
        <v>5103.125</v>
      </c>
      <c r="NMN53" s="7">
        <f t="shared" si="701"/>
        <v>5103.125</v>
      </c>
      <c r="NMO53" s="7">
        <f t="shared" si="701"/>
        <v>5103.125</v>
      </c>
      <c r="NMP53" s="7">
        <f t="shared" si="701"/>
        <v>5103.125</v>
      </c>
      <c r="NMQ53" s="7">
        <f t="shared" si="701"/>
        <v>5103.125</v>
      </c>
      <c r="NMR53" s="7">
        <f t="shared" si="701"/>
        <v>5103.125</v>
      </c>
      <c r="NMS53" s="7">
        <f t="shared" si="701"/>
        <v>5103.125</v>
      </c>
      <c r="NMT53" s="7">
        <f t="shared" si="701"/>
        <v>5103.125</v>
      </c>
      <c r="NMU53" s="7">
        <f t="shared" si="701"/>
        <v>5103.125</v>
      </c>
      <c r="NMV53" s="7">
        <f t="shared" si="701"/>
        <v>5103.125</v>
      </c>
      <c r="NMW53" s="7">
        <f t="shared" si="701"/>
        <v>5103.125</v>
      </c>
      <c r="NMX53" s="7">
        <f t="shared" si="701"/>
        <v>5103.125</v>
      </c>
      <c r="NMY53" s="7">
        <f t="shared" si="701"/>
        <v>5103.125</v>
      </c>
      <c r="NMZ53" s="7">
        <f t="shared" si="701"/>
        <v>5103.125</v>
      </c>
      <c r="NNA53" s="7">
        <f t="shared" si="701"/>
        <v>5103.125</v>
      </c>
      <c r="NNB53" s="7">
        <f t="shared" si="701"/>
        <v>5103.125</v>
      </c>
      <c r="NNC53" s="7">
        <f t="shared" si="701"/>
        <v>5103.125</v>
      </c>
      <c r="NND53" s="7">
        <f t="shared" si="701"/>
        <v>5103.125</v>
      </c>
      <c r="NNE53" s="7">
        <f t="shared" si="701"/>
        <v>5103.125</v>
      </c>
      <c r="NNF53" s="7">
        <f t="shared" si="701"/>
        <v>5103.125</v>
      </c>
      <c r="NNG53" s="7">
        <f t="shared" si="701"/>
        <v>5103.125</v>
      </c>
      <c r="NNH53" s="7">
        <f t="shared" si="701"/>
        <v>5103.125</v>
      </c>
      <c r="NNI53" s="7">
        <f t="shared" si="701"/>
        <v>5103.125</v>
      </c>
      <c r="NNJ53" s="7">
        <f t="shared" si="701"/>
        <v>5103.125</v>
      </c>
      <c r="NNK53" s="7">
        <f t="shared" si="701"/>
        <v>5103.125</v>
      </c>
      <c r="NNL53" s="7">
        <f t="shared" si="701"/>
        <v>5103.125</v>
      </c>
      <c r="NNM53" s="7">
        <f t="shared" si="701"/>
        <v>5103.125</v>
      </c>
      <c r="NNN53" s="7">
        <f t="shared" si="701"/>
        <v>5103.125</v>
      </c>
      <c r="NNO53" s="7">
        <f t="shared" si="701"/>
        <v>5103.125</v>
      </c>
      <c r="NNP53" s="7">
        <f t="shared" si="701"/>
        <v>5103.125</v>
      </c>
      <c r="NNQ53" s="7">
        <f t="shared" si="701"/>
        <v>5103.125</v>
      </c>
      <c r="NNR53" s="7">
        <f t="shared" si="701"/>
        <v>5103.125</v>
      </c>
      <c r="NNS53" s="7">
        <f t="shared" si="701"/>
        <v>5103.125</v>
      </c>
      <c r="NNT53" s="7">
        <f t="shared" si="701"/>
        <v>5103.125</v>
      </c>
      <c r="NNU53" s="7">
        <f t="shared" si="701"/>
        <v>5103.125</v>
      </c>
      <c r="NNV53" s="7">
        <f t="shared" si="701"/>
        <v>5103.125</v>
      </c>
      <c r="NNW53" s="7">
        <f t="shared" si="701"/>
        <v>5103.125</v>
      </c>
      <c r="NNX53" s="7">
        <f t="shared" si="701"/>
        <v>5103.125</v>
      </c>
      <c r="NNY53" s="7">
        <f t="shared" si="701"/>
        <v>5103.125</v>
      </c>
      <c r="NNZ53" s="7">
        <f t="shared" si="701"/>
        <v>5103.125</v>
      </c>
      <c r="NOA53" s="7">
        <f t="shared" si="701"/>
        <v>5103.125</v>
      </c>
      <c r="NOB53" s="7">
        <f t="shared" si="701"/>
        <v>5103.125</v>
      </c>
      <c r="NOC53" s="7">
        <f t="shared" si="701"/>
        <v>5103.125</v>
      </c>
      <c r="NOD53" s="7">
        <f t="shared" si="701"/>
        <v>5103.125</v>
      </c>
      <c r="NOE53" s="7">
        <f t="shared" si="701"/>
        <v>5103.125</v>
      </c>
      <c r="NOF53" s="7">
        <f t="shared" si="701"/>
        <v>5103.125</v>
      </c>
      <c r="NOG53" s="7">
        <f t="shared" si="701"/>
        <v>5103.125</v>
      </c>
      <c r="NOH53" s="7">
        <f t="shared" si="701"/>
        <v>5103.125</v>
      </c>
      <c r="NOI53" s="7">
        <f t="shared" si="701"/>
        <v>5103.125</v>
      </c>
      <c r="NOJ53" s="7">
        <f t="shared" si="701"/>
        <v>5103.125</v>
      </c>
      <c r="NOK53" s="7">
        <f t="shared" si="701"/>
        <v>5103.125</v>
      </c>
      <c r="NOL53" s="7">
        <f t="shared" ref="NOL53:NQW53" si="702">NOL48+NOK53</f>
        <v>5103.125</v>
      </c>
      <c r="NOM53" s="7">
        <f t="shared" si="702"/>
        <v>5103.125</v>
      </c>
      <c r="NON53" s="7">
        <f t="shared" si="702"/>
        <v>5103.125</v>
      </c>
      <c r="NOO53" s="7">
        <f t="shared" si="702"/>
        <v>5103.125</v>
      </c>
      <c r="NOP53" s="7">
        <f t="shared" si="702"/>
        <v>5103.125</v>
      </c>
      <c r="NOQ53" s="7">
        <f t="shared" si="702"/>
        <v>5103.125</v>
      </c>
      <c r="NOR53" s="7">
        <f t="shared" si="702"/>
        <v>5103.125</v>
      </c>
      <c r="NOS53" s="7">
        <f t="shared" si="702"/>
        <v>5103.125</v>
      </c>
      <c r="NOT53" s="7">
        <f t="shared" si="702"/>
        <v>5103.125</v>
      </c>
      <c r="NOU53" s="7">
        <f t="shared" si="702"/>
        <v>5103.125</v>
      </c>
      <c r="NOV53" s="7">
        <f t="shared" si="702"/>
        <v>5103.125</v>
      </c>
      <c r="NOW53" s="7">
        <f t="shared" si="702"/>
        <v>5103.125</v>
      </c>
      <c r="NOX53" s="7">
        <f t="shared" si="702"/>
        <v>5103.125</v>
      </c>
      <c r="NOY53" s="7">
        <f t="shared" si="702"/>
        <v>5103.125</v>
      </c>
      <c r="NOZ53" s="7">
        <f t="shared" si="702"/>
        <v>5103.125</v>
      </c>
      <c r="NPA53" s="7">
        <f t="shared" si="702"/>
        <v>5103.125</v>
      </c>
      <c r="NPB53" s="7">
        <f t="shared" si="702"/>
        <v>5103.125</v>
      </c>
      <c r="NPC53" s="7">
        <f t="shared" si="702"/>
        <v>5103.125</v>
      </c>
      <c r="NPD53" s="7">
        <f t="shared" si="702"/>
        <v>5103.125</v>
      </c>
      <c r="NPE53" s="7">
        <f t="shared" si="702"/>
        <v>5103.125</v>
      </c>
      <c r="NPF53" s="7">
        <f t="shared" si="702"/>
        <v>5103.125</v>
      </c>
      <c r="NPG53" s="7">
        <f t="shared" si="702"/>
        <v>5103.125</v>
      </c>
      <c r="NPH53" s="7">
        <f t="shared" si="702"/>
        <v>5103.125</v>
      </c>
      <c r="NPI53" s="7">
        <f t="shared" si="702"/>
        <v>5103.125</v>
      </c>
      <c r="NPJ53" s="7">
        <f t="shared" si="702"/>
        <v>5103.125</v>
      </c>
      <c r="NPK53" s="7">
        <f t="shared" si="702"/>
        <v>5103.125</v>
      </c>
      <c r="NPL53" s="7">
        <f t="shared" si="702"/>
        <v>5103.125</v>
      </c>
      <c r="NPM53" s="7">
        <f t="shared" si="702"/>
        <v>5103.125</v>
      </c>
      <c r="NPN53" s="7">
        <f t="shared" si="702"/>
        <v>5103.125</v>
      </c>
      <c r="NPO53" s="7">
        <f t="shared" si="702"/>
        <v>5103.125</v>
      </c>
      <c r="NPP53" s="7">
        <f t="shared" si="702"/>
        <v>5103.125</v>
      </c>
      <c r="NPQ53" s="7">
        <f t="shared" si="702"/>
        <v>5103.125</v>
      </c>
      <c r="NPR53" s="7">
        <f t="shared" si="702"/>
        <v>5103.125</v>
      </c>
      <c r="NPS53" s="7">
        <f t="shared" si="702"/>
        <v>5103.125</v>
      </c>
      <c r="NPT53" s="7">
        <f t="shared" si="702"/>
        <v>5103.125</v>
      </c>
      <c r="NPU53" s="7">
        <f t="shared" si="702"/>
        <v>5103.125</v>
      </c>
      <c r="NPV53" s="7">
        <f t="shared" si="702"/>
        <v>5103.125</v>
      </c>
      <c r="NPW53" s="7">
        <f t="shared" si="702"/>
        <v>5103.125</v>
      </c>
      <c r="NPX53" s="7">
        <f t="shared" si="702"/>
        <v>5103.125</v>
      </c>
      <c r="NPY53" s="7">
        <f t="shared" si="702"/>
        <v>5103.125</v>
      </c>
      <c r="NPZ53" s="7">
        <f t="shared" si="702"/>
        <v>5103.125</v>
      </c>
      <c r="NQA53" s="7">
        <f t="shared" si="702"/>
        <v>5103.125</v>
      </c>
      <c r="NQB53" s="7">
        <f t="shared" si="702"/>
        <v>5103.125</v>
      </c>
      <c r="NQC53" s="7">
        <f t="shared" si="702"/>
        <v>5103.125</v>
      </c>
      <c r="NQD53" s="7">
        <f t="shared" si="702"/>
        <v>5103.125</v>
      </c>
      <c r="NQE53" s="7">
        <f t="shared" si="702"/>
        <v>5103.125</v>
      </c>
      <c r="NQF53" s="7">
        <f t="shared" si="702"/>
        <v>5103.125</v>
      </c>
      <c r="NQG53" s="7">
        <f t="shared" si="702"/>
        <v>5103.125</v>
      </c>
      <c r="NQH53" s="7">
        <f t="shared" si="702"/>
        <v>5103.125</v>
      </c>
      <c r="NQI53" s="7">
        <f t="shared" si="702"/>
        <v>5103.125</v>
      </c>
      <c r="NQJ53" s="7">
        <f t="shared" si="702"/>
        <v>5103.125</v>
      </c>
      <c r="NQK53" s="7">
        <f t="shared" si="702"/>
        <v>5103.125</v>
      </c>
      <c r="NQL53" s="7">
        <f t="shared" si="702"/>
        <v>5103.125</v>
      </c>
      <c r="NQM53" s="7">
        <f t="shared" si="702"/>
        <v>5103.125</v>
      </c>
      <c r="NQN53" s="7">
        <f t="shared" si="702"/>
        <v>5103.125</v>
      </c>
      <c r="NQO53" s="7">
        <f t="shared" si="702"/>
        <v>5103.125</v>
      </c>
      <c r="NQP53" s="7">
        <f t="shared" si="702"/>
        <v>5103.125</v>
      </c>
      <c r="NQQ53" s="7">
        <f t="shared" si="702"/>
        <v>5103.125</v>
      </c>
      <c r="NQR53" s="7">
        <f t="shared" si="702"/>
        <v>5103.125</v>
      </c>
      <c r="NQS53" s="7">
        <f t="shared" si="702"/>
        <v>5103.125</v>
      </c>
      <c r="NQT53" s="7">
        <f t="shared" si="702"/>
        <v>5103.125</v>
      </c>
      <c r="NQU53" s="7">
        <f t="shared" si="702"/>
        <v>5103.125</v>
      </c>
      <c r="NQV53" s="7">
        <f t="shared" si="702"/>
        <v>5103.125</v>
      </c>
      <c r="NQW53" s="7">
        <f t="shared" si="702"/>
        <v>5103.125</v>
      </c>
      <c r="NQX53" s="7">
        <f t="shared" ref="NQX53:NTI53" si="703">NQX48+NQW53</f>
        <v>5103.125</v>
      </c>
      <c r="NQY53" s="7">
        <f t="shared" si="703"/>
        <v>5103.125</v>
      </c>
      <c r="NQZ53" s="7">
        <f t="shared" si="703"/>
        <v>5103.125</v>
      </c>
      <c r="NRA53" s="7">
        <f t="shared" si="703"/>
        <v>5103.125</v>
      </c>
      <c r="NRB53" s="7">
        <f t="shared" si="703"/>
        <v>5103.125</v>
      </c>
      <c r="NRC53" s="7">
        <f t="shared" si="703"/>
        <v>5103.125</v>
      </c>
      <c r="NRD53" s="7">
        <f t="shared" si="703"/>
        <v>5103.125</v>
      </c>
      <c r="NRE53" s="7">
        <f t="shared" si="703"/>
        <v>5103.125</v>
      </c>
      <c r="NRF53" s="7">
        <f t="shared" si="703"/>
        <v>5103.125</v>
      </c>
      <c r="NRG53" s="7">
        <f t="shared" si="703"/>
        <v>5103.125</v>
      </c>
      <c r="NRH53" s="7">
        <f t="shared" si="703"/>
        <v>5103.125</v>
      </c>
      <c r="NRI53" s="7">
        <f t="shared" si="703"/>
        <v>5103.125</v>
      </c>
      <c r="NRJ53" s="7">
        <f t="shared" si="703"/>
        <v>5103.125</v>
      </c>
      <c r="NRK53" s="7">
        <f t="shared" si="703"/>
        <v>5103.125</v>
      </c>
      <c r="NRL53" s="7">
        <f t="shared" si="703"/>
        <v>5103.125</v>
      </c>
      <c r="NRM53" s="7">
        <f t="shared" si="703"/>
        <v>5103.125</v>
      </c>
      <c r="NRN53" s="7">
        <f t="shared" si="703"/>
        <v>5103.125</v>
      </c>
      <c r="NRO53" s="7">
        <f t="shared" si="703"/>
        <v>5103.125</v>
      </c>
      <c r="NRP53" s="7">
        <f t="shared" si="703"/>
        <v>5103.125</v>
      </c>
      <c r="NRQ53" s="7">
        <f t="shared" si="703"/>
        <v>5103.125</v>
      </c>
      <c r="NRR53" s="7">
        <f t="shared" si="703"/>
        <v>5103.125</v>
      </c>
      <c r="NRS53" s="7">
        <f t="shared" si="703"/>
        <v>5103.125</v>
      </c>
      <c r="NRT53" s="7">
        <f t="shared" si="703"/>
        <v>5103.125</v>
      </c>
      <c r="NRU53" s="7">
        <f t="shared" si="703"/>
        <v>5103.125</v>
      </c>
      <c r="NRV53" s="7">
        <f t="shared" si="703"/>
        <v>5103.125</v>
      </c>
      <c r="NRW53" s="7">
        <f t="shared" si="703"/>
        <v>5103.125</v>
      </c>
      <c r="NRX53" s="7">
        <f t="shared" si="703"/>
        <v>5103.125</v>
      </c>
      <c r="NRY53" s="7">
        <f t="shared" si="703"/>
        <v>5103.125</v>
      </c>
      <c r="NRZ53" s="7">
        <f t="shared" si="703"/>
        <v>5103.125</v>
      </c>
      <c r="NSA53" s="7">
        <f t="shared" si="703"/>
        <v>5103.125</v>
      </c>
      <c r="NSB53" s="7">
        <f t="shared" si="703"/>
        <v>5103.125</v>
      </c>
      <c r="NSC53" s="7">
        <f t="shared" si="703"/>
        <v>5103.125</v>
      </c>
      <c r="NSD53" s="7">
        <f t="shared" si="703"/>
        <v>5103.125</v>
      </c>
      <c r="NSE53" s="7">
        <f t="shared" si="703"/>
        <v>5103.125</v>
      </c>
      <c r="NSF53" s="7">
        <f t="shared" si="703"/>
        <v>5103.125</v>
      </c>
      <c r="NSG53" s="7">
        <f t="shared" si="703"/>
        <v>5103.125</v>
      </c>
      <c r="NSH53" s="7">
        <f t="shared" si="703"/>
        <v>5103.125</v>
      </c>
      <c r="NSI53" s="7">
        <f t="shared" si="703"/>
        <v>5103.125</v>
      </c>
      <c r="NSJ53" s="7">
        <f t="shared" si="703"/>
        <v>5103.125</v>
      </c>
      <c r="NSK53" s="7">
        <f t="shared" si="703"/>
        <v>5103.125</v>
      </c>
      <c r="NSL53" s="7">
        <f t="shared" si="703"/>
        <v>5103.125</v>
      </c>
      <c r="NSM53" s="7">
        <f t="shared" si="703"/>
        <v>5103.125</v>
      </c>
      <c r="NSN53" s="7">
        <f t="shared" si="703"/>
        <v>5103.125</v>
      </c>
      <c r="NSO53" s="7">
        <f t="shared" si="703"/>
        <v>5103.125</v>
      </c>
      <c r="NSP53" s="7">
        <f t="shared" si="703"/>
        <v>5103.125</v>
      </c>
      <c r="NSQ53" s="7">
        <f t="shared" si="703"/>
        <v>5103.125</v>
      </c>
      <c r="NSR53" s="7">
        <f t="shared" si="703"/>
        <v>5103.125</v>
      </c>
      <c r="NSS53" s="7">
        <f t="shared" si="703"/>
        <v>5103.125</v>
      </c>
      <c r="NST53" s="7">
        <f t="shared" si="703"/>
        <v>5103.125</v>
      </c>
      <c r="NSU53" s="7">
        <f t="shared" si="703"/>
        <v>5103.125</v>
      </c>
      <c r="NSV53" s="7">
        <f t="shared" si="703"/>
        <v>5103.125</v>
      </c>
      <c r="NSW53" s="7">
        <f t="shared" si="703"/>
        <v>5103.125</v>
      </c>
      <c r="NSX53" s="7">
        <f t="shared" si="703"/>
        <v>5103.125</v>
      </c>
      <c r="NSY53" s="7">
        <f t="shared" si="703"/>
        <v>5103.125</v>
      </c>
      <c r="NSZ53" s="7">
        <f t="shared" si="703"/>
        <v>5103.125</v>
      </c>
      <c r="NTA53" s="7">
        <f t="shared" si="703"/>
        <v>5103.125</v>
      </c>
      <c r="NTB53" s="7">
        <f t="shared" si="703"/>
        <v>5103.125</v>
      </c>
      <c r="NTC53" s="7">
        <f t="shared" si="703"/>
        <v>5103.125</v>
      </c>
      <c r="NTD53" s="7">
        <f t="shared" si="703"/>
        <v>5103.125</v>
      </c>
      <c r="NTE53" s="7">
        <f t="shared" si="703"/>
        <v>5103.125</v>
      </c>
      <c r="NTF53" s="7">
        <f t="shared" si="703"/>
        <v>5103.125</v>
      </c>
      <c r="NTG53" s="7">
        <f t="shared" si="703"/>
        <v>5103.125</v>
      </c>
      <c r="NTH53" s="7">
        <f t="shared" si="703"/>
        <v>5103.125</v>
      </c>
      <c r="NTI53" s="7">
        <f t="shared" si="703"/>
        <v>5103.125</v>
      </c>
      <c r="NTJ53" s="7">
        <f t="shared" ref="NTJ53:NVU53" si="704">NTJ48+NTI53</f>
        <v>5103.125</v>
      </c>
      <c r="NTK53" s="7">
        <f t="shared" si="704"/>
        <v>5103.125</v>
      </c>
      <c r="NTL53" s="7">
        <f t="shared" si="704"/>
        <v>5103.125</v>
      </c>
      <c r="NTM53" s="7">
        <f t="shared" si="704"/>
        <v>5103.125</v>
      </c>
      <c r="NTN53" s="7">
        <f t="shared" si="704"/>
        <v>5103.125</v>
      </c>
      <c r="NTO53" s="7">
        <f t="shared" si="704"/>
        <v>5103.125</v>
      </c>
      <c r="NTP53" s="7">
        <f t="shared" si="704"/>
        <v>5103.125</v>
      </c>
      <c r="NTQ53" s="7">
        <f t="shared" si="704"/>
        <v>5103.125</v>
      </c>
      <c r="NTR53" s="7">
        <f t="shared" si="704"/>
        <v>5103.125</v>
      </c>
      <c r="NTS53" s="7">
        <f t="shared" si="704"/>
        <v>5103.125</v>
      </c>
      <c r="NTT53" s="7">
        <f t="shared" si="704"/>
        <v>5103.125</v>
      </c>
      <c r="NTU53" s="7">
        <f t="shared" si="704"/>
        <v>5103.125</v>
      </c>
      <c r="NTV53" s="7">
        <f t="shared" si="704"/>
        <v>5103.125</v>
      </c>
      <c r="NTW53" s="7">
        <f t="shared" si="704"/>
        <v>5103.125</v>
      </c>
      <c r="NTX53" s="7">
        <f t="shared" si="704"/>
        <v>5103.125</v>
      </c>
      <c r="NTY53" s="7">
        <f t="shared" si="704"/>
        <v>5103.125</v>
      </c>
      <c r="NTZ53" s="7">
        <f t="shared" si="704"/>
        <v>5103.125</v>
      </c>
      <c r="NUA53" s="7">
        <f t="shared" si="704"/>
        <v>5103.125</v>
      </c>
      <c r="NUB53" s="7">
        <f t="shared" si="704"/>
        <v>5103.125</v>
      </c>
      <c r="NUC53" s="7">
        <f t="shared" si="704"/>
        <v>5103.125</v>
      </c>
      <c r="NUD53" s="7">
        <f t="shared" si="704"/>
        <v>5103.125</v>
      </c>
      <c r="NUE53" s="7">
        <f t="shared" si="704"/>
        <v>5103.125</v>
      </c>
      <c r="NUF53" s="7">
        <f t="shared" si="704"/>
        <v>5103.125</v>
      </c>
      <c r="NUG53" s="7">
        <f t="shared" si="704"/>
        <v>5103.125</v>
      </c>
      <c r="NUH53" s="7">
        <f t="shared" si="704"/>
        <v>5103.125</v>
      </c>
      <c r="NUI53" s="7">
        <f t="shared" si="704"/>
        <v>5103.125</v>
      </c>
      <c r="NUJ53" s="7">
        <f t="shared" si="704"/>
        <v>5103.125</v>
      </c>
      <c r="NUK53" s="7">
        <f t="shared" si="704"/>
        <v>5103.125</v>
      </c>
      <c r="NUL53" s="7">
        <f t="shared" si="704"/>
        <v>5103.125</v>
      </c>
      <c r="NUM53" s="7">
        <f t="shared" si="704"/>
        <v>5103.125</v>
      </c>
      <c r="NUN53" s="7">
        <f t="shared" si="704"/>
        <v>5103.125</v>
      </c>
      <c r="NUO53" s="7">
        <f t="shared" si="704"/>
        <v>5103.125</v>
      </c>
      <c r="NUP53" s="7">
        <f t="shared" si="704"/>
        <v>5103.125</v>
      </c>
      <c r="NUQ53" s="7">
        <f t="shared" si="704"/>
        <v>5103.125</v>
      </c>
      <c r="NUR53" s="7">
        <f t="shared" si="704"/>
        <v>5103.125</v>
      </c>
      <c r="NUS53" s="7">
        <f t="shared" si="704"/>
        <v>5103.125</v>
      </c>
      <c r="NUT53" s="7">
        <f t="shared" si="704"/>
        <v>5103.125</v>
      </c>
      <c r="NUU53" s="7">
        <f t="shared" si="704"/>
        <v>5103.125</v>
      </c>
      <c r="NUV53" s="7">
        <f t="shared" si="704"/>
        <v>5103.125</v>
      </c>
      <c r="NUW53" s="7">
        <f t="shared" si="704"/>
        <v>5103.125</v>
      </c>
      <c r="NUX53" s="7">
        <f t="shared" si="704"/>
        <v>5103.125</v>
      </c>
      <c r="NUY53" s="7">
        <f t="shared" si="704"/>
        <v>5103.125</v>
      </c>
      <c r="NUZ53" s="7">
        <f t="shared" si="704"/>
        <v>5103.125</v>
      </c>
      <c r="NVA53" s="7">
        <f t="shared" si="704"/>
        <v>5103.125</v>
      </c>
      <c r="NVB53" s="7">
        <f t="shared" si="704"/>
        <v>5103.125</v>
      </c>
      <c r="NVC53" s="7">
        <f t="shared" si="704"/>
        <v>5103.125</v>
      </c>
      <c r="NVD53" s="7">
        <f t="shared" si="704"/>
        <v>5103.125</v>
      </c>
      <c r="NVE53" s="7">
        <f t="shared" si="704"/>
        <v>5103.125</v>
      </c>
      <c r="NVF53" s="7">
        <f t="shared" si="704"/>
        <v>5103.125</v>
      </c>
      <c r="NVG53" s="7">
        <f t="shared" si="704"/>
        <v>5103.125</v>
      </c>
      <c r="NVH53" s="7">
        <f t="shared" si="704"/>
        <v>5103.125</v>
      </c>
      <c r="NVI53" s="7">
        <f t="shared" si="704"/>
        <v>5103.125</v>
      </c>
      <c r="NVJ53" s="7">
        <f t="shared" si="704"/>
        <v>5103.125</v>
      </c>
      <c r="NVK53" s="7">
        <f t="shared" si="704"/>
        <v>5103.125</v>
      </c>
      <c r="NVL53" s="7">
        <f t="shared" si="704"/>
        <v>5103.125</v>
      </c>
      <c r="NVM53" s="7">
        <f t="shared" si="704"/>
        <v>5103.125</v>
      </c>
      <c r="NVN53" s="7">
        <f t="shared" si="704"/>
        <v>5103.125</v>
      </c>
      <c r="NVO53" s="7">
        <f t="shared" si="704"/>
        <v>5103.125</v>
      </c>
      <c r="NVP53" s="7">
        <f t="shared" si="704"/>
        <v>5103.125</v>
      </c>
      <c r="NVQ53" s="7">
        <f t="shared" si="704"/>
        <v>5103.125</v>
      </c>
      <c r="NVR53" s="7">
        <f t="shared" si="704"/>
        <v>5103.125</v>
      </c>
      <c r="NVS53" s="7">
        <f t="shared" si="704"/>
        <v>5103.125</v>
      </c>
      <c r="NVT53" s="7">
        <f t="shared" si="704"/>
        <v>5103.125</v>
      </c>
      <c r="NVU53" s="7">
        <f t="shared" si="704"/>
        <v>5103.125</v>
      </c>
      <c r="NVV53" s="7">
        <f t="shared" ref="NVV53:NYG53" si="705">NVV48+NVU53</f>
        <v>5103.125</v>
      </c>
      <c r="NVW53" s="7">
        <f t="shared" si="705"/>
        <v>5103.125</v>
      </c>
      <c r="NVX53" s="7">
        <f t="shared" si="705"/>
        <v>5103.125</v>
      </c>
      <c r="NVY53" s="7">
        <f t="shared" si="705"/>
        <v>5103.125</v>
      </c>
      <c r="NVZ53" s="7">
        <f t="shared" si="705"/>
        <v>5103.125</v>
      </c>
      <c r="NWA53" s="7">
        <f t="shared" si="705"/>
        <v>5103.125</v>
      </c>
      <c r="NWB53" s="7">
        <f t="shared" si="705"/>
        <v>5103.125</v>
      </c>
      <c r="NWC53" s="7">
        <f t="shared" si="705"/>
        <v>5103.125</v>
      </c>
      <c r="NWD53" s="7">
        <f t="shared" si="705"/>
        <v>5103.125</v>
      </c>
      <c r="NWE53" s="7">
        <f t="shared" si="705"/>
        <v>5103.125</v>
      </c>
      <c r="NWF53" s="7">
        <f t="shared" si="705"/>
        <v>5103.125</v>
      </c>
      <c r="NWG53" s="7">
        <f t="shared" si="705"/>
        <v>5103.125</v>
      </c>
      <c r="NWH53" s="7">
        <f t="shared" si="705"/>
        <v>5103.125</v>
      </c>
      <c r="NWI53" s="7">
        <f t="shared" si="705"/>
        <v>5103.125</v>
      </c>
      <c r="NWJ53" s="7">
        <f t="shared" si="705"/>
        <v>5103.125</v>
      </c>
      <c r="NWK53" s="7">
        <f t="shared" si="705"/>
        <v>5103.125</v>
      </c>
      <c r="NWL53" s="7">
        <f t="shared" si="705"/>
        <v>5103.125</v>
      </c>
      <c r="NWM53" s="7">
        <f t="shared" si="705"/>
        <v>5103.125</v>
      </c>
      <c r="NWN53" s="7">
        <f t="shared" si="705"/>
        <v>5103.125</v>
      </c>
      <c r="NWO53" s="7">
        <f t="shared" si="705"/>
        <v>5103.125</v>
      </c>
      <c r="NWP53" s="7">
        <f t="shared" si="705"/>
        <v>5103.125</v>
      </c>
      <c r="NWQ53" s="7">
        <f t="shared" si="705"/>
        <v>5103.125</v>
      </c>
      <c r="NWR53" s="7">
        <f t="shared" si="705"/>
        <v>5103.125</v>
      </c>
      <c r="NWS53" s="7">
        <f t="shared" si="705"/>
        <v>5103.125</v>
      </c>
      <c r="NWT53" s="7">
        <f t="shared" si="705"/>
        <v>5103.125</v>
      </c>
      <c r="NWU53" s="7">
        <f t="shared" si="705"/>
        <v>5103.125</v>
      </c>
      <c r="NWV53" s="7">
        <f t="shared" si="705"/>
        <v>5103.125</v>
      </c>
      <c r="NWW53" s="7">
        <f t="shared" si="705"/>
        <v>5103.125</v>
      </c>
      <c r="NWX53" s="7">
        <f t="shared" si="705"/>
        <v>5103.125</v>
      </c>
      <c r="NWY53" s="7">
        <f t="shared" si="705"/>
        <v>5103.125</v>
      </c>
      <c r="NWZ53" s="7">
        <f t="shared" si="705"/>
        <v>5103.125</v>
      </c>
      <c r="NXA53" s="7">
        <f t="shared" si="705"/>
        <v>5103.125</v>
      </c>
      <c r="NXB53" s="7">
        <f t="shared" si="705"/>
        <v>5103.125</v>
      </c>
      <c r="NXC53" s="7">
        <f t="shared" si="705"/>
        <v>5103.125</v>
      </c>
      <c r="NXD53" s="7">
        <f t="shared" si="705"/>
        <v>5103.125</v>
      </c>
      <c r="NXE53" s="7">
        <f t="shared" si="705"/>
        <v>5103.125</v>
      </c>
      <c r="NXF53" s="7">
        <f t="shared" si="705"/>
        <v>5103.125</v>
      </c>
      <c r="NXG53" s="7">
        <f t="shared" si="705"/>
        <v>5103.125</v>
      </c>
      <c r="NXH53" s="7">
        <f t="shared" si="705"/>
        <v>5103.125</v>
      </c>
      <c r="NXI53" s="7">
        <f t="shared" si="705"/>
        <v>5103.125</v>
      </c>
      <c r="NXJ53" s="7">
        <f t="shared" si="705"/>
        <v>5103.125</v>
      </c>
      <c r="NXK53" s="7">
        <f t="shared" si="705"/>
        <v>5103.125</v>
      </c>
      <c r="NXL53" s="7">
        <f t="shared" si="705"/>
        <v>5103.125</v>
      </c>
      <c r="NXM53" s="7">
        <f t="shared" si="705"/>
        <v>5103.125</v>
      </c>
      <c r="NXN53" s="7">
        <f t="shared" si="705"/>
        <v>5103.125</v>
      </c>
      <c r="NXO53" s="7">
        <f t="shared" si="705"/>
        <v>5103.125</v>
      </c>
      <c r="NXP53" s="7">
        <f t="shared" si="705"/>
        <v>5103.125</v>
      </c>
      <c r="NXQ53" s="7">
        <f t="shared" si="705"/>
        <v>5103.125</v>
      </c>
      <c r="NXR53" s="7">
        <f t="shared" si="705"/>
        <v>5103.125</v>
      </c>
      <c r="NXS53" s="7">
        <f t="shared" si="705"/>
        <v>5103.125</v>
      </c>
      <c r="NXT53" s="7">
        <f t="shared" si="705"/>
        <v>5103.125</v>
      </c>
      <c r="NXU53" s="7">
        <f t="shared" si="705"/>
        <v>5103.125</v>
      </c>
      <c r="NXV53" s="7">
        <f t="shared" si="705"/>
        <v>5103.125</v>
      </c>
      <c r="NXW53" s="7">
        <f t="shared" si="705"/>
        <v>5103.125</v>
      </c>
      <c r="NXX53" s="7">
        <f t="shared" si="705"/>
        <v>5103.125</v>
      </c>
      <c r="NXY53" s="7">
        <f t="shared" si="705"/>
        <v>5103.125</v>
      </c>
      <c r="NXZ53" s="7">
        <f t="shared" si="705"/>
        <v>5103.125</v>
      </c>
      <c r="NYA53" s="7">
        <f t="shared" si="705"/>
        <v>5103.125</v>
      </c>
      <c r="NYB53" s="7">
        <f t="shared" si="705"/>
        <v>5103.125</v>
      </c>
      <c r="NYC53" s="7">
        <f t="shared" si="705"/>
        <v>5103.125</v>
      </c>
      <c r="NYD53" s="7">
        <f t="shared" si="705"/>
        <v>5103.125</v>
      </c>
      <c r="NYE53" s="7">
        <f t="shared" si="705"/>
        <v>5103.125</v>
      </c>
      <c r="NYF53" s="7">
        <f t="shared" si="705"/>
        <v>5103.125</v>
      </c>
      <c r="NYG53" s="7">
        <f t="shared" si="705"/>
        <v>5103.125</v>
      </c>
      <c r="NYH53" s="7">
        <f t="shared" ref="NYH53:OAS53" si="706">NYH48+NYG53</f>
        <v>5103.125</v>
      </c>
      <c r="NYI53" s="7">
        <f t="shared" si="706"/>
        <v>5103.125</v>
      </c>
      <c r="NYJ53" s="7">
        <f t="shared" si="706"/>
        <v>5103.125</v>
      </c>
      <c r="NYK53" s="7">
        <f t="shared" si="706"/>
        <v>5103.125</v>
      </c>
      <c r="NYL53" s="7">
        <f t="shared" si="706"/>
        <v>5103.125</v>
      </c>
      <c r="NYM53" s="7">
        <f t="shared" si="706"/>
        <v>5103.125</v>
      </c>
      <c r="NYN53" s="7">
        <f t="shared" si="706"/>
        <v>5103.125</v>
      </c>
      <c r="NYO53" s="7">
        <f t="shared" si="706"/>
        <v>5103.125</v>
      </c>
      <c r="NYP53" s="7">
        <f t="shared" si="706"/>
        <v>5103.125</v>
      </c>
      <c r="NYQ53" s="7">
        <f t="shared" si="706"/>
        <v>5103.125</v>
      </c>
      <c r="NYR53" s="7">
        <f t="shared" si="706"/>
        <v>5103.125</v>
      </c>
      <c r="NYS53" s="7">
        <f t="shared" si="706"/>
        <v>5103.125</v>
      </c>
      <c r="NYT53" s="7">
        <f t="shared" si="706"/>
        <v>5103.125</v>
      </c>
      <c r="NYU53" s="7">
        <f t="shared" si="706"/>
        <v>5103.125</v>
      </c>
      <c r="NYV53" s="7">
        <f t="shared" si="706"/>
        <v>5103.125</v>
      </c>
      <c r="NYW53" s="7">
        <f t="shared" si="706"/>
        <v>5103.125</v>
      </c>
      <c r="NYX53" s="7">
        <f t="shared" si="706"/>
        <v>5103.125</v>
      </c>
      <c r="NYY53" s="7">
        <f t="shared" si="706"/>
        <v>5103.125</v>
      </c>
      <c r="NYZ53" s="7">
        <f t="shared" si="706"/>
        <v>5103.125</v>
      </c>
      <c r="NZA53" s="7">
        <f t="shared" si="706"/>
        <v>5103.125</v>
      </c>
      <c r="NZB53" s="7">
        <f t="shared" si="706"/>
        <v>5103.125</v>
      </c>
      <c r="NZC53" s="7">
        <f t="shared" si="706"/>
        <v>5103.125</v>
      </c>
      <c r="NZD53" s="7">
        <f t="shared" si="706"/>
        <v>5103.125</v>
      </c>
      <c r="NZE53" s="7">
        <f t="shared" si="706"/>
        <v>5103.125</v>
      </c>
      <c r="NZF53" s="7">
        <f t="shared" si="706"/>
        <v>5103.125</v>
      </c>
      <c r="NZG53" s="7">
        <f t="shared" si="706"/>
        <v>5103.125</v>
      </c>
      <c r="NZH53" s="7">
        <f t="shared" si="706"/>
        <v>5103.125</v>
      </c>
      <c r="NZI53" s="7">
        <f t="shared" si="706"/>
        <v>5103.125</v>
      </c>
      <c r="NZJ53" s="7">
        <f t="shared" si="706"/>
        <v>5103.125</v>
      </c>
      <c r="NZK53" s="7">
        <f t="shared" si="706"/>
        <v>5103.125</v>
      </c>
      <c r="NZL53" s="7">
        <f t="shared" si="706"/>
        <v>5103.125</v>
      </c>
      <c r="NZM53" s="7">
        <f t="shared" si="706"/>
        <v>5103.125</v>
      </c>
      <c r="NZN53" s="7">
        <f t="shared" si="706"/>
        <v>5103.125</v>
      </c>
      <c r="NZO53" s="7">
        <f t="shared" si="706"/>
        <v>5103.125</v>
      </c>
      <c r="NZP53" s="7">
        <f t="shared" si="706"/>
        <v>5103.125</v>
      </c>
      <c r="NZQ53" s="7">
        <f t="shared" si="706"/>
        <v>5103.125</v>
      </c>
      <c r="NZR53" s="7">
        <f t="shared" si="706"/>
        <v>5103.125</v>
      </c>
      <c r="NZS53" s="7">
        <f t="shared" si="706"/>
        <v>5103.125</v>
      </c>
      <c r="NZT53" s="7">
        <f t="shared" si="706"/>
        <v>5103.125</v>
      </c>
      <c r="NZU53" s="7">
        <f t="shared" si="706"/>
        <v>5103.125</v>
      </c>
      <c r="NZV53" s="7">
        <f t="shared" si="706"/>
        <v>5103.125</v>
      </c>
      <c r="NZW53" s="7">
        <f t="shared" si="706"/>
        <v>5103.125</v>
      </c>
      <c r="NZX53" s="7">
        <f t="shared" si="706"/>
        <v>5103.125</v>
      </c>
      <c r="NZY53" s="7">
        <f t="shared" si="706"/>
        <v>5103.125</v>
      </c>
      <c r="NZZ53" s="7">
        <f t="shared" si="706"/>
        <v>5103.125</v>
      </c>
      <c r="OAA53" s="7">
        <f t="shared" si="706"/>
        <v>5103.125</v>
      </c>
      <c r="OAB53" s="7">
        <f t="shared" si="706"/>
        <v>5103.125</v>
      </c>
      <c r="OAC53" s="7">
        <f t="shared" si="706"/>
        <v>5103.125</v>
      </c>
      <c r="OAD53" s="7">
        <f t="shared" si="706"/>
        <v>5103.125</v>
      </c>
      <c r="OAE53" s="7">
        <f t="shared" si="706"/>
        <v>5103.125</v>
      </c>
      <c r="OAF53" s="7">
        <f t="shared" si="706"/>
        <v>5103.125</v>
      </c>
      <c r="OAG53" s="7">
        <f t="shared" si="706"/>
        <v>5103.125</v>
      </c>
      <c r="OAH53" s="7">
        <f t="shared" si="706"/>
        <v>5103.125</v>
      </c>
      <c r="OAI53" s="7">
        <f t="shared" si="706"/>
        <v>5103.125</v>
      </c>
      <c r="OAJ53" s="7">
        <f t="shared" si="706"/>
        <v>5103.125</v>
      </c>
      <c r="OAK53" s="7">
        <f t="shared" si="706"/>
        <v>5103.125</v>
      </c>
      <c r="OAL53" s="7">
        <f t="shared" si="706"/>
        <v>5103.125</v>
      </c>
      <c r="OAM53" s="7">
        <f t="shared" si="706"/>
        <v>5103.125</v>
      </c>
      <c r="OAN53" s="7">
        <f t="shared" si="706"/>
        <v>5103.125</v>
      </c>
      <c r="OAO53" s="7">
        <f t="shared" si="706"/>
        <v>5103.125</v>
      </c>
      <c r="OAP53" s="7">
        <f t="shared" si="706"/>
        <v>5103.125</v>
      </c>
      <c r="OAQ53" s="7">
        <f t="shared" si="706"/>
        <v>5103.125</v>
      </c>
      <c r="OAR53" s="7">
        <f t="shared" si="706"/>
        <v>5103.125</v>
      </c>
      <c r="OAS53" s="7">
        <f t="shared" si="706"/>
        <v>5103.125</v>
      </c>
      <c r="OAT53" s="7">
        <f t="shared" ref="OAT53:ODE53" si="707">OAT48+OAS53</f>
        <v>5103.125</v>
      </c>
      <c r="OAU53" s="7">
        <f t="shared" si="707"/>
        <v>5103.125</v>
      </c>
      <c r="OAV53" s="7">
        <f t="shared" si="707"/>
        <v>5103.125</v>
      </c>
      <c r="OAW53" s="7">
        <f t="shared" si="707"/>
        <v>5103.125</v>
      </c>
      <c r="OAX53" s="7">
        <f t="shared" si="707"/>
        <v>5103.125</v>
      </c>
      <c r="OAY53" s="7">
        <f t="shared" si="707"/>
        <v>5103.125</v>
      </c>
      <c r="OAZ53" s="7">
        <f t="shared" si="707"/>
        <v>5103.125</v>
      </c>
      <c r="OBA53" s="7">
        <f t="shared" si="707"/>
        <v>5103.125</v>
      </c>
      <c r="OBB53" s="7">
        <f t="shared" si="707"/>
        <v>5103.125</v>
      </c>
      <c r="OBC53" s="7">
        <f t="shared" si="707"/>
        <v>5103.125</v>
      </c>
      <c r="OBD53" s="7">
        <f t="shared" si="707"/>
        <v>5103.125</v>
      </c>
      <c r="OBE53" s="7">
        <f t="shared" si="707"/>
        <v>5103.125</v>
      </c>
      <c r="OBF53" s="7">
        <f t="shared" si="707"/>
        <v>5103.125</v>
      </c>
      <c r="OBG53" s="7">
        <f t="shared" si="707"/>
        <v>5103.125</v>
      </c>
      <c r="OBH53" s="7">
        <f t="shared" si="707"/>
        <v>5103.125</v>
      </c>
      <c r="OBI53" s="7">
        <f t="shared" si="707"/>
        <v>5103.125</v>
      </c>
      <c r="OBJ53" s="7">
        <f t="shared" si="707"/>
        <v>5103.125</v>
      </c>
      <c r="OBK53" s="7">
        <f t="shared" si="707"/>
        <v>5103.125</v>
      </c>
      <c r="OBL53" s="7">
        <f t="shared" si="707"/>
        <v>5103.125</v>
      </c>
      <c r="OBM53" s="7">
        <f t="shared" si="707"/>
        <v>5103.125</v>
      </c>
      <c r="OBN53" s="7">
        <f t="shared" si="707"/>
        <v>5103.125</v>
      </c>
      <c r="OBO53" s="7">
        <f t="shared" si="707"/>
        <v>5103.125</v>
      </c>
      <c r="OBP53" s="7">
        <f t="shared" si="707"/>
        <v>5103.125</v>
      </c>
      <c r="OBQ53" s="7">
        <f t="shared" si="707"/>
        <v>5103.125</v>
      </c>
      <c r="OBR53" s="7">
        <f t="shared" si="707"/>
        <v>5103.125</v>
      </c>
      <c r="OBS53" s="7">
        <f t="shared" si="707"/>
        <v>5103.125</v>
      </c>
      <c r="OBT53" s="7">
        <f t="shared" si="707"/>
        <v>5103.125</v>
      </c>
      <c r="OBU53" s="7">
        <f t="shared" si="707"/>
        <v>5103.125</v>
      </c>
      <c r="OBV53" s="7">
        <f t="shared" si="707"/>
        <v>5103.125</v>
      </c>
      <c r="OBW53" s="7">
        <f t="shared" si="707"/>
        <v>5103.125</v>
      </c>
      <c r="OBX53" s="7">
        <f t="shared" si="707"/>
        <v>5103.125</v>
      </c>
      <c r="OBY53" s="7">
        <f t="shared" si="707"/>
        <v>5103.125</v>
      </c>
      <c r="OBZ53" s="7">
        <f t="shared" si="707"/>
        <v>5103.125</v>
      </c>
      <c r="OCA53" s="7">
        <f t="shared" si="707"/>
        <v>5103.125</v>
      </c>
      <c r="OCB53" s="7">
        <f t="shared" si="707"/>
        <v>5103.125</v>
      </c>
      <c r="OCC53" s="7">
        <f t="shared" si="707"/>
        <v>5103.125</v>
      </c>
      <c r="OCD53" s="7">
        <f t="shared" si="707"/>
        <v>5103.125</v>
      </c>
      <c r="OCE53" s="7">
        <f t="shared" si="707"/>
        <v>5103.125</v>
      </c>
      <c r="OCF53" s="7">
        <f t="shared" si="707"/>
        <v>5103.125</v>
      </c>
      <c r="OCG53" s="7">
        <f t="shared" si="707"/>
        <v>5103.125</v>
      </c>
      <c r="OCH53" s="7">
        <f t="shared" si="707"/>
        <v>5103.125</v>
      </c>
      <c r="OCI53" s="7">
        <f t="shared" si="707"/>
        <v>5103.125</v>
      </c>
      <c r="OCJ53" s="7">
        <f t="shared" si="707"/>
        <v>5103.125</v>
      </c>
      <c r="OCK53" s="7">
        <f t="shared" si="707"/>
        <v>5103.125</v>
      </c>
      <c r="OCL53" s="7">
        <f t="shared" si="707"/>
        <v>5103.125</v>
      </c>
      <c r="OCM53" s="7">
        <f t="shared" si="707"/>
        <v>5103.125</v>
      </c>
      <c r="OCN53" s="7">
        <f t="shared" si="707"/>
        <v>5103.125</v>
      </c>
      <c r="OCO53" s="7">
        <f t="shared" si="707"/>
        <v>5103.125</v>
      </c>
      <c r="OCP53" s="7">
        <f t="shared" si="707"/>
        <v>5103.125</v>
      </c>
      <c r="OCQ53" s="7">
        <f t="shared" si="707"/>
        <v>5103.125</v>
      </c>
      <c r="OCR53" s="7">
        <f t="shared" si="707"/>
        <v>5103.125</v>
      </c>
      <c r="OCS53" s="7">
        <f t="shared" si="707"/>
        <v>5103.125</v>
      </c>
      <c r="OCT53" s="7">
        <f t="shared" si="707"/>
        <v>5103.125</v>
      </c>
      <c r="OCU53" s="7">
        <f t="shared" si="707"/>
        <v>5103.125</v>
      </c>
      <c r="OCV53" s="7">
        <f t="shared" si="707"/>
        <v>5103.125</v>
      </c>
      <c r="OCW53" s="7">
        <f t="shared" si="707"/>
        <v>5103.125</v>
      </c>
      <c r="OCX53" s="7">
        <f t="shared" si="707"/>
        <v>5103.125</v>
      </c>
      <c r="OCY53" s="7">
        <f t="shared" si="707"/>
        <v>5103.125</v>
      </c>
      <c r="OCZ53" s="7">
        <f t="shared" si="707"/>
        <v>5103.125</v>
      </c>
      <c r="ODA53" s="7">
        <f t="shared" si="707"/>
        <v>5103.125</v>
      </c>
      <c r="ODB53" s="7">
        <f t="shared" si="707"/>
        <v>5103.125</v>
      </c>
      <c r="ODC53" s="7">
        <f t="shared" si="707"/>
        <v>5103.125</v>
      </c>
      <c r="ODD53" s="7">
        <f t="shared" si="707"/>
        <v>5103.125</v>
      </c>
      <c r="ODE53" s="7">
        <f t="shared" si="707"/>
        <v>5103.125</v>
      </c>
      <c r="ODF53" s="7">
        <f t="shared" ref="ODF53:OFQ53" si="708">ODF48+ODE53</f>
        <v>5103.125</v>
      </c>
      <c r="ODG53" s="7">
        <f t="shared" si="708"/>
        <v>5103.125</v>
      </c>
      <c r="ODH53" s="7">
        <f t="shared" si="708"/>
        <v>5103.125</v>
      </c>
      <c r="ODI53" s="7">
        <f t="shared" si="708"/>
        <v>5103.125</v>
      </c>
      <c r="ODJ53" s="7">
        <f t="shared" si="708"/>
        <v>5103.125</v>
      </c>
      <c r="ODK53" s="7">
        <f t="shared" si="708"/>
        <v>5103.125</v>
      </c>
      <c r="ODL53" s="7">
        <f t="shared" si="708"/>
        <v>5103.125</v>
      </c>
      <c r="ODM53" s="7">
        <f t="shared" si="708"/>
        <v>5103.125</v>
      </c>
      <c r="ODN53" s="7">
        <f t="shared" si="708"/>
        <v>5103.125</v>
      </c>
      <c r="ODO53" s="7">
        <f t="shared" si="708"/>
        <v>5103.125</v>
      </c>
      <c r="ODP53" s="7">
        <f t="shared" si="708"/>
        <v>5103.125</v>
      </c>
      <c r="ODQ53" s="7">
        <f t="shared" si="708"/>
        <v>5103.125</v>
      </c>
      <c r="ODR53" s="7">
        <f t="shared" si="708"/>
        <v>5103.125</v>
      </c>
      <c r="ODS53" s="7">
        <f t="shared" si="708"/>
        <v>5103.125</v>
      </c>
      <c r="ODT53" s="7">
        <f t="shared" si="708"/>
        <v>5103.125</v>
      </c>
      <c r="ODU53" s="7">
        <f t="shared" si="708"/>
        <v>5103.125</v>
      </c>
      <c r="ODV53" s="7">
        <f t="shared" si="708"/>
        <v>5103.125</v>
      </c>
      <c r="ODW53" s="7">
        <f t="shared" si="708"/>
        <v>5103.125</v>
      </c>
      <c r="ODX53" s="7">
        <f t="shared" si="708"/>
        <v>5103.125</v>
      </c>
      <c r="ODY53" s="7">
        <f t="shared" si="708"/>
        <v>5103.125</v>
      </c>
      <c r="ODZ53" s="7">
        <f t="shared" si="708"/>
        <v>5103.125</v>
      </c>
      <c r="OEA53" s="7">
        <f t="shared" si="708"/>
        <v>5103.125</v>
      </c>
      <c r="OEB53" s="7">
        <f t="shared" si="708"/>
        <v>5103.125</v>
      </c>
      <c r="OEC53" s="7">
        <f t="shared" si="708"/>
        <v>5103.125</v>
      </c>
      <c r="OED53" s="7">
        <f t="shared" si="708"/>
        <v>5103.125</v>
      </c>
      <c r="OEE53" s="7">
        <f t="shared" si="708"/>
        <v>5103.125</v>
      </c>
      <c r="OEF53" s="7">
        <f t="shared" si="708"/>
        <v>5103.125</v>
      </c>
      <c r="OEG53" s="7">
        <f t="shared" si="708"/>
        <v>5103.125</v>
      </c>
      <c r="OEH53" s="7">
        <f t="shared" si="708"/>
        <v>5103.125</v>
      </c>
      <c r="OEI53" s="7">
        <f t="shared" si="708"/>
        <v>5103.125</v>
      </c>
      <c r="OEJ53" s="7">
        <f t="shared" si="708"/>
        <v>5103.125</v>
      </c>
      <c r="OEK53" s="7">
        <f t="shared" si="708"/>
        <v>5103.125</v>
      </c>
      <c r="OEL53" s="7">
        <f t="shared" si="708"/>
        <v>5103.125</v>
      </c>
      <c r="OEM53" s="7">
        <f t="shared" si="708"/>
        <v>5103.125</v>
      </c>
      <c r="OEN53" s="7">
        <f t="shared" si="708"/>
        <v>5103.125</v>
      </c>
      <c r="OEO53" s="7">
        <f t="shared" si="708"/>
        <v>5103.125</v>
      </c>
      <c r="OEP53" s="7">
        <f t="shared" si="708"/>
        <v>5103.125</v>
      </c>
      <c r="OEQ53" s="7">
        <f t="shared" si="708"/>
        <v>5103.125</v>
      </c>
      <c r="OER53" s="7">
        <f t="shared" si="708"/>
        <v>5103.125</v>
      </c>
      <c r="OES53" s="7">
        <f t="shared" si="708"/>
        <v>5103.125</v>
      </c>
      <c r="OET53" s="7">
        <f t="shared" si="708"/>
        <v>5103.125</v>
      </c>
      <c r="OEU53" s="7">
        <f t="shared" si="708"/>
        <v>5103.125</v>
      </c>
      <c r="OEV53" s="7">
        <f t="shared" si="708"/>
        <v>5103.125</v>
      </c>
      <c r="OEW53" s="7">
        <f t="shared" si="708"/>
        <v>5103.125</v>
      </c>
      <c r="OEX53" s="7">
        <f t="shared" si="708"/>
        <v>5103.125</v>
      </c>
      <c r="OEY53" s="7">
        <f t="shared" si="708"/>
        <v>5103.125</v>
      </c>
      <c r="OEZ53" s="7">
        <f t="shared" si="708"/>
        <v>5103.125</v>
      </c>
      <c r="OFA53" s="7">
        <f t="shared" si="708"/>
        <v>5103.125</v>
      </c>
      <c r="OFB53" s="7">
        <f t="shared" si="708"/>
        <v>5103.125</v>
      </c>
      <c r="OFC53" s="7">
        <f t="shared" si="708"/>
        <v>5103.125</v>
      </c>
      <c r="OFD53" s="7">
        <f t="shared" si="708"/>
        <v>5103.125</v>
      </c>
      <c r="OFE53" s="7">
        <f t="shared" si="708"/>
        <v>5103.125</v>
      </c>
      <c r="OFF53" s="7">
        <f t="shared" si="708"/>
        <v>5103.125</v>
      </c>
      <c r="OFG53" s="7">
        <f t="shared" si="708"/>
        <v>5103.125</v>
      </c>
      <c r="OFH53" s="7">
        <f t="shared" si="708"/>
        <v>5103.125</v>
      </c>
      <c r="OFI53" s="7">
        <f t="shared" si="708"/>
        <v>5103.125</v>
      </c>
      <c r="OFJ53" s="7">
        <f t="shared" si="708"/>
        <v>5103.125</v>
      </c>
      <c r="OFK53" s="7">
        <f t="shared" si="708"/>
        <v>5103.125</v>
      </c>
      <c r="OFL53" s="7">
        <f t="shared" si="708"/>
        <v>5103.125</v>
      </c>
      <c r="OFM53" s="7">
        <f t="shared" si="708"/>
        <v>5103.125</v>
      </c>
      <c r="OFN53" s="7">
        <f t="shared" si="708"/>
        <v>5103.125</v>
      </c>
      <c r="OFO53" s="7">
        <f t="shared" si="708"/>
        <v>5103.125</v>
      </c>
      <c r="OFP53" s="7">
        <f t="shared" si="708"/>
        <v>5103.125</v>
      </c>
      <c r="OFQ53" s="7">
        <f t="shared" si="708"/>
        <v>5103.125</v>
      </c>
      <c r="OFR53" s="7">
        <f t="shared" ref="OFR53:OIC53" si="709">OFR48+OFQ53</f>
        <v>5103.125</v>
      </c>
      <c r="OFS53" s="7">
        <f t="shared" si="709"/>
        <v>5103.125</v>
      </c>
      <c r="OFT53" s="7">
        <f t="shared" si="709"/>
        <v>5103.125</v>
      </c>
      <c r="OFU53" s="7">
        <f t="shared" si="709"/>
        <v>5103.125</v>
      </c>
      <c r="OFV53" s="7">
        <f t="shared" si="709"/>
        <v>5103.125</v>
      </c>
      <c r="OFW53" s="7">
        <f t="shared" si="709"/>
        <v>5103.125</v>
      </c>
      <c r="OFX53" s="7">
        <f t="shared" si="709"/>
        <v>5103.125</v>
      </c>
      <c r="OFY53" s="7">
        <f t="shared" si="709"/>
        <v>5103.125</v>
      </c>
      <c r="OFZ53" s="7">
        <f t="shared" si="709"/>
        <v>5103.125</v>
      </c>
      <c r="OGA53" s="7">
        <f t="shared" si="709"/>
        <v>5103.125</v>
      </c>
      <c r="OGB53" s="7">
        <f t="shared" si="709"/>
        <v>5103.125</v>
      </c>
      <c r="OGC53" s="7">
        <f t="shared" si="709"/>
        <v>5103.125</v>
      </c>
      <c r="OGD53" s="7">
        <f t="shared" si="709"/>
        <v>5103.125</v>
      </c>
      <c r="OGE53" s="7">
        <f t="shared" si="709"/>
        <v>5103.125</v>
      </c>
      <c r="OGF53" s="7">
        <f t="shared" si="709"/>
        <v>5103.125</v>
      </c>
      <c r="OGG53" s="7">
        <f t="shared" si="709"/>
        <v>5103.125</v>
      </c>
      <c r="OGH53" s="7">
        <f t="shared" si="709"/>
        <v>5103.125</v>
      </c>
      <c r="OGI53" s="7">
        <f t="shared" si="709"/>
        <v>5103.125</v>
      </c>
      <c r="OGJ53" s="7">
        <f t="shared" si="709"/>
        <v>5103.125</v>
      </c>
      <c r="OGK53" s="7">
        <f t="shared" si="709"/>
        <v>5103.125</v>
      </c>
      <c r="OGL53" s="7">
        <f t="shared" si="709"/>
        <v>5103.125</v>
      </c>
      <c r="OGM53" s="7">
        <f t="shared" si="709"/>
        <v>5103.125</v>
      </c>
      <c r="OGN53" s="7">
        <f t="shared" si="709"/>
        <v>5103.125</v>
      </c>
      <c r="OGO53" s="7">
        <f t="shared" si="709"/>
        <v>5103.125</v>
      </c>
      <c r="OGP53" s="7">
        <f t="shared" si="709"/>
        <v>5103.125</v>
      </c>
      <c r="OGQ53" s="7">
        <f t="shared" si="709"/>
        <v>5103.125</v>
      </c>
      <c r="OGR53" s="7">
        <f t="shared" si="709"/>
        <v>5103.125</v>
      </c>
      <c r="OGS53" s="7">
        <f t="shared" si="709"/>
        <v>5103.125</v>
      </c>
      <c r="OGT53" s="7">
        <f t="shared" si="709"/>
        <v>5103.125</v>
      </c>
      <c r="OGU53" s="7">
        <f t="shared" si="709"/>
        <v>5103.125</v>
      </c>
      <c r="OGV53" s="7">
        <f t="shared" si="709"/>
        <v>5103.125</v>
      </c>
      <c r="OGW53" s="7">
        <f t="shared" si="709"/>
        <v>5103.125</v>
      </c>
      <c r="OGX53" s="7">
        <f t="shared" si="709"/>
        <v>5103.125</v>
      </c>
      <c r="OGY53" s="7">
        <f t="shared" si="709"/>
        <v>5103.125</v>
      </c>
      <c r="OGZ53" s="7">
        <f t="shared" si="709"/>
        <v>5103.125</v>
      </c>
      <c r="OHA53" s="7">
        <f t="shared" si="709"/>
        <v>5103.125</v>
      </c>
      <c r="OHB53" s="7">
        <f t="shared" si="709"/>
        <v>5103.125</v>
      </c>
      <c r="OHC53" s="7">
        <f t="shared" si="709"/>
        <v>5103.125</v>
      </c>
      <c r="OHD53" s="7">
        <f t="shared" si="709"/>
        <v>5103.125</v>
      </c>
      <c r="OHE53" s="7">
        <f t="shared" si="709"/>
        <v>5103.125</v>
      </c>
      <c r="OHF53" s="7">
        <f t="shared" si="709"/>
        <v>5103.125</v>
      </c>
      <c r="OHG53" s="7">
        <f t="shared" si="709"/>
        <v>5103.125</v>
      </c>
      <c r="OHH53" s="7">
        <f t="shared" si="709"/>
        <v>5103.125</v>
      </c>
      <c r="OHI53" s="7">
        <f t="shared" si="709"/>
        <v>5103.125</v>
      </c>
      <c r="OHJ53" s="7">
        <f t="shared" si="709"/>
        <v>5103.125</v>
      </c>
      <c r="OHK53" s="7">
        <f t="shared" si="709"/>
        <v>5103.125</v>
      </c>
      <c r="OHL53" s="7">
        <f t="shared" si="709"/>
        <v>5103.125</v>
      </c>
      <c r="OHM53" s="7">
        <f t="shared" si="709"/>
        <v>5103.125</v>
      </c>
      <c r="OHN53" s="7">
        <f t="shared" si="709"/>
        <v>5103.125</v>
      </c>
      <c r="OHO53" s="7">
        <f t="shared" si="709"/>
        <v>5103.125</v>
      </c>
      <c r="OHP53" s="7">
        <f t="shared" si="709"/>
        <v>5103.125</v>
      </c>
      <c r="OHQ53" s="7">
        <f t="shared" si="709"/>
        <v>5103.125</v>
      </c>
      <c r="OHR53" s="7">
        <f t="shared" si="709"/>
        <v>5103.125</v>
      </c>
      <c r="OHS53" s="7">
        <f t="shared" si="709"/>
        <v>5103.125</v>
      </c>
      <c r="OHT53" s="7">
        <f t="shared" si="709"/>
        <v>5103.125</v>
      </c>
      <c r="OHU53" s="7">
        <f t="shared" si="709"/>
        <v>5103.125</v>
      </c>
      <c r="OHV53" s="7">
        <f t="shared" si="709"/>
        <v>5103.125</v>
      </c>
      <c r="OHW53" s="7">
        <f t="shared" si="709"/>
        <v>5103.125</v>
      </c>
      <c r="OHX53" s="7">
        <f t="shared" si="709"/>
        <v>5103.125</v>
      </c>
      <c r="OHY53" s="7">
        <f t="shared" si="709"/>
        <v>5103.125</v>
      </c>
      <c r="OHZ53" s="7">
        <f t="shared" si="709"/>
        <v>5103.125</v>
      </c>
      <c r="OIA53" s="7">
        <f t="shared" si="709"/>
        <v>5103.125</v>
      </c>
      <c r="OIB53" s="7">
        <f t="shared" si="709"/>
        <v>5103.125</v>
      </c>
      <c r="OIC53" s="7">
        <f t="shared" si="709"/>
        <v>5103.125</v>
      </c>
      <c r="OID53" s="7">
        <f t="shared" ref="OID53:OKO53" si="710">OID48+OIC53</f>
        <v>5103.125</v>
      </c>
      <c r="OIE53" s="7">
        <f t="shared" si="710"/>
        <v>5103.125</v>
      </c>
      <c r="OIF53" s="7">
        <f t="shared" si="710"/>
        <v>5103.125</v>
      </c>
      <c r="OIG53" s="7">
        <f t="shared" si="710"/>
        <v>5103.125</v>
      </c>
      <c r="OIH53" s="7">
        <f t="shared" si="710"/>
        <v>5103.125</v>
      </c>
      <c r="OII53" s="7">
        <f t="shared" si="710"/>
        <v>5103.125</v>
      </c>
      <c r="OIJ53" s="7">
        <f t="shared" si="710"/>
        <v>5103.125</v>
      </c>
      <c r="OIK53" s="7">
        <f t="shared" si="710"/>
        <v>5103.125</v>
      </c>
      <c r="OIL53" s="7">
        <f t="shared" si="710"/>
        <v>5103.125</v>
      </c>
      <c r="OIM53" s="7">
        <f t="shared" si="710"/>
        <v>5103.125</v>
      </c>
      <c r="OIN53" s="7">
        <f t="shared" si="710"/>
        <v>5103.125</v>
      </c>
      <c r="OIO53" s="7">
        <f t="shared" si="710"/>
        <v>5103.125</v>
      </c>
      <c r="OIP53" s="7">
        <f t="shared" si="710"/>
        <v>5103.125</v>
      </c>
      <c r="OIQ53" s="7">
        <f t="shared" si="710"/>
        <v>5103.125</v>
      </c>
      <c r="OIR53" s="7">
        <f t="shared" si="710"/>
        <v>5103.125</v>
      </c>
      <c r="OIS53" s="7">
        <f t="shared" si="710"/>
        <v>5103.125</v>
      </c>
      <c r="OIT53" s="7">
        <f t="shared" si="710"/>
        <v>5103.125</v>
      </c>
      <c r="OIU53" s="7">
        <f t="shared" si="710"/>
        <v>5103.125</v>
      </c>
      <c r="OIV53" s="7">
        <f t="shared" si="710"/>
        <v>5103.125</v>
      </c>
      <c r="OIW53" s="7">
        <f t="shared" si="710"/>
        <v>5103.125</v>
      </c>
      <c r="OIX53" s="7">
        <f t="shared" si="710"/>
        <v>5103.125</v>
      </c>
      <c r="OIY53" s="7">
        <f t="shared" si="710"/>
        <v>5103.125</v>
      </c>
      <c r="OIZ53" s="7">
        <f t="shared" si="710"/>
        <v>5103.125</v>
      </c>
      <c r="OJA53" s="7">
        <f t="shared" si="710"/>
        <v>5103.125</v>
      </c>
      <c r="OJB53" s="7">
        <f t="shared" si="710"/>
        <v>5103.125</v>
      </c>
      <c r="OJC53" s="7">
        <f t="shared" si="710"/>
        <v>5103.125</v>
      </c>
      <c r="OJD53" s="7">
        <f t="shared" si="710"/>
        <v>5103.125</v>
      </c>
      <c r="OJE53" s="7">
        <f t="shared" si="710"/>
        <v>5103.125</v>
      </c>
      <c r="OJF53" s="7">
        <f t="shared" si="710"/>
        <v>5103.125</v>
      </c>
      <c r="OJG53" s="7">
        <f t="shared" si="710"/>
        <v>5103.125</v>
      </c>
      <c r="OJH53" s="7">
        <f t="shared" si="710"/>
        <v>5103.125</v>
      </c>
      <c r="OJI53" s="7">
        <f t="shared" si="710"/>
        <v>5103.125</v>
      </c>
      <c r="OJJ53" s="7">
        <f t="shared" si="710"/>
        <v>5103.125</v>
      </c>
      <c r="OJK53" s="7">
        <f t="shared" si="710"/>
        <v>5103.125</v>
      </c>
      <c r="OJL53" s="7">
        <f t="shared" si="710"/>
        <v>5103.125</v>
      </c>
      <c r="OJM53" s="7">
        <f t="shared" si="710"/>
        <v>5103.125</v>
      </c>
      <c r="OJN53" s="7">
        <f t="shared" si="710"/>
        <v>5103.125</v>
      </c>
      <c r="OJO53" s="7">
        <f t="shared" si="710"/>
        <v>5103.125</v>
      </c>
      <c r="OJP53" s="7">
        <f t="shared" si="710"/>
        <v>5103.125</v>
      </c>
      <c r="OJQ53" s="7">
        <f t="shared" si="710"/>
        <v>5103.125</v>
      </c>
      <c r="OJR53" s="7">
        <f t="shared" si="710"/>
        <v>5103.125</v>
      </c>
      <c r="OJS53" s="7">
        <f t="shared" si="710"/>
        <v>5103.125</v>
      </c>
      <c r="OJT53" s="7">
        <f t="shared" si="710"/>
        <v>5103.125</v>
      </c>
      <c r="OJU53" s="7">
        <f t="shared" si="710"/>
        <v>5103.125</v>
      </c>
      <c r="OJV53" s="7">
        <f t="shared" si="710"/>
        <v>5103.125</v>
      </c>
      <c r="OJW53" s="7">
        <f t="shared" si="710"/>
        <v>5103.125</v>
      </c>
      <c r="OJX53" s="7">
        <f t="shared" si="710"/>
        <v>5103.125</v>
      </c>
      <c r="OJY53" s="7">
        <f t="shared" si="710"/>
        <v>5103.125</v>
      </c>
      <c r="OJZ53" s="7">
        <f t="shared" si="710"/>
        <v>5103.125</v>
      </c>
      <c r="OKA53" s="7">
        <f t="shared" si="710"/>
        <v>5103.125</v>
      </c>
      <c r="OKB53" s="7">
        <f t="shared" si="710"/>
        <v>5103.125</v>
      </c>
      <c r="OKC53" s="7">
        <f t="shared" si="710"/>
        <v>5103.125</v>
      </c>
      <c r="OKD53" s="7">
        <f t="shared" si="710"/>
        <v>5103.125</v>
      </c>
      <c r="OKE53" s="7">
        <f t="shared" si="710"/>
        <v>5103.125</v>
      </c>
      <c r="OKF53" s="7">
        <f t="shared" si="710"/>
        <v>5103.125</v>
      </c>
      <c r="OKG53" s="7">
        <f t="shared" si="710"/>
        <v>5103.125</v>
      </c>
      <c r="OKH53" s="7">
        <f t="shared" si="710"/>
        <v>5103.125</v>
      </c>
      <c r="OKI53" s="7">
        <f t="shared" si="710"/>
        <v>5103.125</v>
      </c>
      <c r="OKJ53" s="7">
        <f t="shared" si="710"/>
        <v>5103.125</v>
      </c>
      <c r="OKK53" s="7">
        <f t="shared" si="710"/>
        <v>5103.125</v>
      </c>
      <c r="OKL53" s="7">
        <f t="shared" si="710"/>
        <v>5103.125</v>
      </c>
      <c r="OKM53" s="7">
        <f t="shared" si="710"/>
        <v>5103.125</v>
      </c>
      <c r="OKN53" s="7">
        <f t="shared" si="710"/>
        <v>5103.125</v>
      </c>
      <c r="OKO53" s="7">
        <f t="shared" si="710"/>
        <v>5103.125</v>
      </c>
      <c r="OKP53" s="7">
        <f t="shared" ref="OKP53:ONA53" si="711">OKP48+OKO53</f>
        <v>5103.125</v>
      </c>
      <c r="OKQ53" s="7">
        <f t="shared" si="711"/>
        <v>5103.125</v>
      </c>
      <c r="OKR53" s="7">
        <f t="shared" si="711"/>
        <v>5103.125</v>
      </c>
      <c r="OKS53" s="7">
        <f t="shared" si="711"/>
        <v>5103.125</v>
      </c>
      <c r="OKT53" s="7">
        <f t="shared" si="711"/>
        <v>5103.125</v>
      </c>
      <c r="OKU53" s="7">
        <f t="shared" si="711"/>
        <v>5103.125</v>
      </c>
      <c r="OKV53" s="7">
        <f t="shared" si="711"/>
        <v>5103.125</v>
      </c>
      <c r="OKW53" s="7">
        <f t="shared" si="711"/>
        <v>5103.125</v>
      </c>
      <c r="OKX53" s="7">
        <f t="shared" si="711"/>
        <v>5103.125</v>
      </c>
      <c r="OKY53" s="7">
        <f t="shared" si="711"/>
        <v>5103.125</v>
      </c>
      <c r="OKZ53" s="7">
        <f t="shared" si="711"/>
        <v>5103.125</v>
      </c>
      <c r="OLA53" s="7">
        <f t="shared" si="711"/>
        <v>5103.125</v>
      </c>
      <c r="OLB53" s="7">
        <f t="shared" si="711"/>
        <v>5103.125</v>
      </c>
      <c r="OLC53" s="7">
        <f t="shared" si="711"/>
        <v>5103.125</v>
      </c>
      <c r="OLD53" s="7">
        <f t="shared" si="711"/>
        <v>5103.125</v>
      </c>
      <c r="OLE53" s="7">
        <f t="shared" si="711"/>
        <v>5103.125</v>
      </c>
      <c r="OLF53" s="7">
        <f t="shared" si="711"/>
        <v>5103.125</v>
      </c>
      <c r="OLG53" s="7">
        <f t="shared" si="711"/>
        <v>5103.125</v>
      </c>
      <c r="OLH53" s="7">
        <f t="shared" si="711"/>
        <v>5103.125</v>
      </c>
      <c r="OLI53" s="7">
        <f t="shared" si="711"/>
        <v>5103.125</v>
      </c>
      <c r="OLJ53" s="7">
        <f t="shared" si="711"/>
        <v>5103.125</v>
      </c>
      <c r="OLK53" s="7">
        <f t="shared" si="711"/>
        <v>5103.125</v>
      </c>
      <c r="OLL53" s="7">
        <f t="shared" si="711"/>
        <v>5103.125</v>
      </c>
      <c r="OLM53" s="7">
        <f t="shared" si="711"/>
        <v>5103.125</v>
      </c>
      <c r="OLN53" s="7">
        <f t="shared" si="711"/>
        <v>5103.125</v>
      </c>
      <c r="OLO53" s="7">
        <f t="shared" si="711"/>
        <v>5103.125</v>
      </c>
      <c r="OLP53" s="7">
        <f t="shared" si="711"/>
        <v>5103.125</v>
      </c>
      <c r="OLQ53" s="7">
        <f t="shared" si="711"/>
        <v>5103.125</v>
      </c>
      <c r="OLR53" s="7">
        <f t="shared" si="711"/>
        <v>5103.125</v>
      </c>
      <c r="OLS53" s="7">
        <f t="shared" si="711"/>
        <v>5103.125</v>
      </c>
      <c r="OLT53" s="7">
        <f t="shared" si="711"/>
        <v>5103.125</v>
      </c>
      <c r="OLU53" s="7">
        <f t="shared" si="711"/>
        <v>5103.125</v>
      </c>
      <c r="OLV53" s="7">
        <f t="shared" si="711"/>
        <v>5103.125</v>
      </c>
      <c r="OLW53" s="7">
        <f t="shared" si="711"/>
        <v>5103.125</v>
      </c>
      <c r="OLX53" s="7">
        <f t="shared" si="711"/>
        <v>5103.125</v>
      </c>
      <c r="OLY53" s="7">
        <f t="shared" si="711"/>
        <v>5103.125</v>
      </c>
      <c r="OLZ53" s="7">
        <f t="shared" si="711"/>
        <v>5103.125</v>
      </c>
      <c r="OMA53" s="7">
        <f t="shared" si="711"/>
        <v>5103.125</v>
      </c>
      <c r="OMB53" s="7">
        <f t="shared" si="711"/>
        <v>5103.125</v>
      </c>
      <c r="OMC53" s="7">
        <f t="shared" si="711"/>
        <v>5103.125</v>
      </c>
      <c r="OMD53" s="7">
        <f t="shared" si="711"/>
        <v>5103.125</v>
      </c>
      <c r="OME53" s="7">
        <f t="shared" si="711"/>
        <v>5103.125</v>
      </c>
      <c r="OMF53" s="7">
        <f t="shared" si="711"/>
        <v>5103.125</v>
      </c>
      <c r="OMG53" s="7">
        <f t="shared" si="711"/>
        <v>5103.125</v>
      </c>
      <c r="OMH53" s="7">
        <f t="shared" si="711"/>
        <v>5103.125</v>
      </c>
      <c r="OMI53" s="7">
        <f t="shared" si="711"/>
        <v>5103.125</v>
      </c>
      <c r="OMJ53" s="7">
        <f t="shared" si="711"/>
        <v>5103.125</v>
      </c>
      <c r="OMK53" s="7">
        <f t="shared" si="711"/>
        <v>5103.125</v>
      </c>
      <c r="OML53" s="7">
        <f t="shared" si="711"/>
        <v>5103.125</v>
      </c>
      <c r="OMM53" s="7">
        <f t="shared" si="711"/>
        <v>5103.125</v>
      </c>
      <c r="OMN53" s="7">
        <f t="shared" si="711"/>
        <v>5103.125</v>
      </c>
      <c r="OMO53" s="7">
        <f t="shared" si="711"/>
        <v>5103.125</v>
      </c>
      <c r="OMP53" s="7">
        <f t="shared" si="711"/>
        <v>5103.125</v>
      </c>
      <c r="OMQ53" s="7">
        <f t="shared" si="711"/>
        <v>5103.125</v>
      </c>
      <c r="OMR53" s="7">
        <f t="shared" si="711"/>
        <v>5103.125</v>
      </c>
      <c r="OMS53" s="7">
        <f t="shared" si="711"/>
        <v>5103.125</v>
      </c>
      <c r="OMT53" s="7">
        <f t="shared" si="711"/>
        <v>5103.125</v>
      </c>
      <c r="OMU53" s="7">
        <f t="shared" si="711"/>
        <v>5103.125</v>
      </c>
      <c r="OMV53" s="7">
        <f t="shared" si="711"/>
        <v>5103.125</v>
      </c>
      <c r="OMW53" s="7">
        <f t="shared" si="711"/>
        <v>5103.125</v>
      </c>
      <c r="OMX53" s="7">
        <f t="shared" si="711"/>
        <v>5103.125</v>
      </c>
      <c r="OMY53" s="7">
        <f t="shared" si="711"/>
        <v>5103.125</v>
      </c>
      <c r="OMZ53" s="7">
        <f t="shared" si="711"/>
        <v>5103.125</v>
      </c>
      <c r="ONA53" s="7">
        <f t="shared" si="711"/>
        <v>5103.125</v>
      </c>
      <c r="ONB53" s="7">
        <f t="shared" ref="ONB53:OPM53" si="712">ONB48+ONA53</f>
        <v>5103.125</v>
      </c>
      <c r="ONC53" s="7">
        <f t="shared" si="712"/>
        <v>5103.125</v>
      </c>
      <c r="OND53" s="7">
        <f t="shared" si="712"/>
        <v>5103.125</v>
      </c>
      <c r="ONE53" s="7">
        <f t="shared" si="712"/>
        <v>5103.125</v>
      </c>
      <c r="ONF53" s="7">
        <f t="shared" si="712"/>
        <v>5103.125</v>
      </c>
      <c r="ONG53" s="7">
        <f t="shared" si="712"/>
        <v>5103.125</v>
      </c>
      <c r="ONH53" s="7">
        <f t="shared" si="712"/>
        <v>5103.125</v>
      </c>
      <c r="ONI53" s="7">
        <f t="shared" si="712"/>
        <v>5103.125</v>
      </c>
      <c r="ONJ53" s="7">
        <f t="shared" si="712"/>
        <v>5103.125</v>
      </c>
      <c r="ONK53" s="7">
        <f t="shared" si="712"/>
        <v>5103.125</v>
      </c>
      <c r="ONL53" s="7">
        <f t="shared" si="712"/>
        <v>5103.125</v>
      </c>
      <c r="ONM53" s="7">
        <f t="shared" si="712"/>
        <v>5103.125</v>
      </c>
      <c r="ONN53" s="7">
        <f t="shared" si="712"/>
        <v>5103.125</v>
      </c>
      <c r="ONO53" s="7">
        <f t="shared" si="712"/>
        <v>5103.125</v>
      </c>
      <c r="ONP53" s="7">
        <f t="shared" si="712"/>
        <v>5103.125</v>
      </c>
      <c r="ONQ53" s="7">
        <f t="shared" si="712"/>
        <v>5103.125</v>
      </c>
      <c r="ONR53" s="7">
        <f t="shared" si="712"/>
        <v>5103.125</v>
      </c>
      <c r="ONS53" s="7">
        <f t="shared" si="712"/>
        <v>5103.125</v>
      </c>
      <c r="ONT53" s="7">
        <f t="shared" si="712"/>
        <v>5103.125</v>
      </c>
      <c r="ONU53" s="7">
        <f t="shared" si="712"/>
        <v>5103.125</v>
      </c>
      <c r="ONV53" s="7">
        <f t="shared" si="712"/>
        <v>5103.125</v>
      </c>
      <c r="ONW53" s="7">
        <f t="shared" si="712"/>
        <v>5103.125</v>
      </c>
      <c r="ONX53" s="7">
        <f t="shared" si="712"/>
        <v>5103.125</v>
      </c>
      <c r="ONY53" s="7">
        <f t="shared" si="712"/>
        <v>5103.125</v>
      </c>
      <c r="ONZ53" s="7">
        <f t="shared" si="712"/>
        <v>5103.125</v>
      </c>
      <c r="OOA53" s="7">
        <f t="shared" si="712"/>
        <v>5103.125</v>
      </c>
      <c r="OOB53" s="7">
        <f t="shared" si="712"/>
        <v>5103.125</v>
      </c>
      <c r="OOC53" s="7">
        <f t="shared" si="712"/>
        <v>5103.125</v>
      </c>
      <c r="OOD53" s="7">
        <f t="shared" si="712"/>
        <v>5103.125</v>
      </c>
      <c r="OOE53" s="7">
        <f t="shared" si="712"/>
        <v>5103.125</v>
      </c>
      <c r="OOF53" s="7">
        <f t="shared" si="712"/>
        <v>5103.125</v>
      </c>
      <c r="OOG53" s="7">
        <f t="shared" si="712"/>
        <v>5103.125</v>
      </c>
      <c r="OOH53" s="7">
        <f t="shared" si="712"/>
        <v>5103.125</v>
      </c>
      <c r="OOI53" s="7">
        <f t="shared" si="712"/>
        <v>5103.125</v>
      </c>
      <c r="OOJ53" s="7">
        <f t="shared" si="712"/>
        <v>5103.125</v>
      </c>
      <c r="OOK53" s="7">
        <f t="shared" si="712"/>
        <v>5103.125</v>
      </c>
      <c r="OOL53" s="7">
        <f t="shared" si="712"/>
        <v>5103.125</v>
      </c>
      <c r="OOM53" s="7">
        <f t="shared" si="712"/>
        <v>5103.125</v>
      </c>
      <c r="OON53" s="7">
        <f t="shared" si="712"/>
        <v>5103.125</v>
      </c>
      <c r="OOO53" s="7">
        <f t="shared" si="712"/>
        <v>5103.125</v>
      </c>
      <c r="OOP53" s="7">
        <f t="shared" si="712"/>
        <v>5103.125</v>
      </c>
      <c r="OOQ53" s="7">
        <f t="shared" si="712"/>
        <v>5103.125</v>
      </c>
      <c r="OOR53" s="7">
        <f t="shared" si="712"/>
        <v>5103.125</v>
      </c>
      <c r="OOS53" s="7">
        <f t="shared" si="712"/>
        <v>5103.125</v>
      </c>
      <c r="OOT53" s="7">
        <f t="shared" si="712"/>
        <v>5103.125</v>
      </c>
      <c r="OOU53" s="7">
        <f t="shared" si="712"/>
        <v>5103.125</v>
      </c>
      <c r="OOV53" s="7">
        <f t="shared" si="712"/>
        <v>5103.125</v>
      </c>
      <c r="OOW53" s="7">
        <f t="shared" si="712"/>
        <v>5103.125</v>
      </c>
      <c r="OOX53" s="7">
        <f t="shared" si="712"/>
        <v>5103.125</v>
      </c>
      <c r="OOY53" s="7">
        <f t="shared" si="712"/>
        <v>5103.125</v>
      </c>
      <c r="OOZ53" s="7">
        <f t="shared" si="712"/>
        <v>5103.125</v>
      </c>
      <c r="OPA53" s="7">
        <f t="shared" si="712"/>
        <v>5103.125</v>
      </c>
      <c r="OPB53" s="7">
        <f t="shared" si="712"/>
        <v>5103.125</v>
      </c>
      <c r="OPC53" s="7">
        <f t="shared" si="712"/>
        <v>5103.125</v>
      </c>
      <c r="OPD53" s="7">
        <f t="shared" si="712"/>
        <v>5103.125</v>
      </c>
      <c r="OPE53" s="7">
        <f t="shared" si="712"/>
        <v>5103.125</v>
      </c>
      <c r="OPF53" s="7">
        <f t="shared" si="712"/>
        <v>5103.125</v>
      </c>
      <c r="OPG53" s="7">
        <f t="shared" si="712"/>
        <v>5103.125</v>
      </c>
      <c r="OPH53" s="7">
        <f t="shared" si="712"/>
        <v>5103.125</v>
      </c>
      <c r="OPI53" s="7">
        <f t="shared" si="712"/>
        <v>5103.125</v>
      </c>
      <c r="OPJ53" s="7">
        <f t="shared" si="712"/>
        <v>5103.125</v>
      </c>
      <c r="OPK53" s="7">
        <f t="shared" si="712"/>
        <v>5103.125</v>
      </c>
      <c r="OPL53" s="7">
        <f t="shared" si="712"/>
        <v>5103.125</v>
      </c>
      <c r="OPM53" s="7">
        <f t="shared" si="712"/>
        <v>5103.125</v>
      </c>
      <c r="OPN53" s="7">
        <f t="shared" ref="OPN53:ORY53" si="713">OPN48+OPM53</f>
        <v>5103.125</v>
      </c>
      <c r="OPO53" s="7">
        <f t="shared" si="713"/>
        <v>5103.125</v>
      </c>
      <c r="OPP53" s="7">
        <f t="shared" si="713"/>
        <v>5103.125</v>
      </c>
      <c r="OPQ53" s="7">
        <f t="shared" si="713"/>
        <v>5103.125</v>
      </c>
      <c r="OPR53" s="7">
        <f t="shared" si="713"/>
        <v>5103.125</v>
      </c>
      <c r="OPS53" s="7">
        <f t="shared" si="713"/>
        <v>5103.125</v>
      </c>
      <c r="OPT53" s="7">
        <f t="shared" si="713"/>
        <v>5103.125</v>
      </c>
      <c r="OPU53" s="7">
        <f t="shared" si="713"/>
        <v>5103.125</v>
      </c>
      <c r="OPV53" s="7">
        <f t="shared" si="713"/>
        <v>5103.125</v>
      </c>
      <c r="OPW53" s="7">
        <f t="shared" si="713"/>
        <v>5103.125</v>
      </c>
      <c r="OPX53" s="7">
        <f t="shared" si="713"/>
        <v>5103.125</v>
      </c>
      <c r="OPY53" s="7">
        <f t="shared" si="713"/>
        <v>5103.125</v>
      </c>
      <c r="OPZ53" s="7">
        <f t="shared" si="713"/>
        <v>5103.125</v>
      </c>
      <c r="OQA53" s="7">
        <f t="shared" si="713"/>
        <v>5103.125</v>
      </c>
      <c r="OQB53" s="7">
        <f t="shared" si="713"/>
        <v>5103.125</v>
      </c>
      <c r="OQC53" s="7">
        <f t="shared" si="713"/>
        <v>5103.125</v>
      </c>
      <c r="OQD53" s="7">
        <f t="shared" si="713"/>
        <v>5103.125</v>
      </c>
      <c r="OQE53" s="7">
        <f t="shared" si="713"/>
        <v>5103.125</v>
      </c>
      <c r="OQF53" s="7">
        <f t="shared" si="713"/>
        <v>5103.125</v>
      </c>
      <c r="OQG53" s="7">
        <f t="shared" si="713"/>
        <v>5103.125</v>
      </c>
      <c r="OQH53" s="7">
        <f t="shared" si="713"/>
        <v>5103.125</v>
      </c>
      <c r="OQI53" s="7">
        <f t="shared" si="713"/>
        <v>5103.125</v>
      </c>
      <c r="OQJ53" s="7">
        <f t="shared" si="713"/>
        <v>5103.125</v>
      </c>
      <c r="OQK53" s="7">
        <f t="shared" si="713"/>
        <v>5103.125</v>
      </c>
      <c r="OQL53" s="7">
        <f t="shared" si="713"/>
        <v>5103.125</v>
      </c>
      <c r="OQM53" s="7">
        <f t="shared" si="713"/>
        <v>5103.125</v>
      </c>
      <c r="OQN53" s="7">
        <f t="shared" si="713"/>
        <v>5103.125</v>
      </c>
      <c r="OQO53" s="7">
        <f t="shared" si="713"/>
        <v>5103.125</v>
      </c>
      <c r="OQP53" s="7">
        <f t="shared" si="713"/>
        <v>5103.125</v>
      </c>
      <c r="OQQ53" s="7">
        <f t="shared" si="713"/>
        <v>5103.125</v>
      </c>
      <c r="OQR53" s="7">
        <f t="shared" si="713"/>
        <v>5103.125</v>
      </c>
      <c r="OQS53" s="7">
        <f t="shared" si="713"/>
        <v>5103.125</v>
      </c>
      <c r="OQT53" s="7">
        <f t="shared" si="713"/>
        <v>5103.125</v>
      </c>
      <c r="OQU53" s="7">
        <f t="shared" si="713"/>
        <v>5103.125</v>
      </c>
      <c r="OQV53" s="7">
        <f t="shared" si="713"/>
        <v>5103.125</v>
      </c>
      <c r="OQW53" s="7">
        <f t="shared" si="713"/>
        <v>5103.125</v>
      </c>
      <c r="OQX53" s="7">
        <f t="shared" si="713"/>
        <v>5103.125</v>
      </c>
      <c r="OQY53" s="7">
        <f t="shared" si="713"/>
        <v>5103.125</v>
      </c>
      <c r="OQZ53" s="7">
        <f t="shared" si="713"/>
        <v>5103.125</v>
      </c>
      <c r="ORA53" s="7">
        <f t="shared" si="713"/>
        <v>5103.125</v>
      </c>
      <c r="ORB53" s="7">
        <f t="shared" si="713"/>
        <v>5103.125</v>
      </c>
      <c r="ORC53" s="7">
        <f t="shared" si="713"/>
        <v>5103.125</v>
      </c>
      <c r="ORD53" s="7">
        <f t="shared" si="713"/>
        <v>5103.125</v>
      </c>
      <c r="ORE53" s="7">
        <f t="shared" si="713"/>
        <v>5103.125</v>
      </c>
      <c r="ORF53" s="7">
        <f t="shared" si="713"/>
        <v>5103.125</v>
      </c>
      <c r="ORG53" s="7">
        <f t="shared" si="713"/>
        <v>5103.125</v>
      </c>
      <c r="ORH53" s="7">
        <f t="shared" si="713"/>
        <v>5103.125</v>
      </c>
      <c r="ORI53" s="7">
        <f t="shared" si="713"/>
        <v>5103.125</v>
      </c>
      <c r="ORJ53" s="7">
        <f t="shared" si="713"/>
        <v>5103.125</v>
      </c>
      <c r="ORK53" s="7">
        <f t="shared" si="713"/>
        <v>5103.125</v>
      </c>
      <c r="ORL53" s="7">
        <f t="shared" si="713"/>
        <v>5103.125</v>
      </c>
      <c r="ORM53" s="7">
        <f t="shared" si="713"/>
        <v>5103.125</v>
      </c>
      <c r="ORN53" s="7">
        <f t="shared" si="713"/>
        <v>5103.125</v>
      </c>
      <c r="ORO53" s="7">
        <f t="shared" si="713"/>
        <v>5103.125</v>
      </c>
      <c r="ORP53" s="7">
        <f t="shared" si="713"/>
        <v>5103.125</v>
      </c>
      <c r="ORQ53" s="7">
        <f t="shared" si="713"/>
        <v>5103.125</v>
      </c>
      <c r="ORR53" s="7">
        <f t="shared" si="713"/>
        <v>5103.125</v>
      </c>
      <c r="ORS53" s="7">
        <f t="shared" si="713"/>
        <v>5103.125</v>
      </c>
      <c r="ORT53" s="7">
        <f t="shared" si="713"/>
        <v>5103.125</v>
      </c>
      <c r="ORU53" s="7">
        <f t="shared" si="713"/>
        <v>5103.125</v>
      </c>
      <c r="ORV53" s="7">
        <f t="shared" si="713"/>
        <v>5103.125</v>
      </c>
      <c r="ORW53" s="7">
        <f t="shared" si="713"/>
        <v>5103.125</v>
      </c>
      <c r="ORX53" s="7">
        <f t="shared" si="713"/>
        <v>5103.125</v>
      </c>
      <c r="ORY53" s="7">
        <f t="shared" si="713"/>
        <v>5103.125</v>
      </c>
      <c r="ORZ53" s="7">
        <f t="shared" ref="ORZ53:OUK53" si="714">ORZ48+ORY53</f>
        <v>5103.125</v>
      </c>
      <c r="OSA53" s="7">
        <f t="shared" si="714"/>
        <v>5103.125</v>
      </c>
      <c r="OSB53" s="7">
        <f t="shared" si="714"/>
        <v>5103.125</v>
      </c>
      <c r="OSC53" s="7">
        <f t="shared" si="714"/>
        <v>5103.125</v>
      </c>
      <c r="OSD53" s="7">
        <f t="shared" si="714"/>
        <v>5103.125</v>
      </c>
      <c r="OSE53" s="7">
        <f t="shared" si="714"/>
        <v>5103.125</v>
      </c>
      <c r="OSF53" s="7">
        <f t="shared" si="714"/>
        <v>5103.125</v>
      </c>
      <c r="OSG53" s="7">
        <f t="shared" si="714"/>
        <v>5103.125</v>
      </c>
      <c r="OSH53" s="7">
        <f t="shared" si="714"/>
        <v>5103.125</v>
      </c>
      <c r="OSI53" s="7">
        <f t="shared" si="714"/>
        <v>5103.125</v>
      </c>
      <c r="OSJ53" s="7">
        <f t="shared" si="714"/>
        <v>5103.125</v>
      </c>
      <c r="OSK53" s="7">
        <f t="shared" si="714"/>
        <v>5103.125</v>
      </c>
      <c r="OSL53" s="7">
        <f t="shared" si="714"/>
        <v>5103.125</v>
      </c>
      <c r="OSM53" s="7">
        <f t="shared" si="714"/>
        <v>5103.125</v>
      </c>
      <c r="OSN53" s="7">
        <f t="shared" si="714"/>
        <v>5103.125</v>
      </c>
      <c r="OSO53" s="7">
        <f t="shared" si="714"/>
        <v>5103.125</v>
      </c>
      <c r="OSP53" s="7">
        <f t="shared" si="714"/>
        <v>5103.125</v>
      </c>
      <c r="OSQ53" s="7">
        <f t="shared" si="714"/>
        <v>5103.125</v>
      </c>
      <c r="OSR53" s="7">
        <f t="shared" si="714"/>
        <v>5103.125</v>
      </c>
      <c r="OSS53" s="7">
        <f t="shared" si="714"/>
        <v>5103.125</v>
      </c>
      <c r="OST53" s="7">
        <f t="shared" si="714"/>
        <v>5103.125</v>
      </c>
      <c r="OSU53" s="7">
        <f t="shared" si="714"/>
        <v>5103.125</v>
      </c>
      <c r="OSV53" s="7">
        <f t="shared" si="714"/>
        <v>5103.125</v>
      </c>
      <c r="OSW53" s="7">
        <f t="shared" si="714"/>
        <v>5103.125</v>
      </c>
      <c r="OSX53" s="7">
        <f t="shared" si="714"/>
        <v>5103.125</v>
      </c>
      <c r="OSY53" s="7">
        <f t="shared" si="714"/>
        <v>5103.125</v>
      </c>
      <c r="OSZ53" s="7">
        <f t="shared" si="714"/>
        <v>5103.125</v>
      </c>
      <c r="OTA53" s="7">
        <f t="shared" si="714"/>
        <v>5103.125</v>
      </c>
      <c r="OTB53" s="7">
        <f t="shared" si="714"/>
        <v>5103.125</v>
      </c>
      <c r="OTC53" s="7">
        <f t="shared" si="714"/>
        <v>5103.125</v>
      </c>
      <c r="OTD53" s="7">
        <f t="shared" si="714"/>
        <v>5103.125</v>
      </c>
      <c r="OTE53" s="7">
        <f t="shared" si="714"/>
        <v>5103.125</v>
      </c>
      <c r="OTF53" s="7">
        <f t="shared" si="714"/>
        <v>5103.125</v>
      </c>
      <c r="OTG53" s="7">
        <f t="shared" si="714"/>
        <v>5103.125</v>
      </c>
      <c r="OTH53" s="7">
        <f t="shared" si="714"/>
        <v>5103.125</v>
      </c>
      <c r="OTI53" s="7">
        <f t="shared" si="714"/>
        <v>5103.125</v>
      </c>
      <c r="OTJ53" s="7">
        <f t="shared" si="714"/>
        <v>5103.125</v>
      </c>
      <c r="OTK53" s="7">
        <f t="shared" si="714"/>
        <v>5103.125</v>
      </c>
      <c r="OTL53" s="7">
        <f t="shared" si="714"/>
        <v>5103.125</v>
      </c>
      <c r="OTM53" s="7">
        <f t="shared" si="714"/>
        <v>5103.125</v>
      </c>
      <c r="OTN53" s="7">
        <f t="shared" si="714"/>
        <v>5103.125</v>
      </c>
      <c r="OTO53" s="7">
        <f t="shared" si="714"/>
        <v>5103.125</v>
      </c>
      <c r="OTP53" s="7">
        <f t="shared" si="714"/>
        <v>5103.125</v>
      </c>
      <c r="OTQ53" s="7">
        <f t="shared" si="714"/>
        <v>5103.125</v>
      </c>
      <c r="OTR53" s="7">
        <f t="shared" si="714"/>
        <v>5103.125</v>
      </c>
      <c r="OTS53" s="7">
        <f t="shared" si="714"/>
        <v>5103.125</v>
      </c>
      <c r="OTT53" s="7">
        <f t="shared" si="714"/>
        <v>5103.125</v>
      </c>
      <c r="OTU53" s="7">
        <f t="shared" si="714"/>
        <v>5103.125</v>
      </c>
      <c r="OTV53" s="7">
        <f t="shared" si="714"/>
        <v>5103.125</v>
      </c>
      <c r="OTW53" s="7">
        <f t="shared" si="714"/>
        <v>5103.125</v>
      </c>
      <c r="OTX53" s="7">
        <f t="shared" si="714"/>
        <v>5103.125</v>
      </c>
      <c r="OTY53" s="7">
        <f t="shared" si="714"/>
        <v>5103.125</v>
      </c>
      <c r="OTZ53" s="7">
        <f t="shared" si="714"/>
        <v>5103.125</v>
      </c>
      <c r="OUA53" s="7">
        <f t="shared" si="714"/>
        <v>5103.125</v>
      </c>
      <c r="OUB53" s="7">
        <f t="shared" si="714"/>
        <v>5103.125</v>
      </c>
      <c r="OUC53" s="7">
        <f t="shared" si="714"/>
        <v>5103.125</v>
      </c>
      <c r="OUD53" s="7">
        <f t="shared" si="714"/>
        <v>5103.125</v>
      </c>
      <c r="OUE53" s="7">
        <f t="shared" si="714"/>
        <v>5103.125</v>
      </c>
      <c r="OUF53" s="7">
        <f t="shared" si="714"/>
        <v>5103.125</v>
      </c>
      <c r="OUG53" s="7">
        <f t="shared" si="714"/>
        <v>5103.125</v>
      </c>
      <c r="OUH53" s="7">
        <f t="shared" si="714"/>
        <v>5103.125</v>
      </c>
      <c r="OUI53" s="7">
        <f t="shared" si="714"/>
        <v>5103.125</v>
      </c>
      <c r="OUJ53" s="7">
        <f t="shared" si="714"/>
        <v>5103.125</v>
      </c>
      <c r="OUK53" s="7">
        <f t="shared" si="714"/>
        <v>5103.125</v>
      </c>
      <c r="OUL53" s="7">
        <f t="shared" ref="OUL53:OWW53" si="715">OUL48+OUK53</f>
        <v>5103.125</v>
      </c>
      <c r="OUM53" s="7">
        <f t="shared" si="715"/>
        <v>5103.125</v>
      </c>
      <c r="OUN53" s="7">
        <f t="shared" si="715"/>
        <v>5103.125</v>
      </c>
      <c r="OUO53" s="7">
        <f t="shared" si="715"/>
        <v>5103.125</v>
      </c>
      <c r="OUP53" s="7">
        <f t="shared" si="715"/>
        <v>5103.125</v>
      </c>
      <c r="OUQ53" s="7">
        <f t="shared" si="715"/>
        <v>5103.125</v>
      </c>
      <c r="OUR53" s="7">
        <f t="shared" si="715"/>
        <v>5103.125</v>
      </c>
      <c r="OUS53" s="7">
        <f t="shared" si="715"/>
        <v>5103.125</v>
      </c>
      <c r="OUT53" s="7">
        <f t="shared" si="715"/>
        <v>5103.125</v>
      </c>
      <c r="OUU53" s="7">
        <f t="shared" si="715"/>
        <v>5103.125</v>
      </c>
      <c r="OUV53" s="7">
        <f t="shared" si="715"/>
        <v>5103.125</v>
      </c>
      <c r="OUW53" s="7">
        <f t="shared" si="715"/>
        <v>5103.125</v>
      </c>
      <c r="OUX53" s="7">
        <f t="shared" si="715"/>
        <v>5103.125</v>
      </c>
      <c r="OUY53" s="7">
        <f t="shared" si="715"/>
        <v>5103.125</v>
      </c>
      <c r="OUZ53" s="7">
        <f t="shared" si="715"/>
        <v>5103.125</v>
      </c>
      <c r="OVA53" s="7">
        <f t="shared" si="715"/>
        <v>5103.125</v>
      </c>
      <c r="OVB53" s="7">
        <f t="shared" si="715"/>
        <v>5103.125</v>
      </c>
      <c r="OVC53" s="7">
        <f t="shared" si="715"/>
        <v>5103.125</v>
      </c>
      <c r="OVD53" s="7">
        <f t="shared" si="715"/>
        <v>5103.125</v>
      </c>
      <c r="OVE53" s="7">
        <f t="shared" si="715"/>
        <v>5103.125</v>
      </c>
      <c r="OVF53" s="7">
        <f t="shared" si="715"/>
        <v>5103.125</v>
      </c>
      <c r="OVG53" s="7">
        <f t="shared" si="715"/>
        <v>5103.125</v>
      </c>
      <c r="OVH53" s="7">
        <f t="shared" si="715"/>
        <v>5103.125</v>
      </c>
      <c r="OVI53" s="7">
        <f t="shared" si="715"/>
        <v>5103.125</v>
      </c>
      <c r="OVJ53" s="7">
        <f t="shared" si="715"/>
        <v>5103.125</v>
      </c>
      <c r="OVK53" s="7">
        <f t="shared" si="715"/>
        <v>5103.125</v>
      </c>
      <c r="OVL53" s="7">
        <f t="shared" si="715"/>
        <v>5103.125</v>
      </c>
      <c r="OVM53" s="7">
        <f t="shared" si="715"/>
        <v>5103.125</v>
      </c>
      <c r="OVN53" s="7">
        <f t="shared" si="715"/>
        <v>5103.125</v>
      </c>
      <c r="OVO53" s="7">
        <f t="shared" si="715"/>
        <v>5103.125</v>
      </c>
      <c r="OVP53" s="7">
        <f t="shared" si="715"/>
        <v>5103.125</v>
      </c>
      <c r="OVQ53" s="7">
        <f t="shared" si="715"/>
        <v>5103.125</v>
      </c>
      <c r="OVR53" s="7">
        <f t="shared" si="715"/>
        <v>5103.125</v>
      </c>
      <c r="OVS53" s="7">
        <f t="shared" si="715"/>
        <v>5103.125</v>
      </c>
      <c r="OVT53" s="7">
        <f t="shared" si="715"/>
        <v>5103.125</v>
      </c>
      <c r="OVU53" s="7">
        <f t="shared" si="715"/>
        <v>5103.125</v>
      </c>
      <c r="OVV53" s="7">
        <f t="shared" si="715"/>
        <v>5103.125</v>
      </c>
      <c r="OVW53" s="7">
        <f t="shared" si="715"/>
        <v>5103.125</v>
      </c>
      <c r="OVX53" s="7">
        <f t="shared" si="715"/>
        <v>5103.125</v>
      </c>
      <c r="OVY53" s="7">
        <f t="shared" si="715"/>
        <v>5103.125</v>
      </c>
      <c r="OVZ53" s="7">
        <f t="shared" si="715"/>
        <v>5103.125</v>
      </c>
      <c r="OWA53" s="7">
        <f t="shared" si="715"/>
        <v>5103.125</v>
      </c>
      <c r="OWB53" s="7">
        <f t="shared" si="715"/>
        <v>5103.125</v>
      </c>
      <c r="OWC53" s="7">
        <f t="shared" si="715"/>
        <v>5103.125</v>
      </c>
      <c r="OWD53" s="7">
        <f t="shared" si="715"/>
        <v>5103.125</v>
      </c>
      <c r="OWE53" s="7">
        <f t="shared" si="715"/>
        <v>5103.125</v>
      </c>
      <c r="OWF53" s="7">
        <f t="shared" si="715"/>
        <v>5103.125</v>
      </c>
      <c r="OWG53" s="7">
        <f t="shared" si="715"/>
        <v>5103.125</v>
      </c>
      <c r="OWH53" s="7">
        <f t="shared" si="715"/>
        <v>5103.125</v>
      </c>
      <c r="OWI53" s="7">
        <f t="shared" si="715"/>
        <v>5103.125</v>
      </c>
      <c r="OWJ53" s="7">
        <f t="shared" si="715"/>
        <v>5103.125</v>
      </c>
      <c r="OWK53" s="7">
        <f t="shared" si="715"/>
        <v>5103.125</v>
      </c>
      <c r="OWL53" s="7">
        <f t="shared" si="715"/>
        <v>5103.125</v>
      </c>
      <c r="OWM53" s="7">
        <f t="shared" si="715"/>
        <v>5103.125</v>
      </c>
      <c r="OWN53" s="7">
        <f t="shared" si="715"/>
        <v>5103.125</v>
      </c>
      <c r="OWO53" s="7">
        <f t="shared" si="715"/>
        <v>5103.125</v>
      </c>
      <c r="OWP53" s="7">
        <f t="shared" si="715"/>
        <v>5103.125</v>
      </c>
      <c r="OWQ53" s="7">
        <f t="shared" si="715"/>
        <v>5103.125</v>
      </c>
      <c r="OWR53" s="7">
        <f t="shared" si="715"/>
        <v>5103.125</v>
      </c>
      <c r="OWS53" s="7">
        <f t="shared" si="715"/>
        <v>5103.125</v>
      </c>
      <c r="OWT53" s="7">
        <f t="shared" si="715"/>
        <v>5103.125</v>
      </c>
      <c r="OWU53" s="7">
        <f t="shared" si="715"/>
        <v>5103.125</v>
      </c>
      <c r="OWV53" s="7">
        <f t="shared" si="715"/>
        <v>5103.125</v>
      </c>
      <c r="OWW53" s="7">
        <f t="shared" si="715"/>
        <v>5103.125</v>
      </c>
      <c r="OWX53" s="7">
        <f t="shared" ref="OWX53:OZI53" si="716">OWX48+OWW53</f>
        <v>5103.125</v>
      </c>
      <c r="OWY53" s="7">
        <f t="shared" si="716"/>
        <v>5103.125</v>
      </c>
      <c r="OWZ53" s="7">
        <f t="shared" si="716"/>
        <v>5103.125</v>
      </c>
      <c r="OXA53" s="7">
        <f t="shared" si="716"/>
        <v>5103.125</v>
      </c>
      <c r="OXB53" s="7">
        <f t="shared" si="716"/>
        <v>5103.125</v>
      </c>
      <c r="OXC53" s="7">
        <f t="shared" si="716"/>
        <v>5103.125</v>
      </c>
      <c r="OXD53" s="7">
        <f t="shared" si="716"/>
        <v>5103.125</v>
      </c>
      <c r="OXE53" s="7">
        <f t="shared" si="716"/>
        <v>5103.125</v>
      </c>
      <c r="OXF53" s="7">
        <f t="shared" si="716"/>
        <v>5103.125</v>
      </c>
      <c r="OXG53" s="7">
        <f t="shared" si="716"/>
        <v>5103.125</v>
      </c>
      <c r="OXH53" s="7">
        <f t="shared" si="716"/>
        <v>5103.125</v>
      </c>
      <c r="OXI53" s="7">
        <f t="shared" si="716"/>
        <v>5103.125</v>
      </c>
      <c r="OXJ53" s="7">
        <f t="shared" si="716"/>
        <v>5103.125</v>
      </c>
      <c r="OXK53" s="7">
        <f t="shared" si="716"/>
        <v>5103.125</v>
      </c>
      <c r="OXL53" s="7">
        <f t="shared" si="716"/>
        <v>5103.125</v>
      </c>
      <c r="OXM53" s="7">
        <f t="shared" si="716"/>
        <v>5103.125</v>
      </c>
      <c r="OXN53" s="7">
        <f t="shared" si="716"/>
        <v>5103.125</v>
      </c>
      <c r="OXO53" s="7">
        <f t="shared" si="716"/>
        <v>5103.125</v>
      </c>
      <c r="OXP53" s="7">
        <f t="shared" si="716"/>
        <v>5103.125</v>
      </c>
      <c r="OXQ53" s="7">
        <f t="shared" si="716"/>
        <v>5103.125</v>
      </c>
      <c r="OXR53" s="7">
        <f t="shared" si="716"/>
        <v>5103.125</v>
      </c>
      <c r="OXS53" s="7">
        <f t="shared" si="716"/>
        <v>5103.125</v>
      </c>
      <c r="OXT53" s="7">
        <f t="shared" si="716"/>
        <v>5103.125</v>
      </c>
      <c r="OXU53" s="7">
        <f t="shared" si="716"/>
        <v>5103.125</v>
      </c>
      <c r="OXV53" s="7">
        <f t="shared" si="716"/>
        <v>5103.125</v>
      </c>
      <c r="OXW53" s="7">
        <f t="shared" si="716"/>
        <v>5103.125</v>
      </c>
      <c r="OXX53" s="7">
        <f t="shared" si="716"/>
        <v>5103.125</v>
      </c>
      <c r="OXY53" s="7">
        <f t="shared" si="716"/>
        <v>5103.125</v>
      </c>
      <c r="OXZ53" s="7">
        <f t="shared" si="716"/>
        <v>5103.125</v>
      </c>
      <c r="OYA53" s="7">
        <f t="shared" si="716"/>
        <v>5103.125</v>
      </c>
      <c r="OYB53" s="7">
        <f t="shared" si="716"/>
        <v>5103.125</v>
      </c>
      <c r="OYC53" s="7">
        <f t="shared" si="716"/>
        <v>5103.125</v>
      </c>
      <c r="OYD53" s="7">
        <f t="shared" si="716"/>
        <v>5103.125</v>
      </c>
      <c r="OYE53" s="7">
        <f t="shared" si="716"/>
        <v>5103.125</v>
      </c>
      <c r="OYF53" s="7">
        <f t="shared" si="716"/>
        <v>5103.125</v>
      </c>
      <c r="OYG53" s="7">
        <f t="shared" si="716"/>
        <v>5103.125</v>
      </c>
      <c r="OYH53" s="7">
        <f t="shared" si="716"/>
        <v>5103.125</v>
      </c>
      <c r="OYI53" s="7">
        <f t="shared" si="716"/>
        <v>5103.125</v>
      </c>
      <c r="OYJ53" s="7">
        <f t="shared" si="716"/>
        <v>5103.125</v>
      </c>
      <c r="OYK53" s="7">
        <f t="shared" si="716"/>
        <v>5103.125</v>
      </c>
      <c r="OYL53" s="7">
        <f t="shared" si="716"/>
        <v>5103.125</v>
      </c>
      <c r="OYM53" s="7">
        <f t="shared" si="716"/>
        <v>5103.125</v>
      </c>
      <c r="OYN53" s="7">
        <f t="shared" si="716"/>
        <v>5103.125</v>
      </c>
      <c r="OYO53" s="7">
        <f t="shared" si="716"/>
        <v>5103.125</v>
      </c>
      <c r="OYP53" s="7">
        <f t="shared" si="716"/>
        <v>5103.125</v>
      </c>
      <c r="OYQ53" s="7">
        <f t="shared" si="716"/>
        <v>5103.125</v>
      </c>
      <c r="OYR53" s="7">
        <f t="shared" si="716"/>
        <v>5103.125</v>
      </c>
      <c r="OYS53" s="7">
        <f t="shared" si="716"/>
        <v>5103.125</v>
      </c>
      <c r="OYT53" s="7">
        <f t="shared" si="716"/>
        <v>5103.125</v>
      </c>
      <c r="OYU53" s="7">
        <f t="shared" si="716"/>
        <v>5103.125</v>
      </c>
      <c r="OYV53" s="7">
        <f t="shared" si="716"/>
        <v>5103.125</v>
      </c>
      <c r="OYW53" s="7">
        <f t="shared" si="716"/>
        <v>5103.125</v>
      </c>
      <c r="OYX53" s="7">
        <f t="shared" si="716"/>
        <v>5103.125</v>
      </c>
      <c r="OYY53" s="7">
        <f t="shared" si="716"/>
        <v>5103.125</v>
      </c>
      <c r="OYZ53" s="7">
        <f t="shared" si="716"/>
        <v>5103.125</v>
      </c>
      <c r="OZA53" s="7">
        <f t="shared" si="716"/>
        <v>5103.125</v>
      </c>
      <c r="OZB53" s="7">
        <f t="shared" si="716"/>
        <v>5103.125</v>
      </c>
      <c r="OZC53" s="7">
        <f t="shared" si="716"/>
        <v>5103.125</v>
      </c>
      <c r="OZD53" s="7">
        <f t="shared" si="716"/>
        <v>5103.125</v>
      </c>
      <c r="OZE53" s="7">
        <f t="shared" si="716"/>
        <v>5103.125</v>
      </c>
      <c r="OZF53" s="7">
        <f t="shared" si="716"/>
        <v>5103.125</v>
      </c>
      <c r="OZG53" s="7">
        <f t="shared" si="716"/>
        <v>5103.125</v>
      </c>
      <c r="OZH53" s="7">
        <f t="shared" si="716"/>
        <v>5103.125</v>
      </c>
      <c r="OZI53" s="7">
        <f t="shared" si="716"/>
        <v>5103.125</v>
      </c>
      <c r="OZJ53" s="7">
        <f t="shared" ref="OZJ53:PBU53" si="717">OZJ48+OZI53</f>
        <v>5103.125</v>
      </c>
      <c r="OZK53" s="7">
        <f t="shared" si="717"/>
        <v>5103.125</v>
      </c>
      <c r="OZL53" s="7">
        <f t="shared" si="717"/>
        <v>5103.125</v>
      </c>
      <c r="OZM53" s="7">
        <f t="shared" si="717"/>
        <v>5103.125</v>
      </c>
      <c r="OZN53" s="7">
        <f t="shared" si="717"/>
        <v>5103.125</v>
      </c>
      <c r="OZO53" s="7">
        <f t="shared" si="717"/>
        <v>5103.125</v>
      </c>
      <c r="OZP53" s="7">
        <f t="shared" si="717"/>
        <v>5103.125</v>
      </c>
      <c r="OZQ53" s="7">
        <f t="shared" si="717"/>
        <v>5103.125</v>
      </c>
      <c r="OZR53" s="7">
        <f t="shared" si="717"/>
        <v>5103.125</v>
      </c>
      <c r="OZS53" s="7">
        <f t="shared" si="717"/>
        <v>5103.125</v>
      </c>
      <c r="OZT53" s="7">
        <f t="shared" si="717"/>
        <v>5103.125</v>
      </c>
      <c r="OZU53" s="7">
        <f t="shared" si="717"/>
        <v>5103.125</v>
      </c>
      <c r="OZV53" s="7">
        <f t="shared" si="717"/>
        <v>5103.125</v>
      </c>
      <c r="OZW53" s="7">
        <f t="shared" si="717"/>
        <v>5103.125</v>
      </c>
      <c r="OZX53" s="7">
        <f t="shared" si="717"/>
        <v>5103.125</v>
      </c>
      <c r="OZY53" s="7">
        <f t="shared" si="717"/>
        <v>5103.125</v>
      </c>
      <c r="OZZ53" s="7">
        <f t="shared" si="717"/>
        <v>5103.125</v>
      </c>
      <c r="PAA53" s="7">
        <f t="shared" si="717"/>
        <v>5103.125</v>
      </c>
      <c r="PAB53" s="7">
        <f t="shared" si="717"/>
        <v>5103.125</v>
      </c>
      <c r="PAC53" s="7">
        <f t="shared" si="717"/>
        <v>5103.125</v>
      </c>
      <c r="PAD53" s="7">
        <f t="shared" si="717"/>
        <v>5103.125</v>
      </c>
      <c r="PAE53" s="7">
        <f t="shared" si="717"/>
        <v>5103.125</v>
      </c>
      <c r="PAF53" s="7">
        <f t="shared" si="717"/>
        <v>5103.125</v>
      </c>
      <c r="PAG53" s="7">
        <f t="shared" si="717"/>
        <v>5103.125</v>
      </c>
      <c r="PAH53" s="7">
        <f t="shared" si="717"/>
        <v>5103.125</v>
      </c>
      <c r="PAI53" s="7">
        <f t="shared" si="717"/>
        <v>5103.125</v>
      </c>
      <c r="PAJ53" s="7">
        <f t="shared" si="717"/>
        <v>5103.125</v>
      </c>
      <c r="PAK53" s="7">
        <f t="shared" si="717"/>
        <v>5103.125</v>
      </c>
      <c r="PAL53" s="7">
        <f t="shared" si="717"/>
        <v>5103.125</v>
      </c>
      <c r="PAM53" s="7">
        <f t="shared" si="717"/>
        <v>5103.125</v>
      </c>
      <c r="PAN53" s="7">
        <f t="shared" si="717"/>
        <v>5103.125</v>
      </c>
      <c r="PAO53" s="7">
        <f t="shared" si="717"/>
        <v>5103.125</v>
      </c>
      <c r="PAP53" s="7">
        <f t="shared" si="717"/>
        <v>5103.125</v>
      </c>
      <c r="PAQ53" s="7">
        <f t="shared" si="717"/>
        <v>5103.125</v>
      </c>
      <c r="PAR53" s="7">
        <f t="shared" si="717"/>
        <v>5103.125</v>
      </c>
      <c r="PAS53" s="7">
        <f t="shared" si="717"/>
        <v>5103.125</v>
      </c>
      <c r="PAT53" s="7">
        <f t="shared" si="717"/>
        <v>5103.125</v>
      </c>
      <c r="PAU53" s="7">
        <f t="shared" si="717"/>
        <v>5103.125</v>
      </c>
      <c r="PAV53" s="7">
        <f t="shared" si="717"/>
        <v>5103.125</v>
      </c>
      <c r="PAW53" s="7">
        <f t="shared" si="717"/>
        <v>5103.125</v>
      </c>
      <c r="PAX53" s="7">
        <f t="shared" si="717"/>
        <v>5103.125</v>
      </c>
      <c r="PAY53" s="7">
        <f t="shared" si="717"/>
        <v>5103.125</v>
      </c>
      <c r="PAZ53" s="7">
        <f t="shared" si="717"/>
        <v>5103.125</v>
      </c>
      <c r="PBA53" s="7">
        <f t="shared" si="717"/>
        <v>5103.125</v>
      </c>
      <c r="PBB53" s="7">
        <f t="shared" si="717"/>
        <v>5103.125</v>
      </c>
      <c r="PBC53" s="7">
        <f t="shared" si="717"/>
        <v>5103.125</v>
      </c>
      <c r="PBD53" s="7">
        <f t="shared" si="717"/>
        <v>5103.125</v>
      </c>
      <c r="PBE53" s="7">
        <f t="shared" si="717"/>
        <v>5103.125</v>
      </c>
      <c r="PBF53" s="7">
        <f t="shared" si="717"/>
        <v>5103.125</v>
      </c>
      <c r="PBG53" s="7">
        <f t="shared" si="717"/>
        <v>5103.125</v>
      </c>
      <c r="PBH53" s="7">
        <f t="shared" si="717"/>
        <v>5103.125</v>
      </c>
      <c r="PBI53" s="7">
        <f t="shared" si="717"/>
        <v>5103.125</v>
      </c>
      <c r="PBJ53" s="7">
        <f t="shared" si="717"/>
        <v>5103.125</v>
      </c>
      <c r="PBK53" s="7">
        <f t="shared" si="717"/>
        <v>5103.125</v>
      </c>
      <c r="PBL53" s="7">
        <f t="shared" si="717"/>
        <v>5103.125</v>
      </c>
      <c r="PBM53" s="7">
        <f t="shared" si="717"/>
        <v>5103.125</v>
      </c>
      <c r="PBN53" s="7">
        <f t="shared" si="717"/>
        <v>5103.125</v>
      </c>
      <c r="PBO53" s="7">
        <f t="shared" si="717"/>
        <v>5103.125</v>
      </c>
      <c r="PBP53" s="7">
        <f t="shared" si="717"/>
        <v>5103.125</v>
      </c>
      <c r="PBQ53" s="7">
        <f t="shared" si="717"/>
        <v>5103.125</v>
      </c>
      <c r="PBR53" s="7">
        <f t="shared" si="717"/>
        <v>5103.125</v>
      </c>
      <c r="PBS53" s="7">
        <f t="shared" si="717"/>
        <v>5103.125</v>
      </c>
      <c r="PBT53" s="7">
        <f t="shared" si="717"/>
        <v>5103.125</v>
      </c>
      <c r="PBU53" s="7">
        <f t="shared" si="717"/>
        <v>5103.125</v>
      </c>
      <c r="PBV53" s="7">
        <f t="shared" ref="PBV53:PEG53" si="718">PBV48+PBU53</f>
        <v>5103.125</v>
      </c>
      <c r="PBW53" s="7">
        <f t="shared" si="718"/>
        <v>5103.125</v>
      </c>
      <c r="PBX53" s="7">
        <f t="shared" si="718"/>
        <v>5103.125</v>
      </c>
      <c r="PBY53" s="7">
        <f t="shared" si="718"/>
        <v>5103.125</v>
      </c>
      <c r="PBZ53" s="7">
        <f t="shared" si="718"/>
        <v>5103.125</v>
      </c>
      <c r="PCA53" s="7">
        <f t="shared" si="718"/>
        <v>5103.125</v>
      </c>
      <c r="PCB53" s="7">
        <f t="shared" si="718"/>
        <v>5103.125</v>
      </c>
      <c r="PCC53" s="7">
        <f t="shared" si="718"/>
        <v>5103.125</v>
      </c>
      <c r="PCD53" s="7">
        <f t="shared" si="718"/>
        <v>5103.125</v>
      </c>
      <c r="PCE53" s="7">
        <f t="shared" si="718"/>
        <v>5103.125</v>
      </c>
      <c r="PCF53" s="7">
        <f t="shared" si="718"/>
        <v>5103.125</v>
      </c>
      <c r="PCG53" s="7">
        <f t="shared" si="718"/>
        <v>5103.125</v>
      </c>
      <c r="PCH53" s="7">
        <f t="shared" si="718"/>
        <v>5103.125</v>
      </c>
      <c r="PCI53" s="7">
        <f t="shared" si="718"/>
        <v>5103.125</v>
      </c>
      <c r="PCJ53" s="7">
        <f t="shared" si="718"/>
        <v>5103.125</v>
      </c>
      <c r="PCK53" s="7">
        <f t="shared" si="718"/>
        <v>5103.125</v>
      </c>
      <c r="PCL53" s="7">
        <f t="shared" si="718"/>
        <v>5103.125</v>
      </c>
      <c r="PCM53" s="7">
        <f t="shared" si="718"/>
        <v>5103.125</v>
      </c>
      <c r="PCN53" s="7">
        <f t="shared" si="718"/>
        <v>5103.125</v>
      </c>
      <c r="PCO53" s="7">
        <f t="shared" si="718"/>
        <v>5103.125</v>
      </c>
      <c r="PCP53" s="7">
        <f t="shared" si="718"/>
        <v>5103.125</v>
      </c>
      <c r="PCQ53" s="7">
        <f t="shared" si="718"/>
        <v>5103.125</v>
      </c>
      <c r="PCR53" s="7">
        <f t="shared" si="718"/>
        <v>5103.125</v>
      </c>
      <c r="PCS53" s="7">
        <f t="shared" si="718"/>
        <v>5103.125</v>
      </c>
      <c r="PCT53" s="7">
        <f t="shared" si="718"/>
        <v>5103.125</v>
      </c>
      <c r="PCU53" s="7">
        <f t="shared" si="718"/>
        <v>5103.125</v>
      </c>
      <c r="PCV53" s="7">
        <f t="shared" si="718"/>
        <v>5103.125</v>
      </c>
      <c r="PCW53" s="7">
        <f t="shared" si="718"/>
        <v>5103.125</v>
      </c>
      <c r="PCX53" s="7">
        <f t="shared" si="718"/>
        <v>5103.125</v>
      </c>
      <c r="PCY53" s="7">
        <f t="shared" si="718"/>
        <v>5103.125</v>
      </c>
      <c r="PCZ53" s="7">
        <f t="shared" si="718"/>
        <v>5103.125</v>
      </c>
      <c r="PDA53" s="7">
        <f t="shared" si="718"/>
        <v>5103.125</v>
      </c>
      <c r="PDB53" s="7">
        <f t="shared" si="718"/>
        <v>5103.125</v>
      </c>
      <c r="PDC53" s="7">
        <f t="shared" si="718"/>
        <v>5103.125</v>
      </c>
      <c r="PDD53" s="7">
        <f t="shared" si="718"/>
        <v>5103.125</v>
      </c>
      <c r="PDE53" s="7">
        <f t="shared" si="718"/>
        <v>5103.125</v>
      </c>
      <c r="PDF53" s="7">
        <f t="shared" si="718"/>
        <v>5103.125</v>
      </c>
      <c r="PDG53" s="7">
        <f t="shared" si="718"/>
        <v>5103.125</v>
      </c>
      <c r="PDH53" s="7">
        <f t="shared" si="718"/>
        <v>5103.125</v>
      </c>
      <c r="PDI53" s="7">
        <f t="shared" si="718"/>
        <v>5103.125</v>
      </c>
      <c r="PDJ53" s="7">
        <f t="shared" si="718"/>
        <v>5103.125</v>
      </c>
      <c r="PDK53" s="7">
        <f t="shared" si="718"/>
        <v>5103.125</v>
      </c>
      <c r="PDL53" s="7">
        <f t="shared" si="718"/>
        <v>5103.125</v>
      </c>
      <c r="PDM53" s="7">
        <f t="shared" si="718"/>
        <v>5103.125</v>
      </c>
      <c r="PDN53" s="7">
        <f t="shared" si="718"/>
        <v>5103.125</v>
      </c>
      <c r="PDO53" s="7">
        <f t="shared" si="718"/>
        <v>5103.125</v>
      </c>
      <c r="PDP53" s="7">
        <f t="shared" si="718"/>
        <v>5103.125</v>
      </c>
      <c r="PDQ53" s="7">
        <f t="shared" si="718"/>
        <v>5103.125</v>
      </c>
      <c r="PDR53" s="7">
        <f t="shared" si="718"/>
        <v>5103.125</v>
      </c>
      <c r="PDS53" s="7">
        <f t="shared" si="718"/>
        <v>5103.125</v>
      </c>
      <c r="PDT53" s="7">
        <f t="shared" si="718"/>
        <v>5103.125</v>
      </c>
      <c r="PDU53" s="7">
        <f t="shared" si="718"/>
        <v>5103.125</v>
      </c>
      <c r="PDV53" s="7">
        <f t="shared" si="718"/>
        <v>5103.125</v>
      </c>
      <c r="PDW53" s="7">
        <f t="shared" si="718"/>
        <v>5103.125</v>
      </c>
      <c r="PDX53" s="7">
        <f t="shared" si="718"/>
        <v>5103.125</v>
      </c>
      <c r="PDY53" s="7">
        <f t="shared" si="718"/>
        <v>5103.125</v>
      </c>
      <c r="PDZ53" s="7">
        <f t="shared" si="718"/>
        <v>5103.125</v>
      </c>
      <c r="PEA53" s="7">
        <f t="shared" si="718"/>
        <v>5103.125</v>
      </c>
      <c r="PEB53" s="7">
        <f t="shared" si="718"/>
        <v>5103.125</v>
      </c>
      <c r="PEC53" s="7">
        <f t="shared" si="718"/>
        <v>5103.125</v>
      </c>
      <c r="PED53" s="7">
        <f t="shared" si="718"/>
        <v>5103.125</v>
      </c>
      <c r="PEE53" s="7">
        <f t="shared" si="718"/>
        <v>5103.125</v>
      </c>
      <c r="PEF53" s="7">
        <f t="shared" si="718"/>
        <v>5103.125</v>
      </c>
      <c r="PEG53" s="7">
        <f t="shared" si="718"/>
        <v>5103.125</v>
      </c>
      <c r="PEH53" s="7">
        <f t="shared" ref="PEH53:PGS53" si="719">PEH48+PEG53</f>
        <v>5103.125</v>
      </c>
      <c r="PEI53" s="7">
        <f t="shared" si="719"/>
        <v>5103.125</v>
      </c>
      <c r="PEJ53" s="7">
        <f t="shared" si="719"/>
        <v>5103.125</v>
      </c>
      <c r="PEK53" s="7">
        <f t="shared" si="719"/>
        <v>5103.125</v>
      </c>
      <c r="PEL53" s="7">
        <f t="shared" si="719"/>
        <v>5103.125</v>
      </c>
      <c r="PEM53" s="7">
        <f t="shared" si="719"/>
        <v>5103.125</v>
      </c>
      <c r="PEN53" s="7">
        <f t="shared" si="719"/>
        <v>5103.125</v>
      </c>
      <c r="PEO53" s="7">
        <f t="shared" si="719"/>
        <v>5103.125</v>
      </c>
      <c r="PEP53" s="7">
        <f t="shared" si="719"/>
        <v>5103.125</v>
      </c>
      <c r="PEQ53" s="7">
        <f t="shared" si="719"/>
        <v>5103.125</v>
      </c>
      <c r="PER53" s="7">
        <f t="shared" si="719"/>
        <v>5103.125</v>
      </c>
      <c r="PES53" s="7">
        <f t="shared" si="719"/>
        <v>5103.125</v>
      </c>
      <c r="PET53" s="7">
        <f t="shared" si="719"/>
        <v>5103.125</v>
      </c>
      <c r="PEU53" s="7">
        <f t="shared" si="719"/>
        <v>5103.125</v>
      </c>
      <c r="PEV53" s="7">
        <f t="shared" si="719"/>
        <v>5103.125</v>
      </c>
      <c r="PEW53" s="7">
        <f t="shared" si="719"/>
        <v>5103.125</v>
      </c>
      <c r="PEX53" s="7">
        <f t="shared" si="719"/>
        <v>5103.125</v>
      </c>
      <c r="PEY53" s="7">
        <f t="shared" si="719"/>
        <v>5103.125</v>
      </c>
      <c r="PEZ53" s="7">
        <f t="shared" si="719"/>
        <v>5103.125</v>
      </c>
      <c r="PFA53" s="7">
        <f t="shared" si="719"/>
        <v>5103.125</v>
      </c>
      <c r="PFB53" s="7">
        <f t="shared" si="719"/>
        <v>5103.125</v>
      </c>
      <c r="PFC53" s="7">
        <f t="shared" si="719"/>
        <v>5103.125</v>
      </c>
      <c r="PFD53" s="7">
        <f t="shared" si="719"/>
        <v>5103.125</v>
      </c>
      <c r="PFE53" s="7">
        <f t="shared" si="719"/>
        <v>5103.125</v>
      </c>
      <c r="PFF53" s="7">
        <f t="shared" si="719"/>
        <v>5103.125</v>
      </c>
      <c r="PFG53" s="7">
        <f t="shared" si="719"/>
        <v>5103.125</v>
      </c>
      <c r="PFH53" s="7">
        <f t="shared" si="719"/>
        <v>5103.125</v>
      </c>
      <c r="PFI53" s="7">
        <f t="shared" si="719"/>
        <v>5103.125</v>
      </c>
      <c r="PFJ53" s="7">
        <f t="shared" si="719"/>
        <v>5103.125</v>
      </c>
      <c r="PFK53" s="7">
        <f t="shared" si="719"/>
        <v>5103.125</v>
      </c>
      <c r="PFL53" s="7">
        <f t="shared" si="719"/>
        <v>5103.125</v>
      </c>
      <c r="PFM53" s="7">
        <f t="shared" si="719"/>
        <v>5103.125</v>
      </c>
      <c r="PFN53" s="7">
        <f t="shared" si="719"/>
        <v>5103.125</v>
      </c>
      <c r="PFO53" s="7">
        <f t="shared" si="719"/>
        <v>5103.125</v>
      </c>
      <c r="PFP53" s="7">
        <f t="shared" si="719"/>
        <v>5103.125</v>
      </c>
      <c r="PFQ53" s="7">
        <f t="shared" si="719"/>
        <v>5103.125</v>
      </c>
      <c r="PFR53" s="7">
        <f t="shared" si="719"/>
        <v>5103.125</v>
      </c>
      <c r="PFS53" s="7">
        <f t="shared" si="719"/>
        <v>5103.125</v>
      </c>
      <c r="PFT53" s="7">
        <f t="shared" si="719"/>
        <v>5103.125</v>
      </c>
      <c r="PFU53" s="7">
        <f t="shared" si="719"/>
        <v>5103.125</v>
      </c>
      <c r="PFV53" s="7">
        <f t="shared" si="719"/>
        <v>5103.125</v>
      </c>
      <c r="PFW53" s="7">
        <f t="shared" si="719"/>
        <v>5103.125</v>
      </c>
      <c r="PFX53" s="7">
        <f t="shared" si="719"/>
        <v>5103.125</v>
      </c>
      <c r="PFY53" s="7">
        <f t="shared" si="719"/>
        <v>5103.125</v>
      </c>
      <c r="PFZ53" s="7">
        <f t="shared" si="719"/>
        <v>5103.125</v>
      </c>
      <c r="PGA53" s="7">
        <f t="shared" si="719"/>
        <v>5103.125</v>
      </c>
      <c r="PGB53" s="7">
        <f t="shared" si="719"/>
        <v>5103.125</v>
      </c>
      <c r="PGC53" s="7">
        <f t="shared" si="719"/>
        <v>5103.125</v>
      </c>
      <c r="PGD53" s="7">
        <f t="shared" si="719"/>
        <v>5103.125</v>
      </c>
      <c r="PGE53" s="7">
        <f t="shared" si="719"/>
        <v>5103.125</v>
      </c>
      <c r="PGF53" s="7">
        <f t="shared" si="719"/>
        <v>5103.125</v>
      </c>
      <c r="PGG53" s="7">
        <f t="shared" si="719"/>
        <v>5103.125</v>
      </c>
      <c r="PGH53" s="7">
        <f t="shared" si="719"/>
        <v>5103.125</v>
      </c>
      <c r="PGI53" s="7">
        <f t="shared" si="719"/>
        <v>5103.125</v>
      </c>
      <c r="PGJ53" s="7">
        <f t="shared" si="719"/>
        <v>5103.125</v>
      </c>
      <c r="PGK53" s="7">
        <f t="shared" si="719"/>
        <v>5103.125</v>
      </c>
      <c r="PGL53" s="7">
        <f t="shared" si="719"/>
        <v>5103.125</v>
      </c>
      <c r="PGM53" s="7">
        <f t="shared" si="719"/>
        <v>5103.125</v>
      </c>
      <c r="PGN53" s="7">
        <f t="shared" si="719"/>
        <v>5103.125</v>
      </c>
      <c r="PGO53" s="7">
        <f t="shared" si="719"/>
        <v>5103.125</v>
      </c>
      <c r="PGP53" s="7">
        <f t="shared" si="719"/>
        <v>5103.125</v>
      </c>
      <c r="PGQ53" s="7">
        <f t="shared" si="719"/>
        <v>5103.125</v>
      </c>
      <c r="PGR53" s="7">
        <f t="shared" si="719"/>
        <v>5103.125</v>
      </c>
      <c r="PGS53" s="7">
        <f t="shared" si="719"/>
        <v>5103.125</v>
      </c>
      <c r="PGT53" s="7">
        <f t="shared" ref="PGT53:PJE53" si="720">PGT48+PGS53</f>
        <v>5103.125</v>
      </c>
      <c r="PGU53" s="7">
        <f t="shared" si="720"/>
        <v>5103.125</v>
      </c>
      <c r="PGV53" s="7">
        <f t="shared" si="720"/>
        <v>5103.125</v>
      </c>
      <c r="PGW53" s="7">
        <f t="shared" si="720"/>
        <v>5103.125</v>
      </c>
      <c r="PGX53" s="7">
        <f t="shared" si="720"/>
        <v>5103.125</v>
      </c>
      <c r="PGY53" s="7">
        <f t="shared" si="720"/>
        <v>5103.125</v>
      </c>
      <c r="PGZ53" s="7">
        <f t="shared" si="720"/>
        <v>5103.125</v>
      </c>
      <c r="PHA53" s="7">
        <f t="shared" si="720"/>
        <v>5103.125</v>
      </c>
      <c r="PHB53" s="7">
        <f t="shared" si="720"/>
        <v>5103.125</v>
      </c>
      <c r="PHC53" s="7">
        <f t="shared" si="720"/>
        <v>5103.125</v>
      </c>
      <c r="PHD53" s="7">
        <f t="shared" si="720"/>
        <v>5103.125</v>
      </c>
      <c r="PHE53" s="7">
        <f t="shared" si="720"/>
        <v>5103.125</v>
      </c>
      <c r="PHF53" s="7">
        <f t="shared" si="720"/>
        <v>5103.125</v>
      </c>
      <c r="PHG53" s="7">
        <f t="shared" si="720"/>
        <v>5103.125</v>
      </c>
      <c r="PHH53" s="7">
        <f t="shared" si="720"/>
        <v>5103.125</v>
      </c>
      <c r="PHI53" s="7">
        <f t="shared" si="720"/>
        <v>5103.125</v>
      </c>
      <c r="PHJ53" s="7">
        <f t="shared" si="720"/>
        <v>5103.125</v>
      </c>
      <c r="PHK53" s="7">
        <f t="shared" si="720"/>
        <v>5103.125</v>
      </c>
      <c r="PHL53" s="7">
        <f t="shared" si="720"/>
        <v>5103.125</v>
      </c>
      <c r="PHM53" s="7">
        <f t="shared" si="720"/>
        <v>5103.125</v>
      </c>
      <c r="PHN53" s="7">
        <f t="shared" si="720"/>
        <v>5103.125</v>
      </c>
      <c r="PHO53" s="7">
        <f t="shared" si="720"/>
        <v>5103.125</v>
      </c>
      <c r="PHP53" s="7">
        <f t="shared" si="720"/>
        <v>5103.125</v>
      </c>
      <c r="PHQ53" s="7">
        <f t="shared" si="720"/>
        <v>5103.125</v>
      </c>
      <c r="PHR53" s="7">
        <f t="shared" si="720"/>
        <v>5103.125</v>
      </c>
      <c r="PHS53" s="7">
        <f t="shared" si="720"/>
        <v>5103.125</v>
      </c>
      <c r="PHT53" s="7">
        <f t="shared" si="720"/>
        <v>5103.125</v>
      </c>
      <c r="PHU53" s="7">
        <f t="shared" si="720"/>
        <v>5103.125</v>
      </c>
      <c r="PHV53" s="7">
        <f t="shared" si="720"/>
        <v>5103.125</v>
      </c>
      <c r="PHW53" s="7">
        <f t="shared" si="720"/>
        <v>5103.125</v>
      </c>
      <c r="PHX53" s="7">
        <f t="shared" si="720"/>
        <v>5103.125</v>
      </c>
      <c r="PHY53" s="7">
        <f t="shared" si="720"/>
        <v>5103.125</v>
      </c>
      <c r="PHZ53" s="7">
        <f t="shared" si="720"/>
        <v>5103.125</v>
      </c>
      <c r="PIA53" s="7">
        <f t="shared" si="720"/>
        <v>5103.125</v>
      </c>
      <c r="PIB53" s="7">
        <f t="shared" si="720"/>
        <v>5103.125</v>
      </c>
      <c r="PIC53" s="7">
        <f t="shared" si="720"/>
        <v>5103.125</v>
      </c>
      <c r="PID53" s="7">
        <f t="shared" si="720"/>
        <v>5103.125</v>
      </c>
      <c r="PIE53" s="7">
        <f t="shared" si="720"/>
        <v>5103.125</v>
      </c>
      <c r="PIF53" s="7">
        <f t="shared" si="720"/>
        <v>5103.125</v>
      </c>
      <c r="PIG53" s="7">
        <f t="shared" si="720"/>
        <v>5103.125</v>
      </c>
      <c r="PIH53" s="7">
        <f t="shared" si="720"/>
        <v>5103.125</v>
      </c>
      <c r="PII53" s="7">
        <f t="shared" si="720"/>
        <v>5103.125</v>
      </c>
      <c r="PIJ53" s="7">
        <f t="shared" si="720"/>
        <v>5103.125</v>
      </c>
      <c r="PIK53" s="7">
        <f t="shared" si="720"/>
        <v>5103.125</v>
      </c>
      <c r="PIL53" s="7">
        <f t="shared" si="720"/>
        <v>5103.125</v>
      </c>
      <c r="PIM53" s="7">
        <f t="shared" si="720"/>
        <v>5103.125</v>
      </c>
      <c r="PIN53" s="7">
        <f t="shared" si="720"/>
        <v>5103.125</v>
      </c>
      <c r="PIO53" s="7">
        <f t="shared" si="720"/>
        <v>5103.125</v>
      </c>
      <c r="PIP53" s="7">
        <f t="shared" si="720"/>
        <v>5103.125</v>
      </c>
      <c r="PIQ53" s="7">
        <f t="shared" si="720"/>
        <v>5103.125</v>
      </c>
      <c r="PIR53" s="7">
        <f t="shared" si="720"/>
        <v>5103.125</v>
      </c>
      <c r="PIS53" s="7">
        <f t="shared" si="720"/>
        <v>5103.125</v>
      </c>
      <c r="PIT53" s="7">
        <f t="shared" si="720"/>
        <v>5103.125</v>
      </c>
      <c r="PIU53" s="7">
        <f t="shared" si="720"/>
        <v>5103.125</v>
      </c>
      <c r="PIV53" s="7">
        <f t="shared" si="720"/>
        <v>5103.125</v>
      </c>
      <c r="PIW53" s="7">
        <f t="shared" si="720"/>
        <v>5103.125</v>
      </c>
      <c r="PIX53" s="7">
        <f t="shared" si="720"/>
        <v>5103.125</v>
      </c>
      <c r="PIY53" s="7">
        <f t="shared" si="720"/>
        <v>5103.125</v>
      </c>
      <c r="PIZ53" s="7">
        <f t="shared" si="720"/>
        <v>5103.125</v>
      </c>
      <c r="PJA53" s="7">
        <f t="shared" si="720"/>
        <v>5103.125</v>
      </c>
      <c r="PJB53" s="7">
        <f t="shared" si="720"/>
        <v>5103.125</v>
      </c>
      <c r="PJC53" s="7">
        <f t="shared" si="720"/>
        <v>5103.125</v>
      </c>
      <c r="PJD53" s="7">
        <f t="shared" si="720"/>
        <v>5103.125</v>
      </c>
      <c r="PJE53" s="7">
        <f t="shared" si="720"/>
        <v>5103.125</v>
      </c>
      <c r="PJF53" s="7">
        <f t="shared" ref="PJF53:PLQ53" si="721">PJF48+PJE53</f>
        <v>5103.125</v>
      </c>
      <c r="PJG53" s="7">
        <f t="shared" si="721"/>
        <v>5103.125</v>
      </c>
      <c r="PJH53" s="7">
        <f t="shared" si="721"/>
        <v>5103.125</v>
      </c>
      <c r="PJI53" s="7">
        <f t="shared" si="721"/>
        <v>5103.125</v>
      </c>
      <c r="PJJ53" s="7">
        <f t="shared" si="721"/>
        <v>5103.125</v>
      </c>
      <c r="PJK53" s="7">
        <f t="shared" si="721"/>
        <v>5103.125</v>
      </c>
      <c r="PJL53" s="7">
        <f t="shared" si="721"/>
        <v>5103.125</v>
      </c>
      <c r="PJM53" s="7">
        <f t="shared" si="721"/>
        <v>5103.125</v>
      </c>
      <c r="PJN53" s="7">
        <f t="shared" si="721"/>
        <v>5103.125</v>
      </c>
      <c r="PJO53" s="7">
        <f t="shared" si="721"/>
        <v>5103.125</v>
      </c>
      <c r="PJP53" s="7">
        <f t="shared" si="721"/>
        <v>5103.125</v>
      </c>
      <c r="PJQ53" s="7">
        <f t="shared" si="721"/>
        <v>5103.125</v>
      </c>
      <c r="PJR53" s="7">
        <f t="shared" si="721"/>
        <v>5103.125</v>
      </c>
      <c r="PJS53" s="7">
        <f t="shared" si="721"/>
        <v>5103.125</v>
      </c>
      <c r="PJT53" s="7">
        <f t="shared" si="721"/>
        <v>5103.125</v>
      </c>
      <c r="PJU53" s="7">
        <f t="shared" si="721"/>
        <v>5103.125</v>
      </c>
      <c r="PJV53" s="7">
        <f t="shared" si="721"/>
        <v>5103.125</v>
      </c>
      <c r="PJW53" s="7">
        <f t="shared" si="721"/>
        <v>5103.125</v>
      </c>
      <c r="PJX53" s="7">
        <f t="shared" si="721"/>
        <v>5103.125</v>
      </c>
      <c r="PJY53" s="7">
        <f t="shared" si="721"/>
        <v>5103.125</v>
      </c>
      <c r="PJZ53" s="7">
        <f t="shared" si="721"/>
        <v>5103.125</v>
      </c>
      <c r="PKA53" s="7">
        <f t="shared" si="721"/>
        <v>5103.125</v>
      </c>
      <c r="PKB53" s="7">
        <f t="shared" si="721"/>
        <v>5103.125</v>
      </c>
      <c r="PKC53" s="7">
        <f t="shared" si="721"/>
        <v>5103.125</v>
      </c>
      <c r="PKD53" s="7">
        <f t="shared" si="721"/>
        <v>5103.125</v>
      </c>
      <c r="PKE53" s="7">
        <f t="shared" si="721"/>
        <v>5103.125</v>
      </c>
      <c r="PKF53" s="7">
        <f t="shared" si="721"/>
        <v>5103.125</v>
      </c>
      <c r="PKG53" s="7">
        <f t="shared" si="721"/>
        <v>5103.125</v>
      </c>
      <c r="PKH53" s="7">
        <f t="shared" si="721"/>
        <v>5103.125</v>
      </c>
      <c r="PKI53" s="7">
        <f t="shared" si="721"/>
        <v>5103.125</v>
      </c>
      <c r="PKJ53" s="7">
        <f t="shared" si="721"/>
        <v>5103.125</v>
      </c>
      <c r="PKK53" s="7">
        <f t="shared" si="721"/>
        <v>5103.125</v>
      </c>
      <c r="PKL53" s="7">
        <f t="shared" si="721"/>
        <v>5103.125</v>
      </c>
      <c r="PKM53" s="7">
        <f t="shared" si="721"/>
        <v>5103.125</v>
      </c>
      <c r="PKN53" s="7">
        <f t="shared" si="721"/>
        <v>5103.125</v>
      </c>
      <c r="PKO53" s="7">
        <f t="shared" si="721"/>
        <v>5103.125</v>
      </c>
      <c r="PKP53" s="7">
        <f t="shared" si="721"/>
        <v>5103.125</v>
      </c>
      <c r="PKQ53" s="7">
        <f t="shared" si="721"/>
        <v>5103.125</v>
      </c>
      <c r="PKR53" s="7">
        <f t="shared" si="721"/>
        <v>5103.125</v>
      </c>
      <c r="PKS53" s="7">
        <f t="shared" si="721"/>
        <v>5103.125</v>
      </c>
      <c r="PKT53" s="7">
        <f t="shared" si="721"/>
        <v>5103.125</v>
      </c>
      <c r="PKU53" s="7">
        <f t="shared" si="721"/>
        <v>5103.125</v>
      </c>
      <c r="PKV53" s="7">
        <f t="shared" si="721"/>
        <v>5103.125</v>
      </c>
      <c r="PKW53" s="7">
        <f t="shared" si="721"/>
        <v>5103.125</v>
      </c>
      <c r="PKX53" s="7">
        <f t="shared" si="721"/>
        <v>5103.125</v>
      </c>
      <c r="PKY53" s="7">
        <f t="shared" si="721"/>
        <v>5103.125</v>
      </c>
      <c r="PKZ53" s="7">
        <f t="shared" si="721"/>
        <v>5103.125</v>
      </c>
      <c r="PLA53" s="7">
        <f t="shared" si="721"/>
        <v>5103.125</v>
      </c>
      <c r="PLB53" s="7">
        <f t="shared" si="721"/>
        <v>5103.125</v>
      </c>
      <c r="PLC53" s="7">
        <f t="shared" si="721"/>
        <v>5103.125</v>
      </c>
      <c r="PLD53" s="7">
        <f t="shared" si="721"/>
        <v>5103.125</v>
      </c>
      <c r="PLE53" s="7">
        <f t="shared" si="721"/>
        <v>5103.125</v>
      </c>
      <c r="PLF53" s="7">
        <f t="shared" si="721"/>
        <v>5103.125</v>
      </c>
      <c r="PLG53" s="7">
        <f t="shared" si="721"/>
        <v>5103.125</v>
      </c>
      <c r="PLH53" s="7">
        <f t="shared" si="721"/>
        <v>5103.125</v>
      </c>
      <c r="PLI53" s="7">
        <f t="shared" si="721"/>
        <v>5103.125</v>
      </c>
      <c r="PLJ53" s="7">
        <f t="shared" si="721"/>
        <v>5103.125</v>
      </c>
      <c r="PLK53" s="7">
        <f t="shared" si="721"/>
        <v>5103.125</v>
      </c>
      <c r="PLL53" s="7">
        <f t="shared" si="721"/>
        <v>5103.125</v>
      </c>
      <c r="PLM53" s="7">
        <f t="shared" si="721"/>
        <v>5103.125</v>
      </c>
      <c r="PLN53" s="7">
        <f t="shared" si="721"/>
        <v>5103.125</v>
      </c>
      <c r="PLO53" s="7">
        <f t="shared" si="721"/>
        <v>5103.125</v>
      </c>
      <c r="PLP53" s="7">
        <f t="shared" si="721"/>
        <v>5103.125</v>
      </c>
      <c r="PLQ53" s="7">
        <f t="shared" si="721"/>
        <v>5103.125</v>
      </c>
      <c r="PLR53" s="7">
        <f t="shared" ref="PLR53:POC53" si="722">PLR48+PLQ53</f>
        <v>5103.125</v>
      </c>
      <c r="PLS53" s="7">
        <f t="shared" si="722"/>
        <v>5103.125</v>
      </c>
      <c r="PLT53" s="7">
        <f t="shared" si="722"/>
        <v>5103.125</v>
      </c>
      <c r="PLU53" s="7">
        <f t="shared" si="722"/>
        <v>5103.125</v>
      </c>
      <c r="PLV53" s="7">
        <f t="shared" si="722"/>
        <v>5103.125</v>
      </c>
      <c r="PLW53" s="7">
        <f t="shared" si="722"/>
        <v>5103.125</v>
      </c>
      <c r="PLX53" s="7">
        <f t="shared" si="722"/>
        <v>5103.125</v>
      </c>
      <c r="PLY53" s="7">
        <f t="shared" si="722"/>
        <v>5103.125</v>
      </c>
      <c r="PLZ53" s="7">
        <f t="shared" si="722"/>
        <v>5103.125</v>
      </c>
      <c r="PMA53" s="7">
        <f t="shared" si="722"/>
        <v>5103.125</v>
      </c>
      <c r="PMB53" s="7">
        <f t="shared" si="722"/>
        <v>5103.125</v>
      </c>
      <c r="PMC53" s="7">
        <f t="shared" si="722"/>
        <v>5103.125</v>
      </c>
      <c r="PMD53" s="7">
        <f t="shared" si="722"/>
        <v>5103.125</v>
      </c>
      <c r="PME53" s="7">
        <f t="shared" si="722"/>
        <v>5103.125</v>
      </c>
      <c r="PMF53" s="7">
        <f t="shared" si="722"/>
        <v>5103.125</v>
      </c>
      <c r="PMG53" s="7">
        <f t="shared" si="722"/>
        <v>5103.125</v>
      </c>
      <c r="PMH53" s="7">
        <f t="shared" si="722"/>
        <v>5103.125</v>
      </c>
      <c r="PMI53" s="7">
        <f t="shared" si="722"/>
        <v>5103.125</v>
      </c>
      <c r="PMJ53" s="7">
        <f t="shared" si="722"/>
        <v>5103.125</v>
      </c>
      <c r="PMK53" s="7">
        <f t="shared" si="722"/>
        <v>5103.125</v>
      </c>
      <c r="PML53" s="7">
        <f t="shared" si="722"/>
        <v>5103.125</v>
      </c>
      <c r="PMM53" s="7">
        <f t="shared" si="722"/>
        <v>5103.125</v>
      </c>
      <c r="PMN53" s="7">
        <f t="shared" si="722"/>
        <v>5103.125</v>
      </c>
      <c r="PMO53" s="7">
        <f t="shared" si="722"/>
        <v>5103.125</v>
      </c>
      <c r="PMP53" s="7">
        <f t="shared" si="722"/>
        <v>5103.125</v>
      </c>
      <c r="PMQ53" s="7">
        <f t="shared" si="722"/>
        <v>5103.125</v>
      </c>
      <c r="PMR53" s="7">
        <f t="shared" si="722"/>
        <v>5103.125</v>
      </c>
      <c r="PMS53" s="7">
        <f t="shared" si="722"/>
        <v>5103.125</v>
      </c>
      <c r="PMT53" s="7">
        <f t="shared" si="722"/>
        <v>5103.125</v>
      </c>
      <c r="PMU53" s="7">
        <f t="shared" si="722"/>
        <v>5103.125</v>
      </c>
      <c r="PMV53" s="7">
        <f t="shared" si="722"/>
        <v>5103.125</v>
      </c>
      <c r="PMW53" s="7">
        <f t="shared" si="722"/>
        <v>5103.125</v>
      </c>
      <c r="PMX53" s="7">
        <f t="shared" si="722"/>
        <v>5103.125</v>
      </c>
      <c r="PMY53" s="7">
        <f t="shared" si="722"/>
        <v>5103.125</v>
      </c>
      <c r="PMZ53" s="7">
        <f t="shared" si="722"/>
        <v>5103.125</v>
      </c>
      <c r="PNA53" s="7">
        <f t="shared" si="722"/>
        <v>5103.125</v>
      </c>
      <c r="PNB53" s="7">
        <f t="shared" si="722"/>
        <v>5103.125</v>
      </c>
      <c r="PNC53" s="7">
        <f t="shared" si="722"/>
        <v>5103.125</v>
      </c>
      <c r="PND53" s="7">
        <f t="shared" si="722"/>
        <v>5103.125</v>
      </c>
      <c r="PNE53" s="7">
        <f t="shared" si="722"/>
        <v>5103.125</v>
      </c>
      <c r="PNF53" s="7">
        <f t="shared" si="722"/>
        <v>5103.125</v>
      </c>
      <c r="PNG53" s="7">
        <f t="shared" si="722"/>
        <v>5103.125</v>
      </c>
      <c r="PNH53" s="7">
        <f t="shared" si="722"/>
        <v>5103.125</v>
      </c>
      <c r="PNI53" s="7">
        <f t="shared" si="722"/>
        <v>5103.125</v>
      </c>
      <c r="PNJ53" s="7">
        <f t="shared" si="722"/>
        <v>5103.125</v>
      </c>
      <c r="PNK53" s="7">
        <f t="shared" si="722"/>
        <v>5103.125</v>
      </c>
      <c r="PNL53" s="7">
        <f t="shared" si="722"/>
        <v>5103.125</v>
      </c>
      <c r="PNM53" s="7">
        <f t="shared" si="722"/>
        <v>5103.125</v>
      </c>
      <c r="PNN53" s="7">
        <f t="shared" si="722"/>
        <v>5103.125</v>
      </c>
      <c r="PNO53" s="7">
        <f t="shared" si="722"/>
        <v>5103.125</v>
      </c>
      <c r="PNP53" s="7">
        <f t="shared" si="722"/>
        <v>5103.125</v>
      </c>
      <c r="PNQ53" s="7">
        <f t="shared" si="722"/>
        <v>5103.125</v>
      </c>
      <c r="PNR53" s="7">
        <f t="shared" si="722"/>
        <v>5103.125</v>
      </c>
      <c r="PNS53" s="7">
        <f t="shared" si="722"/>
        <v>5103.125</v>
      </c>
      <c r="PNT53" s="7">
        <f t="shared" si="722"/>
        <v>5103.125</v>
      </c>
      <c r="PNU53" s="7">
        <f t="shared" si="722"/>
        <v>5103.125</v>
      </c>
      <c r="PNV53" s="7">
        <f t="shared" si="722"/>
        <v>5103.125</v>
      </c>
      <c r="PNW53" s="7">
        <f t="shared" si="722"/>
        <v>5103.125</v>
      </c>
      <c r="PNX53" s="7">
        <f t="shared" si="722"/>
        <v>5103.125</v>
      </c>
      <c r="PNY53" s="7">
        <f t="shared" si="722"/>
        <v>5103.125</v>
      </c>
      <c r="PNZ53" s="7">
        <f t="shared" si="722"/>
        <v>5103.125</v>
      </c>
      <c r="POA53" s="7">
        <f t="shared" si="722"/>
        <v>5103.125</v>
      </c>
      <c r="POB53" s="7">
        <f t="shared" si="722"/>
        <v>5103.125</v>
      </c>
      <c r="POC53" s="7">
        <f t="shared" si="722"/>
        <v>5103.125</v>
      </c>
      <c r="POD53" s="7">
        <f t="shared" ref="POD53:PQO53" si="723">POD48+POC53</f>
        <v>5103.125</v>
      </c>
      <c r="POE53" s="7">
        <f t="shared" si="723"/>
        <v>5103.125</v>
      </c>
      <c r="POF53" s="7">
        <f t="shared" si="723"/>
        <v>5103.125</v>
      </c>
      <c r="POG53" s="7">
        <f t="shared" si="723"/>
        <v>5103.125</v>
      </c>
      <c r="POH53" s="7">
        <f t="shared" si="723"/>
        <v>5103.125</v>
      </c>
      <c r="POI53" s="7">
        <f t="shared" si="723"/>
        <v>5103.125</v>
      </c>
      <c r="POJ53" s="7">
        <f t="shared" si="723"/>
        <v>5103.125</v>
      </c>
      <c r="POK53" s="7">
        <f t="shared" si="723"/>
        <v>5103.125</v>
      </c>
      <c r="POL53" s="7">
        <f t="shared" si="723"/>
        <v>5103.125</v>
      </c>
      <c r="POM53" s="7">
        <f t="shared" si="723"/>
        <v>5103.125</v>
      </c>
      <c r="PON53" s="7">
        <f t="shared" si="723"/>
        <v>5103.125</v>
      </c>
      <c r="POO53" s="7">
        <f t="shared" si="723"/>
        <v>5103.125</v>
      </c>
      <c r="POP53" s="7">
        <f t="shared" si="723"/>
        <v>5103.125</v>
      </c>
      <c r="POQ53" s="7">
        <f t="shared" si="723"/>
        <v>5103.125</v>
      </c>
      <c r="POR53" s="7">
        <f t="shared" si="723"/>
        <v>5103.125</v>
      </c>
      <c r="POS53" s="7">
        <f t="shared" si="723"/>
        <v>5103.125</v>
      </c>
      <c r="POT53" s="7">
        <f t="shared" si="723"/>
        <v>5103.125</v>
      </c>
      <c r="POU53" s="7">
        <f t="shared" si="723"/>
        <v>5103.125</v>
      </c>
      <c r="POV53" s="7">
        <f t="shared" si="723"/>
        <v>5103.125</v>
      </c>
      <c r="POW53" s="7">
        <f t="shared" si="723"/>
        <v>5103.125</v>
      </c>
      <c r="POX53" s="7">
        <f t="shared" si="723"/>
        <v>5103.125</v>
      </c>
      <c r="POY53" s="7">
        <f t="shared" si="723"/>
        <v>5103.125</v>
      </c>
      <c r="POZ53" s="7">
        <f t="shared" si="723"/>
        <v>5103.125</v>
      </c>
      <c r="PPA53" s="7">
        <f t="shared" si="723"/>
        <v>5103.125</v>
      </c>
      <c r="PPB53" s="7">
        <f t="shared" si="723"/>
        <v>5103.125</v>
      </c>
      <c r="PPC53" s="7">
        <f t="shared" si="723"/>
        <v>5103.125</v>
      </c>
      <c r="PPD53" s="7">
        <f t="shared" si="723"/>
        <v>5103.125</v>
      </c>
      <c r="PPE53" s="7">
        <f t="shared" si="723"/>
        <v>5103.125</v>
      </c>
      <c r="PPF53" s="7">
        <f t="shared" si="723"/>
        <v>5103.125</v>
      </c>
      <c r="PPG53" s="7">
        <f t="shared" si="723"/>
        <v>5103.125</v>
      </c>
      <c r="PPH53" s="7">
        <f t="shared" si="723"/>
        <v>5103.125</v>
      </c>
      <c r="PPI53" s="7">
        <f t="shared" si="723"/>
        <v>5103.125</v>
      </c>
      <c r="PPJ53" s="7">
        <f t="shared" si="723"/>
        <v>5103.125</v>
      </c>
      <c r="PPK53" s="7">
        <f t="shared" si="723"/>
        <v>5103.125</v>
      </c>
      <c r="PPL53" s="7">
        <f t="shared" si="723"/>
        <v>5103.125</v>
      </c>
      <c r="PPM53" s="7">
        <f t="shared" si="723"/>
        <v>5103.125</v>
      </c>
      <c r="PPN53" s="7">
        <f t="shared" si="723"/>
        <v>5103.125</v>
      </c>
      <c r="PPO53" s="7">
        <f t="shared" si="723"/>
        <v>5103.125</v>
      </c>
      <c r="PPP53" s="7">
        <f t="shared" si="723"/>
        <v>5103.125</v>
      </c>
      <c r="PPQ53" s="7">
        <f t="shared" si="723"/>
        <v>5103.125</v>
      </c>
      <c r="PPR53" s="7">
        <f t="shared" si="723"/>
        <v>5103.125</v>
      </c>
      <c r="PPS53" s="7">
        <f t="shared" si="723"/>
        <v>5103.125</v>
      </c>
      <c r="PPT53" s="7">
        <f t="shared" si="723"/>
        <v>5103.125</v>
      </c>
      <c r="PPU53" s="7">
        <f t="shared" si="723"/>
        <v>5103.125</v>
      </c>
      <c r="PPV53" s="7">
        <f t="shared" si="723"/>
        <v>5103.125</v>
      </c>
      <c r="PPW53" s="7">
        <f t="shared" si="723"/>
        <v>5103.125</v>
      </c>
      <c r="PPX53" s="7">
        <f t="shared" si="723"/>
        <v>5103.125</v>
      </c>
      <c r="PPY53" s="7">
        <f t="shared" si="723"/>
        <v>5103.125</v>
      </c>
      <c r="PPZ53" s="7">
        <f t="shared" si="723"/>
        <v>5103.125</v>
      </c>
      <c r="PQA53" s="7">
        <f t="shared" si="723"/>
        <v>5103.125</v>
      </c>
      <c r="PQB53" s="7">
        <f t="shared" si="723"/>
        <v>5103.125</v>
      </c>
      <c r="PQC53" s="7">
        <f t="shared" si="723"/>
        <v>5103.125</v>
      </c>
      <c r="PQD53" s="7">
        <f t="shared" si="723"/>
        <v>5103.125</v>
      </c>
      <c r="PQE53" s="7">
        <f t="shared" si="723"/>
        <v>5103.125</v>
      </c>
      <c r="PQF53" s="7">
        <f t="shared" si="723"/>
        <v>5103.125</v>
      </c>
      <c r="PQG53" s="7">
        <f t="shared" si="723"/>
        <v>5103.125</v>
      </c>
      <c r="PQH53" s="7">
        <f t="shared" si="723"/>
        <v>5103.125</v>
      </c>
      <c r="PQI53" s="7">
        <f t="shared" si="723"/>
        <v>5103.125</v>
      </c>
      <c r="PQJ53" s="7">
        <f t="shared" si="723"/>
        <v>5103.125</v>
      </c>
      <c r="PQK53" s="7">
        <f t="shared" si="723"/>
        <v>5103.125</v>
      </c>
      <c r="PQL53" s="7">
        <f t="shared" si="723"/>
        <v>5103.125</v>
      </c>
      <c r="PQM53" s="7">
        <f t="shared" si="723"/>
        <v>5103.125</v>
      </c>
      <c r="PQN53" s="7">
        <f t="shared" si="723"/>
        <v>5103.125</v>
      </c>
      <c r="PQO53" s="7">
        <f t="shared" si="723"/>
        <v>5103.125</v>
      </c>
      <c r="PQP53" s="7">
        <f t="shared" ref="PQP53:PTA53" si="724">PQP48+PQO53</f>
        <v>5103.125</v>
      </c>
      <c r="PQQ53" s="7">
        <f t="shared" si="724"/>
        <v>5103.125</v>
      </c>
      <c r="PQR53" s="7">
        <f t="shared" si="724"/>
        <v>5103.125</v>
      </c>
      <c r="PQS53" s="7">
        <f t="shared" si="724"/>
        <v>5103.125</v>
      </c>
      <c r="PQT53" s="7">
        <f t="shared" si="724"/>
        <v>5103.125</v>
      </c>
      <c r="PQU53" s="7">
        <f t="shared" si="724"/>
        <v>5103.125</v>
      </c>
      <c r="PQV53" s="7">
        <f t="shared" si="724"/>
        <v>5103.125</v>
      </c>
      <c r="PQW53" s="7">
        <f t="shared" si="724"/>
        <v>5103.125</v>
      </c>
      <c r="PQX53" s="7">
        <f t="shared" si="724"/>
        <v>5103.125</v>
      </c>
      <c r="PQY53" s="7">
        <f t="shared" si="724"/>
        <v>5103.125</v>
      </c>
      <c r="PQZ53" s="7">
        <f t="shared" si="724"/>
        <v>5103.125</v>
      </c>
      <c r="PRA53" s="7">
        <f t="shared" si="724"/>
        <v>5103.125</v>
      </c>
      <c r="PRB53" s="7">
        <f t="shared" si="724"/>
        <v>5103.125</v>
      </c>
      <c r="PRC53" s="7">
        <f t="shared" si="724"/>
        <v>5103.125</v>
      </c>
      <c r="PRD53" s="7">
        <f t="shared" si="724"/>
        <v>5103.125</v>
      </c>
      <c r="PRE53" s="7">
        <f t="shared" si="724"/>
        <v>5103.125</v>
      </c>
      <c r="PRF53" s="7">
        <f t="shared" si="724"/>
        <v>5103.125</v>
      </c>
      <c r="PRG53" s="7">
        <f t="shared" si="724"/>
        <v>5103.125</v>
      </c>
      <c r="PRH53" s="7">
        <f t="shared" si="724"/>
        <v>5103.125</v>
      </c>
      <c r="PRI53" s="7">
        <f t="shared" si="724"/>
        <v>5103.125</v>
      </c>
      <c r="PRJ53" s="7">
        <f t="shared" si="724"/>
        <v>5103.125</v>
      </c>
      <c r="PRK53" s="7">
        <f t="shared" si="724"/>
        <v>5103.125</v>
      </c>
      <c r="PRL53" s="7">
        <f t="shared" si="724"/>
        <v>5103.125</v>
      </c>
      <c r="PRM53" s="7">
        <f t="shared" si="724"/>
        <v>5103.125</v>
      </c>
      <c r="PRN53" s="7">
        <f t="shared" si="724"/>
        <v>5103.125</v>
      </c>
      <c r="PRO53" s="7">
        <f t="shared" si="724"/>
        <v>5103.125</v>
      </c>
      <c r="PRP53" s="7">
        <f t="shared" si="724"/>
        <v>5103.125</v>
      </c>
      <c r="PRQ53" s="7">
        <f t="shared" si="724"/>
        <v>5103.125</v>
      </c>
      <c r="PRR53" s="7">
        <f t="shared" si="724"/>
        <v>5103.125</v>
      </c>
      <c r="PRS53" s="7">
        <f t="shared" si="724"/>
        <v>5103.125</v>
      </c>
      <c r="PRT53" s="7">
        <f t="shared" si="724"/>
        <v>5103.125</v>
      </c>
      <c r="PRU53" s="7">
        <f t="shared" si="724"/>
        <v>5103.125</v>
      </c>
      <c r="PRV53" s="7">
        <f t="shared" si="724"/>
        <v>5103.125</v>
      </c>
      <c r="PRW53" s="7">
        <f t="shared" si="724"/>
        <v>5103.125</v>
      </c>
      <c r="PRX53" s="7">
        <f t="shared" si="724"/>
        <v>5103.125</v>
      </c>
      <c r="PRY53" s="7">
        <f t="shared" si="724"/>
        <v>5103.125</v>
      </c>
      <c r="PRZ53" s="7">
        <f t="shared" si="724"/>
        <v>5103.125</v>
      </c>
      <c r="PSA53" s="7">
        <f t="shared" si="724"/>
        <v>5103.125</v>
      </c>
      <c r="PSB53" s="7">
        <f t="shared" si="724"/>
        <v>5103.125</v>
      </c>
      <c r="PSC53" s="7">
        <f t="shared" si="724"/>
        <v>5103.125</v>
      </c>
      <c r="PSD53" s="7">
        <f t="shared" si="724"/>
        <v>5103.125</v>
      </c>
      <c r="PSE53" s="7">
        <f t="shared" si="724"/>
        <v>5103.125</v>
      </c>
      <c r="PSF53" s="7">
        <f t="shared" si="724"/>
        <v>5103.125</v>
      </c>
      <c r="PSG53" s="7">
        <f t="shared" si="724"/>
        <v>5103.125</v>
      </c>
      <c r="PSH53" s="7">
        <f t="shared" si="724"/>
        <v>5103.125</v>
      </c>
      <c r="PSI53" s="7">
        <f t="shared" si="724"/>
        <v>5103.125</v>
      </c>
      <c r="PSJ53" s="7">
        <f t="shared" si="724"/>
        <v>5103.125</v>
      </c>
      <c r="PSK53" s="7">
        <f t="shared" si="724"/>
        <v>5103.125</v>
      </c>
      <c r="PSL53" s="7">
        <f t="shared" si="724"/>
        <v>5103.125</v>
      </c>
      <c r="PSM53" s="7">
        <f t="shared" si="724"/>
        <v>5103.125</v>
      </c>
      <c r="PSN53" s="7">
        <f t="shared" si="724"/>
        <v>5103.125</v>
      </c>
      <c r="PSO53" s="7">
        <f t="shared" si="724"/>
        <v>5103.125</v>
      </c>
      <c r="PSP53" s="7">
        <f t="shared" si="724"/>
        <v>5103.125</v>
      </c>
      <c r="PSQ53" s="7">
        <f t="shared" si="724"/>
        <v>5103.125</v>
      </c>
      <c r="PSR53" s="7">
        <f t="shared" si="724"/>
        <v>5103.125</v>
      </c>
      <c r="PSS53" s="7">
        <f t="shared" si="724"/>
        <v>5103.125</v>
      </c>
      <c r="PST53" s="7">
        <f t="shared" si="724"/>
        <v>5103.125</v>
      </c>
      <c r="PSU53" s="7">
        <f t="shared" si="724"/>
        <v>5103.125</v>
      </c>
      <c r="PSV53" s="7">
        <f t="shared" si="724"/>
        <v>5103.125</v>
      </c>
      <c r="PSW53" s="7">
        <f t="shared" si="724"/>
        <v>5103.125</v>
      </c>
      <c r="PSX53" s="7">
        <f t="shared" si="724"/>
        <v>5103.125</v>
      </c>
      <c r="PSY53" s="7">
        <f t="shared" si="724"/>
        <v>5103.125</v>
      </c>
      <c r="PSZ53" s="7">
        <f t="shared" si="724"/>
        <v>5103.125</v>
      </c>
      <c r="PTA53" s="7">
        <f t="shared" si="724"/>
        <v>5103.125</v>
      </c>
      <c r="PTB53" s="7">
        <f t="shared" ref="PTB53:PVM53" si="725">PTB48+PTA53</f>
        <v>5103.125</v>
      </c>
      <c r="PTC53" s="7">
        <f t="shared" si="725"/>
        <v>5103.125</v>
      </c>
      <c r="PTD53" s="7">
        <f t="shared" si="725"/>
        <v>5103.125</v>
      </c>
      <c r="PTE53" s="7">
        <f t="shared" si="725"/>
        <v>5103.125</v>
      </c>
      <c r="PTF53" s="7">
        <f t="shared" si="725"/>
        <v>5103.125</v>
      </c>
      <c r="PTG53" s="7">
        <f t="shared" si="725"/>
        <v>5103.125</v>
      </c>
      <c r="PTH53" s="7">
        <f t="shared" si="725"/>
        <v>5103.125</v>
      </c>
      <c r="PTI53" s="7">
        <f t="shared" si="725"/>
        <v>5103.125</v>
      </c>
      <c r="PTJ53" s="7">
        <f t="shared" si="725"/>
        <v>5103.125</v>
      </c>
      <c r="PTK53" s="7">
        <f t="shared" si="725"/>
        <v>5103.125</v>
      </c>
      <c r="PTL53" s="7">
        <f t="shared" si="725"/>
        <v>5103.125</v>
      </c>
      <c r="PTM53" s="7">
        <f t="shared" si="725"/>
        <v>5103.125</v>
      </c>
      <c r="PTN53" s="7">
        <f t="shared" si="725"/>
        <v>5103.125</v>
      </c>
      <c r="PTO53" s="7">
        <f t="shared" si="725"/>
        <v>5103.125</v>
      </c>
      <c r="PTP53" s="7">
        <f t="shared" si="725"/>
        <v>5103.125</v>
      </c>
      <c r="PTQ53" s="7">
        <f t="shared" si="725"/>
        <v>5103.125</v>
      </c>
      <c r="PTR53" s="7">
        <f t="shared" si="725"/>
        <v>5103.125</v>
      </c>
      <c r="PTS53" s="7">
        <f t="shared" si="725"/>
        <v>5103.125</v>
      </c>
      <c r="PTT53" s="7">
        <f t="shared" si="725"/>
        <v>5103.125</v>
      </c>
      <c r="PTU53" s="7">
        <f t="shared" si="725"/>
        <v>5103.125</v>
      </c>
      <c r="PTV53" s="7">
        <f t="shared" si="725"/>
        <v>5103.125</v>
      </c>
      <c r="PTW53" s="7">
        <f t="shared" si="725"/>
        <v>5103.125</v>
      </c>
      <c r="PTX53" s="7">
        <f t="shared" si="725"/>
        <v>5103.125</v>
      </c>
      <c r="PTY53" s="7">
        <f t="shared" si="725"/>
        <v>5103.125</v>
      </c>
      <c r="PTZ53" s="7">
        <f t="shared" si="725"/>
        <v>5103.125</v>
      </c>
      <c r="PUA53" s="7">
        <f t="shared" si="725"/>
        <v>5103.125</v>
      </c>
      <c r="PUB53" s="7">
        <f t="shared" si="725"/>
        <v>5103.125</v>
      </c>
      <c r="PUC53" s="7">
        <f t="shared" si="725"/>
        <v>5103.125</v>
      </c>
      <c r="PUD53" s="7">
        <f t="shared" si="725"/>
        <v>5103.125</v>
      </c>
      <c r="PUE53" s="7">
        <f t="shared" si="725"/>
        <v>5103.125</v>
      </c>
      <c r="PUF53" s="7">
        <f t="shared" si="725"/>
        <v>5103.125</v>
      </c>
      <c r="PUG53" s="7">
        <f t="shared" si="725"/>
        <v>5103.125</v>
      </c>
      <c r="PUH53" s="7">
        <f t="shared" si="725"/>
        <v>5103.125</v>
      </c>
      <c r="PUI53" s="7">
        <f t="shared" si="725"/>
        <v>5103.125</v>
      </c>
      <c r="PUJ53" s="7">
        <f t="shared" si="725"/>
        <v>5103.125</v>
      </c>
      <c r="PUK53" s="7">
        <f t="shared" si="725"/>
        <v>5103.125</v>
      </c>
      <c r="PUL53" s="7">
        <f t="shared" si="725"/>
        <v>5103.125</v>
      </c>
      <c r="PUM53" s="7">
        <f t="shared" si="725"/>
        <v>5103.125</v>
      </c>
      <c r="PUN53" s="7">
        <f t="shared" si="725"/>
        <v>5103.125</v>
      </c>
      <c r="PUO53" s="7">
        <f t="shared" si="725"/>
        <v>5103.125</v>
      </c>
      <c r="PUP53" s="7">
        <f t="shared" si="725"/>
        <v>5103.125</v>
      </c>
      <c r="PUQ53" s="7">
        <f t="shared" si="725"/>
        <v>5103.125</v>
      </c>
      <c r="PUR53" s="7">
        <f t="shared" si="725"/>
        <v>5103.125</v>
      </c>
      <c r="PUS53" s="7">
        <f t="shared" si="725"/>
        <v>5103.125</v>
      </c>
      <c r="PUT53" s="7">
        <f t="shared" si="725"/>
        <v>5103.125</v>
      </c>
      <c r="PUU53" s="7">
        <f t="shared" si="725"/>
        <v>5103.125</v>
      </c>
      <c r="PUV53" s="7">
        <f t="shared" si="725"/>
        <v>5103.125</v>
      </c>
      <c r="PUW53" s="7">
        <f t="shared" si="725"/>
        <v>5103.125</v>
      </c>
      <c r="PUX53" s="7">
        <f t="shared" si="725"/>
        <v>5103.125</v>
      </c>
      <c r="PUY53" s="7">
        <f t="shared" si="725"/>
        <v>5103.125</v>
      </c>
      <c r="PUZ53" s="7">
        <f t="shared" si="725"/>
        <v>5103.125</v>
      </c>
      <c r="PVA53" s="7">
        <f t="shared" si="725"/>
        <v>5103.125</v>
      </c>
      <c r="PVB53" s="7">
        <f t="shared" si="725"/>
        <v>5103.125</v>
      </c>
      <c r="PVC53" s="7">
        <f t="shared" si="725"/>
        <v>5103.125</v>
      </c>
      <c r="PVD53" s="7">
        <f t="shared" si="725"/>
        <v>5103.125</v>
      </c>
      <c r="PVE53" s="7">
        <f t="shared" si="725"/>
        <v>5103.125</v>
      </c>
      <c r="PVF53" s="7">
        <f t="shared" si="725"/>
        <v>5103.125</v>
      </c>
      <c r="PVG53" s="7">
        <f t="shared" si="725"/>
        <v>5103.125</v>
      </c>
      <c r="PVH53" s="7">
        <f t="shared" si="725"/>
        <v>5103.125</v>
      </c>
      <c r="PVI53" s="7">
        <f t="shared" si="725"/>
        <v>5103.125</v>
      </c>
      <c r="PVJ53" s="7">
        <f t="shared" si="725"/>
        <v>5103.125</v>
      </c>
      <c r="PVK53" s="7">
        <f t="shared" si="725"/>
        <v>5103.125</v>
      </c>
      <c r="PVL53" s="7">
        <f t="shared" si="725"/>
        <v>5103.125</v>
      </c>
      <c r="PVM53" s="7">
        <f t="shared" si="725"/>
        <v>5103.125</v>
      </c>
      <c r="PVN53" s="7">
        <f t="shared" ref="PVN53:PXY53" si="726">PVN48+PVM53</f>
        <v>5103.125</v>
      </c>
      <c r="PVO53" s="7">
        <f t="shared" si="726"/>
        <v>5103.125</v>
      </c>
      <c r="PVP53" s="7">
        <f t="shared" si="726"/>
        <v>5103.125</v>
      </c>
      <c r="PVQ53" s="7">
        <f t="shared" si="726"/>
        <v>5103.125</v>
      </c>
      <c r="PVR53" s="7">
        <f t="shared" si="726"/>
        <v>5103.125</v>
      </c>
      <c r="PVS53" s="7">
        <f t="shared" si="726"/>
        <v>5103.125</v>
      </c>
      <c r="PVT53" s="7">
        <f t="shared" si="726"/>
        <v>5103.125</v>
      </c>
      <c r="PVU53" s="7">
        <f t="shared" si="726"/>
        <v>5103.125</v>
      </c>
      <c r="PVV53" s="7">
        <f t="shared" si="726"/>
        <v>5103.125</v>
      </c>
      <c r="PVW53" s="7">
        <f t="shared" si="726"/>
        <v>5103.125</v>
      </c>
      <c r="PVX53" s="7">
        <f t="shared" si="726"/>
        <v>5103.125</v>
      </c>
      <c r="PVY53" s="7">
        <f t="shared" si="726"/>
        <v>5103.125</v>
      </c>
      <c r="PVZ53" s="7">
        <f t="shared" si="726"/>
        <v>5103.125</v>
      </c>
      <c r="PWA53" s="7">
        <f t="shared" si="726"/>
        <v>5103.125</v>
      </c>
      <c r="PWB53" s="7">
        <f t="shared" si="726"/>
        <v>5103.125</v>
      </c>
      <c r="PWC53" s="7">
        <f t="shared" si="726"/>
        <v>5103.125</v>
      </c>
      <c r="PWD53" s="7">
        <f t="shared" si="726"/>
        <v>5103.125</v>
      </c>
      <c r="PWE53" s="7">
        <f t="shared" si="726"/>
        <v>5103.125</v>
      </c>
      <c r="PWF53" s="7">
        <f t="shared" si="726"/>
        <v>5103.125</v>
      </c>
      <c r="PWG53" s="7">
        <f t="shared" si="726"/>
        <v>5103.125</v>
      </c>
      <c r="PWH53" s="7">
        <f t="shared" si="726"/>
        <v>5103.125</v>
      </c>
      <c r="PWI53" s="7">
        <f t="shared" si="726"/>
        <v>5103.125</v>
      </c>
      <c r="PWJ53" s="7">
        <f t="shared" si="726"/>
        <v>5103.125</v>
      </c>
      <c r="PWK53" s="7">
        <f t="shared" si="726"/>
        <v>5103.125</v>
      </c>
      <c r="PWL53" s="7">
        <f t="shared" si="726"/>
        <v>5103.125</v>
      </c>
      <c r="PWM53" s="7">
        <f t="shared" si="726"/>
        <v>5103.125</v>
      </c>
      <c r="PWN53" s="7">
        <f t="shared" si="726"/>
        <v>5103.125</v>
      </c>
      <c r="PWO53" s="7">
        <f t="shared" si="726"/>
        <v>5103.125</v>
      </c>
      <c r="PWP53" s="7">
        <f t="shared" si="726"/>
        <v>5103.125</v>
      </c>
      <c r="PWQ53" s="7">
        <f t="shared" si="726"/>
        <v>5103.125</v>
      </c>
      <c r="PWR53" s="7">
        <f t="shared" si="726"/>
        <v>5103.125</v>
      </c>
      <c r="PWS53" s="7">
        <f t="shared" si="726"/>
        <v>5103.125</v>
      </c>
      <c r="PWT53" s="7">
        <f t="shared" si="726"/>
        <v>5103.125</v>
      </c>
      <c r="PWU53" s="7">
        <f t="shared" si="726"/>
        <v>5103.125</v>
      </c>
      <c r="PWV53" s="7">
        <f t="shared" si="726"/>
        <v>5103.125</v>
      </c>
      <c r="PWW53" s="7">
        <f t="shared" si="726"/>
        <v>5103.125</v>
      </c>
      <c r="PWX53" s="7">
        <f t="shared" si="726"/>
        <v>5103.125</v>
      </c>
      <c r="PWY53" s="7">
        <f t="shared" si="726"/>
        <v>5103.125</v>
      </c>
      <c r="PWZ53" s="7">
        <f t="shared" si="726"/>
        <v>5103.125</v>
      </c>
      <c r="PXA53" s="7">
        <f t="shared" si="726"/>
        <v>5103.125</v>
      </c>
      <c r="PXB53" s="7">
        <f t="shared" si="726"/>
        <v>5103.125</v>
      </c>
      <c r="PXC53" s="7">
        <f t="shared" si="726"/>
        <v>5103.125</v>
      </c>
      <c r="PXD53" s="7">
        <f t="shared" si="726"/>
        <v>5103.125</v>
      </c>
      <c r="PXE53" s="7">
        <f t="shared" si="726"/>
        <v>5103.125</v>
      </c>
      <c r="PXF53" s="7">
        <f t="shared" si="726"/>
        <v>5103.125</v>
      </c>
      <c r="PXG53" s="7">
        <f t="shared" si="726"/>
        <v>5103.125</v>
      </c>
      <c r="PXH53" s="7">
        <f t="shared" si="726"/>
        <v>5103.125</v>
      </c>
      <c r="PXI53" s="7">
        <f t="shared" si="726"/>
        <v>5103.125</v>
      </c>
      <c r="PXJ53" s="7">
        <f t="shared" si="726"/>
        <v>5103.125</v>
      </c>
      <c r="PXK53" s="7">
        <f t="shared" si="726"/>
        <v>5103.125</v>
      </c>
      <c r="PXL53" s="7">
        <f t="shared" si="726"/>
        <v>5103.125</v>
      </c>
      <c r="PXM53" s="7">
        <f t="shared" si="726"/>
        <v>5103.125</v>
      </c>
      <c r="PXN53" s="7">
        <f t="shared" si="726"/>
        <v>5103.125</v>
      </c>
      <c r="PXO53" s="7">
        <f t="shared" si="726"/>
        <v>5103.125</v>
      </c>
      <c r="PXP53" s="7">
        <f t="shared" si="726"/>
        <v>5103.125</v>
      </c>
      <c r="PXQ53" s="7">
        <f t="shared" si="726"/>
        <v>5103.125</v>
      </c>
      <c r="PXR53" s="7">
        <f t="shared" si="726"/>
        <v>5103.125</v>
      </c>
      <c r="PXS53" s="7">
        <f t="shared" si="726"/>
        <v>5103.125</v>
      </c>
      <c r="PXT53" s="7">
        <f t="shared" si="726"/>
        <v>5103.125</v>
      </c>
      <c r="PXU53" s="7">
        <f t="shared" si="726"/>
        <v>5103.125</v>
      </c>
      <c r="PXV53" s="7">
        <f t="shared" si="726"/>
        <v>5103.125</v>
      </c>
      <c r="PXW53" s="7">
        <f t="shared" si="726"/>
        <v>5103.125</v>
      </c>
      <c r="PXX53" s="7">
        <f t="shared" si="726"/>
        <v>5103.125</v>
      </c>
      <c r="PXY53" s="7">
        <f t="shared" si="726"/>
        <v>5103.125</v>
      </c>
      <c r="PXZ53" s="7">
        <f t="shared" ref="PXZ53:QAK53" si="727">PXZ48+PXY53</f>
        <v>5103.125</v>
      </c>
      <c r="PYA53" s="7">
        <f t="shared" si="727"/>
        <v>5103.125</v>
      </c>
      <c r="PYB53" s="7">
        <f t="shared" si="727"/>
        <v>5103.125</v>
      </c>
      <c r="PYC53" s="7">
        <f t="shared" si="727"/>
        <v>5103.125</v>
      </c>
      <c r="PYD53" s="7">
        <f t="shared" si="727"/>
        <v>5103.125</v>
      </c>
      <c r="PYE53" s="7">
        <f t="shared" si="727"/>
        <v>5103.125</v>
      </c>
      <c r="PYF53" s="7">
        <f t="shared" si="727"/>
        <v>5103.125</v>
      </c>
      <c r="PYG53" s="7">
        <f t="shared" si="727"/>
        <v>5103.125</v>
      </c>
      <c r="PYH53" s="7">
        <f t="shared" si="727"/>
        <v>5103.125</v>
      </c>
      <c r="PYI53" s="7">
        <f t="shared" si="727"/>
        <v>5103.125</v>
      </c>
      <c r="PYJ53" s="7">
        <f t="shared" si="727"/>
        <v>5103.125</v>
      </c>
      <c r="PYK53" s="7">
        <f t="shared" si="727"/>
        <v>5103.125</v>
      </c>
      <c r="PYL53" s="7">
        <f t="shared" si="727"/>
        <v>5103.125</v>
      </c>
      <c r="PYM53" s="7">
        <f t="shared" si="727"/>
        <v>5103.125</v>
      </c>
      <c r="PYN53" s="7">
        <f t="shared" si="727"/>
        <v>5103.125</v>
      </c>
      <c r="PYO53" s="7">
        <f t="shared" si="727"/>
        <v>5103.125</v>
      </c>
      <c r="PYP53" s="7">
        <f t="shared" si="727"/>
        <v>5103.125</v>
      </c>
      <c r="PYQ53" s="7">
        <f t="shared" si="727"/>
        <v>5103.125</v>
      </c>
      <c r="PYR53" s="7">
        <f t="shared" si="727"/>
        <v>5103.125</v>
      </c>
      <c r="PYS53" s="7">
        <f t="shared" si="727"/>
        <v>5103.125</v>
      </c>
      <c r="PYT53" s="7">
        <f t="shared" si="727"/>
        <v>5103.125</v>
      </c>
      <c r="PYU53" s="7">
        <f t="shared" si="727"/>
        <v>5103.125</v>
      </c>
      <c r="PYV53" s="7">
        <f t="shared" si="727"/>
        <v>5103.125</v>
      </c>
      <c r="PYW53" s="7">
        <f t="shared" si="727"/>
        <v>5103.125</v>
      </c>
      <c r="PYX53" s="7">
        <f t="shared" si="727"/>
        <v>5103.125</v>
      </c>
      <c r="PYY53" s="7">
        <f t="shared" si="727"/>
        <v>5103.125</v>
      </c>
      <c r="PYZ53" s="7">
        <f t="shared" si="727"/>
        <v>5103.125</v>
      </c>
      <c r="PZA53" s="7">
        <f t="shared" si="727"/>
        <v>5103.125</v>
      </c>
      <c r="PZB53" s="7">
        <f t="shared" si="727"/>
        <v>5103.125</v>
      </c>
      <c r="PZC53" s="7">
        <f t="shared" si="727"/>
        <v>5103.125</v>
      </c>
      <c r="PZD53" s="7">
        <f t="shared" si="727"/>
        <v>5103.125</v>
      </c>
      <c r="PZE53" s="7">
        <f t="shared" si="727"/>
        <v>5103.125</v>
      </c>
      <c r="PZF53" s="7">
        <f t="shared" si="727"/>
        <v>5103.125</v>
      </c>
      <c r="PZG53" s="7">
        <f t="shared" si="727"/>
        <v>5103.125</v>
      </c>
      <c r="PZH53" s="7">
        <f t="shared" si="727"/>
        <v>5103.125</v>
      </c>
      <c r="PZI53" s="7">
        <f t="shared" si="727"/>
        <v>5103.125</v>
      </c>
      <c r="PZJ53" s="7">
        <f t="shared" si="727"/>
        <v>5103.125</v>
      </c>
      <c r="PZK53" s="7">
        <f t="shared" si="727"/>
        <v>5103.125</v>
      </c>
      <c r="PZL53" s="7">
        <f t="shared" si="727"/>
        <v>5103.125</v>
      </c>
      <c r="PZM53" s="7">
        <f t="shared" si="727"/>
        <v>5103.125</v>
      </c>
      <c r="PZN53" s="7">
        <f t="shared" si="727"/>
        <v>5103.125</v>
      </c>
      <c r="PZO53" s="7">
        <f t="shared" si="727"/>
        <v>5103.125</v>
      </c>
      <c r="PZP53" s="7">
        <f t="shared" si="727"/>
        <v>5103.125</v>
      </c>
      <c r="PZQ53" s="7">
        <f t="shared" si="727"/>
        <v>5103.125</v>
      </c>
      <c r="PZR53" s="7">
        <f t="shared" si="727"/>
        <v>5103.125</v>
      </c>
      <c r="PZS53" s="7">
        <f t="shared" si="727"/>
        <v>5103.125</v>
      </c>
      <c r="PZT53" s="7">
        <f t="shared" si="727"/>
        <v>5103.125</v>
      </c>
      <c r="PZU53" s="7">
        <f t="shared" si="727"/>
        <v>5103.125</v>
      </c>
      <c r="PZV53" s="7">
        <f t="shared" si="727"/>
        <v>5103.125</v>
      </c>
      <c r="PZW53" s="7">
        <f t="shared" si="727"/>
        <v>5103.125</v>
      </c>
      <c r="PZX53" s="7">
        <f t="shared" si="727"/>
        <v>5103.125</v>
      </c>
      <c r="PZY53" s="7">
        <f t="shared" si="727"/>
        <v>5103.125</v>
      </c>
      <c r="PZZ53" s="7">
        <f t="shared" si="727"/>
        <v>5103.125</v>
      </c>
      <c r="QAA53" s="7">
        <f t="shared" si="727"/>
        <v>5103.125</v>
      </c>
      <c r="QAB53" s="7">
        <f t="shared" si="727"/>
        <v>5103.125</v>
      </c>
      <c r="QAC53" s="7">
        <f t="shared" si="727"/>
        <v>5103.125</v>
      </c>
      <c r="QAD53" s="7">
        <f t="shared" si="727"/>
        <v>5103.125</v>
      </c>
      <c r="QAE53" s="7">
        <f t="shared" si="727"/>
        <v>5103.125</v>
      </c>
      <c r="QAF53" s="7">
        <f t="shared" si="727"/>
        <v>5103.125</v>
      </c>
      <c r="QAG53" s="7">
        <f t="shared" si="727"/>
        <v>5103.125</v>
      </c>
      <c r="QAH53" s="7">
        <f t="shared" si="727"/>
        <v>5103.125</v>
      </c>
      <c r="QAI53" s="7">
        <f t="shared" si="727"/>
        <v>5103.125</v>
      </c>
      <c r="QAJ53" s="7">
        <f t="shared" si="727"/>
        <v>5103.125</v>
      </c>
      <c r="QAK53" s="7">
        <f t="shared" si="727"/>
        <v>5103.125</v>
      </c>
      <c r="QAL53" s="7">
        <f t="shared" ref="QAL53:QCW53" si="728">QAL48+QAK53</f>
        <v>5103.125</v>
      </c>
      <c r="QAM53" s="7">
        <f t="shared" si="728"/>
        <v>5103.125</v>
      </c>
      <c r="QAN53" s="7">
        <f t="shared" si="728"/>
        <v>5103.125</v>
      </c>
      <c r="QAO53" s="7">
        <f t="shared" si="728"/>
        <v>5103.125</v>
      </c>
      <c r="QAP53" s="7">
        <f t="shared" si="728"/>
        <v>5103.125</v>
      </c>
      <c r="QAQ53" s="7">
        <f t="shared" si="728"/>
        <v>5103.125</v>
      </c>
      <c r="QAR53" s="7">
        <f t="shared" si="728"/>
        <v>5103.125</v>
      </c>
      <c r="QAS53" s="7">
        <f t="shared" si="728"/>
        <v>5103.125</v>
      </c>
      <c r="QAT53" s="7">
        <f t="shared" si="728"/>
        <v>5103.125</v>
      </c>
      <c r="QAU53" s="7">
        <f t="shared" si="728"/>
        <v>5103.125</v>
      </c>
      <c r="QAV53" s="7">
        <f t="shared" si="728"/>
        <v>5103.125</v>
      </c>
      <c r="QAW53" s="7">
        <f t="shared" si="728"/>
        <v>5103.125</v>
      </c>
      <c r="QAX53" s="7">
        <f t="shared" si="728"/>
        <v>5103.125</v>
      </c>
      <c r="QAY53" s="7">
        <f t="shared" si="728"/>
        <v>5103.125</v>
      </c>
      <c r="QAZ53" s="7">
        <f t="shared" si="728"/>
        <v>5103.125</v>
      </c>
      <c r="QBA53" s="7">
        <f t="shared" si="728"/>
        <v>5103.125</v>
      </c>
      <c r="QBB53" s="7">
        <f t="shared" si="728"/>
        <v>5103.125</v>
      </c>
      <c r="QBC53" s="7">
        <f t="shared" si="728"/>
        <v>5103.125</v>
      </c>
      <c r="QBD53" s="7">
        <f t="shared" si="728"/>
        <v>5103.125</v>
      </c>
      <c r="QBE53" s="7">
        <f t="shared" si="728"/>
        <v>5103.125</v>
      </c>
      <c r="QBF53" s="7">
        <f t="shared" si="728"/>
        <v>5103.125</v>
      </c>
      <c r="QBG53" s="7">
        <f t="shared" si="728"/>
        <v>5103.125</v>
      </c>
      <c r="QBH53" s="7">
        <f t="shared" si="728"/>
        <v>5103.125</v>
      </c>
      <c r="QBI53" s="7">
        <f t="shared" si="728"/>
        <v>5103.125</v>
      </c>
      <c r="QBJ53" s="7">
        <f t="shared" si="728"/>
        <v>5103.125</v>
      </c>
      <c r="QBK53" s="7">
        <f t="shared" si="728"/>
        <v>5103.125</v>
      </c>
      <c r="QBL53" s="7">
        <f t="shared" si="728"/>
        <v>5103.125</v>
      </c>
      <c r="QBM53" s="7">
        <f t="shared" si="728"/>
        <v>5103.125</v>
      </c>
      <c r="QBN53" s="7">
        <f t="shared" si="728"/>
        <v>5103.125</v>
      </c>
      <c r="QBO53" s="7">
        <f t="shared" si="728"/>
        <v>5103.125</v>
      </c>
      <c r="QBP53" s="7">
        <f t="shared" si="728"/>
        <v>5103.125</v>
      </c>
      <c r="QBQ53" s="7">
        <f t="shared" si="728"/>
        <v>5103.125</v>
      </c>
      <c r="QBR53" s="7">
        <f t="shared" si="728"/>
        <v>5103.125</v>
      </c>
      <c r="QBS53" s="7">
        <f t="shared" si="728"/>
        <v>5103.125</v>
      </c>
      <c r="QBT53" s="7">
        <f t="shared" si="728"/>
        <v>5103.125</v>
      </c>
      <c r="QBU53" s="7">
        <f t="shared" si="728"/>
        <v>5103.125</v>
      </c>
      <c r="QBV53" s="7">
        <f t="shared" si="728"/>
        <v>5103.125</v>
      </c>
      <c r="QBW53" s="7">
        <f t="shared" si="728"/>
        <v>5103.125</v>
      </c>
      <c r="QBX53" s="7">
        <f t="shared" si="728"/>
        <v>5103.125</v>
      </c>
      <c r="QBY53" s="7">
        <f t="shared" si="728"/>
        <v>5103.125</v>
      </c>
      <c r="QBZ53" s="7">
        <f t="shared" si="728"/>
        <v>5103.125</v>
      </c>
      <c r="QCA53" s="7">
        <f t="shared" si="728"/>
        <v>5103.125</v>
      </c>
      <c r="QCB53" s="7">
        <f t="shared" si="728"/>
        <v>5103.125</v>
      </c>
      <c r="QCC53" s="7">
        <f t="shared" si="728"/>
        <v>5103.125</v>
      </c>
      <c r="QCD53" s="7">
        <f t="shared" si="728"/>
        <v>5103.125</v>
      </c>
      <c r="QCE53" s="7">
        <f t="shared" si="728"/>
        <v>5103.125</v>
      </c>
      <c r="QCF53" s="7">
        <f t="shared" si="728"/>
        <v>5103.125</v>
      </c>
      <c r="QCG53" s="7">
        <f t="shared" si="728"/>
        <v>5103.125</v>
      </c>
      <c r="QCH53" s="7">
        <f t="shared" si="728"/>
        <v>5103.125</v>
      </c>
      <c r="QCI53" s="7">
        <f t="shared" si="728"/>
        <v>5103.125</v>
      </c>
      <c r="QCJ53" s="7">
        <f t="shared" si="728"/>
        <v>5103.125</v>
      </c>
      <c r="QCK53" s="7">
        <f t="shared" si="728"/>
        <v>5103.125</v>
      </c>
      <c r="QCL53" s="7">
        <f t="shared" si="728"/>
        <v>5103.125</v>
      </c>
      <c r="QCM53" s="7">
        <f t="shared" si="728"/>
        <v>5103.125</v>
      </c>
      <c r="QCN53" s="7">
        <f t="shared" si="728"/>
        <v>5103.125</v>
      </c>
      <c r="QCO53" s="7">
        <f t="shared" si="728"/>
        <v>5103.125</v>
      </c>
      <c r="QCP53" s="7">
        <f t="shared" si="728"/>
        <v>5103.125</v>
      </c>
      <c r="QCQ53" s="7">
        <f t="shared" si="728"/>
        <v>5103.125</v>
      </c>
      <c r="QCR53" s="7">
        <f t="shared" si="728"/>
        <v>5103.125</v>
      </c>
      <c r="QCS53" s="7">
        <f t="shared" si="728"/>
        <v>5103.125</v>
      </c>
      <c r="QCT53" s="7">
        <f t="shared" si="728"/>
        <v>5103.125</v>
      </c>
      <c r="QCU53" s="7">
        <f t="shared" si="728"/>
        <v>5103.125</v>
      </c>
      <c r="QCV53" s="7">
        <f t="shared" si="728"/>
        <v>5103.125</v>
      </c>
      <c r="QCW53" s="7">
        <f t="shared" si="728"/>
        <v>5103.125</v>
      </c>
      <c r="QCX53" s="7">
        <f t="shared" ref="QCX53:QFI53" si="729">QCX48+QCW53</f>
        <v>5103.125</v>
      </c>
      <c r="QCY53" s="7">
        <f t="shared" si="729"/>
        <v>5103.125</v>
      </c>
      <c r="QCZ53" s="7">
        <f t="shared" si="729"/>
        <v>5103.125</v>
      </c>
      <c r="QDA53" s="7">
        <f t="shared" si="729"/>
        <v>5103.125</v>
      </c>
      <c r="QDB53" s="7">
        <f t="shared" si="729"/>
        <v>5103.125</v>
      </c>
      <c r="QDC53" s="7">
        <f t="shared" si="729"/>
        <v>5103.125</v>
      </c>
      <c r="QDD53" s="7">
        <f t="shared" si="729"/>
        <v>5103.125</v>
      </c>
      <c r="QDE53" s="7">
        <f t="shared" si="729"/>
        <v>5103.125</v>
      </c>
      <c r="QDF53" s="7">
        <f t="shared" si="729"/>
        <v>5103.125</v>
      </c>
      <c r="QDG53" s="7">
        <f t="shared" si="729"/>
        <v>5103.125</v>
      </c>
      <c r="QDH53" s="7">
        <f t="shared" si="729"/>
        <v>5103.125</v>
      </c>
      <c r="QDI53" s="7">
        <f t="shared" si="729"/>
        <v>5103.125</v>
      </c>
      <c r="QDJ53" s="7">
        <f t="shared" si="729"/>
        <v>5103.125</v>
      </c>
      <c r="QDK53" s="7">
        <f t="shared" si="729"/>
        <v>5103.125</v>
      </c>
      <c r="QDL53" s="7">
        <f t="shared" si="729"/>
        <v>5103.125</v>
      </c>
      <c r="QDM53" s="7">
        <f t="shared" si="729"/>
        <v>5103.125</v>
      </c>
      <c r="QDN53" s="7">
        <f t="shared" si="729"/>
        <v>5103.125</v>
      </c>
      <c r="QDO53" s="7">
        <f t="shared" si="729"/>
        <v>5103.125</v>
      </c>
      <c r="QDP53" s="7">
        <f t="shared" si="729"/>
        <v>5103.125</v>
      </c>
      <c r="QDQ53" s="7">
        <f t="shared" si="729"/>
        <v>5103.125</v>
      </c>
      <c r="QDR53" s="7">
        <f t="shared" si="729"/>
        <v>5103.125</v>
      </c>
      <c r="QDS53" s="7">
        <f t="shared" si="729"/>
        <v>5103.125</v>
      </c>
      <c r="QDT53" s="7">
        <f t="shared" si="729"/>
        <v>5103.125</v>
      </c>
      <c r="QDU53" s="7">
        <f t="shared" si="729"/>
        <v>5103.125</v>
      </c>
      <c r="QDV53" s="7">
        <f t="shared" si="729"/>
        <v>5103.125</v>
      </c>
      <c r="QDW53" s="7">
        <f t="shared" si="729"/>
        <v>5103.125</v>
      </c>
      <c r="QDX53" s="7">
        <f t="shared" si="729"/>
        <v>5103.125</v>
      </c>
      <c r="QDY53" s="7">
        <f t="shared" si="729"/>
        <v>5103.125</v>
      </c>
      <c r="QDZ53" s="7">
        <f t="shared" si="729"/>
        <v>5103.125</v>
      </c>
      <c r="QEA53" s="7">
        <f t="shared" si="729"/>
        <v>5103.125</v>
      </c>
      <c r="QEB53" s="7">
        <f t="shared" si="729"/>
        <v>5103.125</v>
      </c>
      <c r="QEC53" s="7">
        <f t="shared" si="729"/>
        <v>5103.125</v>
      </c>
      <c r="QED53" s="7">
        <f t="shared" si="729"/>
        <v>5103.125</v>
      </c>
      <c r="QEE53" s="7">
        <f t="shared" si="729"/>
        <v>5103.125</v>
      </c>
      <c r="QEF53" s="7">
        <f t="shared" si="729"/>
        <v>5103.125</v>
      </c>
      <c r="QEG53" s="7">
        <f t="shared" si="729"/>
        <v>5103.125</v>
      </c>
      <c r="QEH53" s="7">
        <f t="shared" si="729"/>
        <v>5103.125</v>
      </c>
      <c r="QEI53" s="7">
        <f t="shared" si="729"/>
        <v>5103.125</v>
      </c>
      <c r="QEJ53" s="7">
        <f t="shared" si="729"/>
        <v>5103.125</v>
      </c>
      <c r="QEK53" s="7">
        <f t="shared" si="729"/>
        <v>5103.125</v>
      </c>
      <c r="QEL53" s="7">
        <f t="shared" si="729"/>
        <v>5103.125</v>
      </c>
      <c r="QEM53" s="7">
        <f t="shared" si="729"/>
        <v>5103.125</v>
      </c>
      <c r="QEN53" s="7">
        <f t="shared" si="729"/>
        <v>5103.125</v>
      </c>
      <c r="QEO53" s="7">
        <f t="shared" si="729"/>
        <v>5103.125</v>
      </c>
      <c r="QEP53" s="7">
        <f t="shared" si="729"/>
        <v>5103.125</v>
      </c>
      <c r="QEQ53" s="7">
        <f t="shared" si="729"/>
        <v>5103.125</v>
      </c>
      <c r="QER53" s="7">
        <f t="shared" si="729"/>
        <v>5103.125</v>
      </c>
      <c r="QES53" s="7">
        <f t="shared" si="729"/>
        <v>5103.125</v>
      </c>
      <c r="QET53" s="7">
        <f t="shared" si="729"/>
        <v>5103.125</v>
      </c>
      <c r="QEU53" s="7">
        <f t="shared" si="729"/>
        <v>5103.125</v>
      </c>
      <c r="QEV53" s="7">
        <f t="shared" si="729"/>
        <v>5103.125</v>
      </c>
      <c r="QEW53" s="7">
        <f t="shared" si="729"/>
        <v>5103.125</v>
      </c>
      <c r="QEX53" s="7">
        <f t="shared" si="729"/>
        <v>5103.125</v>
      </c>
      <c r="QEY53" s="7">
        <f t="shared" si="729"/>
        <v>5103.125</v>
      </c>
      <c r="QEZ53" s="7">
        <f t="shared" si="729"/>
        <v>5103.125</v>
      </c>
      <c r="QFA53" s="7">
        <f t="shared" si="729"/>
        <v>5103.125</v>
      </c>
      <c r="QFB53" s="7">
        <f t="shared" si="729"/>
        <v>5103.125</v>
      </c>
      <c r="QFC53" s="7">
        <f t="shared" si="729"/>
        <v>5103.125</v>
      </c>
      <c r="QFD53" s="7">
        <f t="shared" si="729"/>
        <v>5103.125</v>
      </c>
      <c r="QFE53" s="7">
        <f t="shared" si="729"/>
        <v>5103.125</v>
      </c>
      <c r="QFF53" s="7">
        <f t="shared" si="729"/>
        <v>5103.125</v>
      </c>
      <c r="QFG53" s="7">
        <f t="shared" si="729"/>
        <v>5103.125</v>
      </c>
      <c r="QFH53" s="7">
        <f t="shared" si="729"/>
        <v>5103.125</v>
      </c>
      <c r="QFI53" s="7">
        <f t="shared" si="729"/>
        <v>5103.125</v>
      </c>
      <c r="QFJ53" s="7">
        <f t="shared" ref="QFJ53:QHU53" si="730">QFJ48+QFI53</f>
        <v>5103.125</v>
      </c>
      <c r="QFK53" s="7">
        <f t="shared" si="730"/>
        <v>5103.125</v>
      </c>
      <c r="QFL53" s="7">
        <f t="shared" si="730"/>
        <v>5103.125</v>
      </c>
      <c r="QFM53" s="7">
        <f t="shared" si="730"/>
        <v>5103.125</v>
      </c>
      <c r="QFN53" s="7">
        <f t="shared" si="730"/>
        <v>5103.125</v>
      </c>
      <c r="QFO53" s="7">
        <f t="shared" si="730"/>
        <v>5103.125</v>
      </c>
      <c r="QFP53" s="7">
        <f t="shared" si="730"/>
        <v>5103.125</v>
      </c>
      <c r="QFQ53" s="7">
        <f t="shared" si="730"/>
        <v>5103.125</v>
      </c>
      <c r="QFR53" s="7">
        <f t="shared" si="730"/>
        <v>5103.125</v>
      </c>
      <c r="QFS53" s="7">
        <f t="shared" si="730"/>
        <v>5103.125</v>
      </c>
      <c r="QFT53" s="7">
        <f t="shared" si="730"/>
        <v>5103.125</v>
      </c>
      <c r="QFU53" s="7">
        <f t="shared" si="730"/>
        <v>5103.125</v>
      </c>
      <c r="QFV53" s="7">
        <f t="shared" si="730"/>
        <v>5103.125</v>
      </c>
      <c r="QFW53" s="7">
        <f t="shared" si="730"/>
        <v>5103.125</v>
      </c>
      <c r="QFX53" s="7">
        <f t="shared" si="730"/>
        <v>5103.125</v>
      </c>
      <c r="QFY53" s="7">
        <f t="shared" si="730"/>
        <v>5103.125</v>
      </c>
      <c r="QFZ53" s="7">
        <f t="shared" si="730"/>
        <v>5103.125</v>
      </c>
      <c r="QGA53" s="7">
        <f t="shared" si="730"/>
        <v>5103.125</v>
      </c>
      <c r="QGB53" s="7">
        <f t="shared" si="730"/>
        <v>5103.125</v>
      </c>
      <c r="QGC53" s="7">
        <f t="shared" si="730"/>
        <v>5103.125</v>
      </c>
      <c r="QGD53" s="7">
        <f t="shared" si="730"/>
        <v>5103.125</v>
      </c>
      <c r="QGE53" s="7">
        <f t="shared" si="730"/>
        <v>5103.125</v>
      </c>
      <c r="QGF53" s="7">
        <f t="shared" si="730"/>
        <v>5103.125</v>
      </c>
      <c r="QGG53" s="7">
        <f t="shared" si="730"/>
        <v>5103.125</v>
      </c>
      <c r="QGH53" s="7">
        <f t="shared" si="730"/>
        <v>5103.125</v>
      </c>
      <c r="QGI53" s="7">
        <f t="shared" si="730"/>
        <v>5103.125</v>
      </c>
      <c r="QGJ53" s="7">
        <f t="shared" si="730"/>
        <v>5103.125</v>
      </c>
      <c r="QGK53" s="7">
        <f t="shared" si="730"/>
        <v>5103.125</v>
      </c>
      <c r="QGL53" s="7">
        <f t="shared" si="730"/>
        <v>5103.125</v>
      </c>
      <c r="QGM53" s="7">
        <f t="shared" si="730"/>
        <v>5103.125</v>
      </c>
      <c r="QGN53" s="7">
        <f t="shared" si="730"/>
        <v>5103.125</v>
      </c>
      <c r="QGO53" s="7">
        <f t="shared" si="730"/>
        <v>5103.125</v>
      </c>
      <c r="QGP53" s="7">
        <f t="shared" si="730"/>
        <v>5103.125</v>
      </c>
      <c r="QGQ53" s="7">
        <f t="shared" si="730"/>
        <v>5103.125</v>
      </c>
      <c r="QGR53" s="7">
        <f t="shared" si="730"/>
        <v>5103.125</v>
      </c>
      <c r="QGS53" s="7">
        <f t="shared" si="730"/>
        <v>5103.125</v>
      </c>
      <c r="QGT53" s="7">
        <f t="shared" si="730"/>
        <v>5103.125</v>
      </c>
      <c r="QGU53" s="7">
        <f t="shared" si="730"/>
        <v>5103.125</v>
      </c>
      <c r="QGV53" s="7">
        <f t="shared" si="730"/>
        <v>5103.125</v>
      </c>
      <c r="QGW53" s="7">
        <f t="shared" si="730"/>
        <v>5103.125</v>
      </c>
      <c r="QGX53" s="7">
        <f t="shared" si="730"/>
        <v>5103.125</v>
      </c>
      <c r="QGY53" s="7">
        <f t="shared" si="730"/>
        <v>5103.125</v>
      </c>
      <c r="QGZ53" s="7">
        <f t="shared" si="730"/>
        <v>5103.125</v>
      </c>
      <c r="QHA53" s="7">
        <f t="shared" si="730"/>
        <v>5103.125</v>
      </c>
      <c r="QHB53" s="7">
        <f t="shared" si="730"/>
        <v>5103.125</v>
      </c>
      <c r="QHC53" s="7">
        <f t="shared" si="730"/>
        <v>5103.125</v>
      </c>
      <c r="QHD53" s="7">
        <f t="shared" si="730"/>
        <v>5103.125</v>
      </c>
      <c r="QHE53" s="7">
        <f t="shared" si="730"/>
        <v>5103.125</v>
      </c>
      <c r="QHF53" s="7">
        <f t="shared" si="730"/>
        <v>5103.125</v>
      </c>
      <c r="QHG53" s="7">
        <f t="shared" si="730"/>
        <v>5103.125</v>
      </c>
      <c r="QHH53" s="7">
        <f t="shared" si="730"/>
        <v>5103.125</v>
      </c>
      <c r="QHI53" s="7">
        <f t="shared" si="730"/>
        <v>5103.125</v>
      </c>
      <c r="QHJ53" s="7">
        <f t="shared" si="730"/>
        <v>5103.125</v>
      </c>
      <c r="QHK53" s="7">
        <f t="shared" si="730"/>
        <v>5103.125</v>
      </c>
      <c r="QHL53" s="7">
        <f t="shared" si="730"/>
        <v>5103.125</v>
      </c>
      <c r="QHM53" s="7">
        <f t="shared" si="730"/>
        <v>5103.125</v>
      </c>
      <c r="QHN53" s="7">
        <f t="shared" si="730"/>
        <v>5103.125</v>
      </c>
      <c r="QHO53" s="7">
        <f t="shared" si="730"/>
        <v>5103.125</v>
      </c>
      <c r="QHP53" s="7">
        <f t="shared" si="730"/>
        <v>5103.125</v>
      </c>
      <c r="QHQ53" s="7">
        <f t="shared" si="730"/>
        <v>5103.125</v>
      </c>
      <c r="QHR53" s="7">
        <f t="shared" si="730"/>
        <v>5103.125</v>
      </c>
      <c r="QHS53" s="7">
        <f t="shared" si="730"/>
        <v>5103.125</v>
      </c>
      <c r="QHT53" s="7">
        <f t="shared" si="730"/>
        <v>5103.125</v>
      </c>
      <c r="QHU53" s="7">
        <f t="shared" si="730"/>
        <v>5103.125</v>
      </c>
      <c r="QHV53" s="7">
        <f t="shared" ref="QHV53:QKG53" si="731">QHV48+QHU53</f>
        <v>5103.125</v>
      </c>
      <c r="QHW53" s="7">
        <f t="shared" si="731"/>
        <v>5103.125</v>
      </c>
      <c r="QHX53" s="7">
        <f t="shared" si="731"/>
        <v>5103.125</v>
      </c>
      <c r="QHY53" s="7">
        <f t="shared" si="731"/>
        <v>5103.125</v>
      </c>
      <c r="QHZ53" s="7">
        <f t="shared" si="731"/>
        <v>5103.125</v>
      </c>
      <c r="QIA53" s="7">
        <f t="shared" si="731"/>
        <v>5103.125</v>
      </c>
      <c r="QIB53" s="7">
        <f t="shared" si="731"/>
        <v>5103.125</v>
      </c>
      <c r="QIC53" s="7">
        <f t="shared" si="731"/>
        <v>5103.125</v>
      </c>
      <c r="QID53" s="7">
        <f t="shared" si="731"/>
        <v>5103.125</v>
      </c>
      <c r="QIE53" s="7">
        <f t="shared" si="731"/>
        <v>5103.125</v>
      </c>
      <c r="QIF53" s="7">
        <f t="shared" si="731"/>
        <v>5103.125</v>
      </c>
      <c r="QIG53" s="7">
        <f t="shared" si="731"/>
        <v>5103.125</v>
      </c>
      <c r="QIH53" s="7">
        <f t="shared" si="731"/>
        <v>5103.125</v>
      </c>
      <c r="QII53" s="7">
        <f t="shared" si="731"/>
        <v>5103.125</v>
      </c>
      <c r="QIJ53" s="7">
        <f t="shared" si="731"/>
        <v>5103.125</v>
      </c>
      <c r="QIK53" s="7">
        <f t="shared" si="731"/>
        <v>5103.125</v>
      </c>
      <c r="QIL53" s="7">
        <f t="shared" si="731"/>
        <v>5103.125</v>
      </c>
      <c r="QIM53" s="7">
        <f t="shared" si="731"/>
        <v>5103.125</v>
      </c>
      <c r="QIN53" s="7">
        <f t="shared" si="731"/>
        <v>5103.125</v>
      </c>
      <c r="QIO53" s="7">
        <f t="shared" si="731"/>
        <v>5103.125</v>
      </c>
      <c r="QIP53" s="7">
        <f t="shared" si="731"/>
        <v>5103.125</v>
      </c>
      <c r="QIQ53" s="7">
        <f t="shared" si="731"/>
        <v>5103.125</v>
      </c>
      <c r="QIR53" s="7">
        <f t="shared" si="731"/>
        <v>5103.125</v>
      </c>
      <c r="QIS53" s="7">
        <f t="shared" si="731"/>
        <v>5103.125</v>
      </c>
      <c r="QIT53" s="7">
        <f t="shared" si="731"/>
        <v>5103.125</v>
      </c>
      <c r="QIU53" s="7">
        <f t="shared" si="731"/>
        <v>5103.125</v>
      </c>
      <c r="QIV53" s="7">
        <f t="shared" si="731"/>
        <v>5103.125</v>
      </c>
      <c r="QIW53" s="7">
        <f t="shared" si="731"/>
        <v>5103.125</v>
      </c>
      <c r="QIX53" s="7">
        <f t="shared" si="731"/>
        <v>5103.125</v>
      </c>
      <c r="QIY53" s="7">
        <f t="shared" si="731"/>
        <v>5103.125</v>
      </c>
      <c r="QIZ53" s="7">
        <f t="shared" si="731"/>
        <v>5103.125</v>
      </c>
      <c r="QJA53" s="7">
        <f t="shared" si="731"/>
        <v>5103.125</v>
      </c>
      <c r="QJB53" s="7">
        <f t="shared" si="731"/>
        <v>5103.125</v>
      </c>
      <c r="QJC53" s="7">
        <f t="shared" si="731"/>
        <v>5103.125</v>
      </c>
      <c r="QJD53" s="7">
        <f t="shared" si="731"/>
        <v>5103.125</v>
      </c>
      <c r="QJE53" s="7">
        <f t="shared" si="731"/>
        <v>5103.125</v>
      </c>
      <c r="QJF53" s="7">
        <f t="shared" si="731"/>
        <v>5103.125</v>
      </c>
      <c r="QJG53" s="7">
        <f t="shared" si="731"/>
        <v>5103.125</v>
      </c>
      <c r="QJH53" s="7">
        <f t="shared" si="731"/>
        <v>5103.125</v>
      </c>
      <c r="QJI53" s="7">
        <f t="shared" si="731"/>
        <v>5103.125</v>
      </c>
      <c r="QJJ53" s="7">
        <f t="shared" si="731"/>
        <v>5103.125</v>
      </c>
      <c r="QJK53" s="7">
        <f t="shared" si="731"/>
        <v>5103.125</v>
      </c>
      <c r="QJL53" s="7">
        <f t="shared" si="731"/>
        <v>5103.125</v>
      </c>
      <c r="QJM53" s="7">
        <f t="shared" si="731"/>
        <v>5103.125</v>
      </c>
      <c r="QJN53" s="7">
        <f t="shared" si="731"/>
        <v>5103.125</v>
      </c>
      <c r="QJO53" s="7">
        <f t="shared" si="731"/>
        <v>5103.125</v>
      </c>
      <c r="QJP53" s="7">
        <f t="shared" si="731"/>
        <v>5103.125</v>
      </c>
      <c r="QJQ53" s="7">
        <f t="shared" si="731"/>
        <v>5103.125</v>
      </c>
      <c r="QJR53" s="7">
        <f t="shared" si="731"/>
        <v>5103.125</v>
      </c>
      <c r="QJS53" s="7">
        <f t="shared" si="731"/>
        <v>5103.125</v>
      </c>
      <c r="QJT53" s="7">
        <f t="shared" si="731"/>
        <v>5103.125</v>
      </c>
      <c r="QJU53" s="7">
        <f t="shared" si="731"/>
        <v>5103.125</v>
      </c>
      <c r="QJV53" s="7">
        <f t="shared" si="731"/>
        <v>5103.125</v>
      </c>
      <c r="QJW53" s="7">
        <f t="shared" si="731"/>
        <v>5103.125</v>
      </c>
      <c r="QJX53" s="7">
        <f t="shared" si="731"/>
        <v>5103.125</v>
      </c>
      <c r="QJY53" s="7">
        <f t="shared" si="731"/>
        <v>5103.125</v>
      </c>
      <c r="QJZ53" s="7">
        <f t="shared" si="731"/>
        <v>5103.125</v>
      </c>
      <c r="QKA53" s="7">
        <f t="shared" si="731"/>
        <v>5103.125</v>
      </c>
      <c r="QKB53" s="7">
        <f t="shared" si="731"/>
        <v>5103.125</v>
      </c>
      <c r="QKC53" s="7">
        <f t="shared" si="731"/>
        <v>5103.125</v>
      </c>
      <c r="QKD53" s="7">
        <f t="shared" si="731"/>
        <v>5103.125</v>
      </c>
      <c r="QKE53" s="7">
        <f t="shared" si="731"/>
        <v>5103.125</v>
      </c>
      <c r="QKF53" s="7">
        <f t="shared" si="731"/>
        <v>5103.125</v>
      </c>
      <c r="QKG53" s="7">
        <f t="shared" si="731"/>
        <v>5103.125</v>
      </c>
      <c r="QKH53" s="7">
        <f t="shared" ref="QKH53:QMS53" si="732">QKH48+QKG53</f>
        <v>5103.125</v>
      </c>
      <c r="QKI53" s="7">
        <f t="shared" si="732"/>
        <v>5103.125</v>
      </c>
      <c r="QKJ53" s="7">
        <f t="shared" si="732"/>
        <v>5103.125</v>
      </c>
      <c r="QKK53" s="7">
        <f t="shared" si="732"/>
        <v>5103.125</v>
      </c>
      <c r="QKL53" s="7">
        <f t="shared" si="732"/>
        <v>5103.125</v>
      </c>
      <c r="QKM53" s="7">
        <f t="shared" si="732"/>
        <v>5103.125</v>
      </c>
      <c r="QKN53" s="7">
        <f t="shared" si="732"/>
        <v>5103.125</v>
      </c>
      <c r="QKO53" s="7">
        <f t="shared" si="732"/>
        <v>5103.125</v>
      </c>
      <c r="QKP53" s="7">
        <f t="shared" si="732"/>
        <v>5103.125</v>
      </c>
      <c r="QKQ53" s="7">
        <f t="shared" si="732"/>
        <v>5103.125</v>
      </c>
      <c r="QKR53" s="7">
        <f t="shared" si="732"/>
        <v>5103.125</v>
      </c>
      <c r="QKS53" s="7">
        <f t="shared" si="732"/>
        <v>5103.125</v>
      </c>
      <c r="QKT53" s="7">
        <f t="shared" si="732"/>
        <v>5103.125</v>
      </c>
      <c r="QKU53" s="7">
        <f t="shared" si="732"/>
        <v>5103.125</v>
      </c>
      <c r="QKV53" s="7">
        <f t="shared" si="732"/>
        <v>5103.125</v>
      </c>
      <c r="QKW53" s="7">
        <f t="shared" si="732"/>
        <v>5103.125</v>
      </c>
      <c r="QKX53" s="7">
        <f t="shared" si="732"/>
        <v>5103.125</v>
      </c>
      <c r="QKY53" s="7">
        <f t="shared" si="732"/>
        <v>5103.125</v>
      </c>
      <c r="QKZ53" s="7">
        <f t="shared" si="732"/>
        <v>5103.125</v>
      </c>
      <c r="QLA53" s="7">
        <f t="shared" si="732"/>
        <v>5103.125</v>
      </c>
      <c r="QLB53" s="7">
        <f t="shared" si="732"/>
        <v>5103.125</v>
      </c>
      <c r="QLC53" s="7">
        <f t="shared" si="732"/>
        <v>5103.125</v>
      </c>
      <c r="QLD53" s="7">
        <f t="shared" si="732"/>
        <v>5103.125</v>
      </c>
      <c r="QLE53" s="7">
        <f t="shared" si="732"/>
        <v>5103.125</v>
      </c>
      <c r="QLF53" s="7">
        <f t="shared" si="732"/>
        <v>5103.125</v>
      </c>
      <c r="QLG53" s="7">
        <f t="shared" si="732"/>
        <v>5103.125</v>
      </c>
      <c r="QLH53" s="7">
        <f t="shared" si="732"/>
        <v>5103.125</v>
      </c>
      <c r="QLI53" s="7">
        <f t="shared" si="732"/>
        <v>5103.125</v>
      </c>
      <c r="QLJ53" s="7">
        <f t="shared" si="732"/>
        <v>5103.125</v>
      </c>
      <c r="QLK53" s="7">
        <f t="shared" si="732"/>
        <v>5103.125</v>
      </c>
      <c r="QLL53" s="7">
        <f t="shared" si="732"/>
        <v>5103.125</v>
      </c>
      <c r="QLM53" s="7">
        <f t="shared" si="732"/>
        <v>5103.125</v>
      </c>
      <c r="QLN53" s="7">
        <f t="shared" si="732"/>
        <v>5103.125</v>
      </c>
      <c r="QLO53" s="7">
        <f t="shared" si="732"/>
        <v>5103.125</v>
      </c>
      <c r="QLP53" s="7">
        <f t="shared" si="732"/>
        <v>5103.125</v>
      </c>
      <c r="QLQ53" s="7">
        <f t="shared" si="732"/>
        <v>5103.125</v>
      </c>
      <c r="QLR53" s="7">
        <f t="shared" si="732"/>
        <v>5103.125</v>
      </c>
      <c r="QLS53" s="7">
        <f t="shared" si="732"/>
        <v>5103.125</v>
      </c>
      <c r="QLT53" s="7">
        <f t="shared" si="732"/>
        <v>5103.125</v>
      </c>
      <c r="QLU53" s="7">
        <f t="shared" si="732"/>
        <v>5103.125</v>
      </c>
      <c r="QLV53" s="7">
        <f t="shared" si="732"/>
        <v>5103.125</v>
      </c>
      <c r="QLW53" s="7">
        <f t="shared" si="732"/>
        <v>5103.125</v>
      </c>
      <c r="QLX53" s="7">
        <f t="shared" si="732"/>
        <v>5103.125</v>
      </c>
      <c r="QLY53" s="7">
        <f t="shared" si="732"/>
        <v>5103.125</v>
      </c>
      <c r="QLZ53" s="7">
        <f t="shared" si="732"/>
        <v>5103.125</v>
      </c>
      <c r="QMA53" s="7">
        <f t="shared" si="732"/>
        <v>5103.125</v>
      </c>
      <c r="QMB53" s="7">
        <f t="shared" si="732"/>
        <v>5103.125</v>
      </c>
      <c r="QMC53" s="7">
        <f t="shared" si="732"/>
        <v>5103.125</v>
      </c>
      <c r="QMD53" s="7">
        <f t="shared" si="732"/>
        <v>5103.125</v>
      </c>
      <c r="QME53" s="7">
        <f t="shared" si="732"/>
        <v>5103.125</v>
      </c>
      <c r="QMF53" s="7">
        <f t="shared" si="732"/>
        <v>5103.125</v>
      </c>
      <c r="QMG53" s="7">
        <f t="shared" si="732"/>
        <v>5103.125</v>
      </c>
      <c r="QMH53" s="7">
        <f t="shared" si="732"/>
        <v>5103.125</v>
      </c>
      <c r="QMI53" s="7">
        <f t="shared" si="732"/>
        <v>5103.125</v>
      </c>
      <c r="QMJ53" s="7">
        <f t="shared" si="732"/>
        <v>5103.125</v>
      </c>
      <c r="QMK53" s="7">
        <f t="shared" si="732"/>
        <v>5103.125</v>
      </c>
      <c r="QML53" s="7">
        <f t="shared" si="732"/>
        <v>5103.125</v>
      </c>
      <c r="QMM53" s="7">
        <f t="shared" si="732"/>
        <v>5103.125</v>
      </c>
      <c r="QMN53" s="7">
        <f t="shared" si="732"/>
        <v>5103.125</v>
      </c>
      <c r="QMO53" s="7">
        <f t="shared" si="732"/>
        <v>5103.125</v>
      </c>
      <c r="QMP53" s="7">
        <f t="shared" si="732"/>
        <v>5103.125</v>
      </c>
      <c r="QMQ53" s="7">
        <f t="shared" si="732"/>
        <v>5103.125</v>
      </c>
      <c r="QMR53" s="7">
        <f t="shared" si="732"/>
        <v>5103.125</v>
      </c>
      <c r="QMS53" s="7">
        <f t="shared" si="732"/>
        <v>5103.125</v>
      </c>
      <c r="QMT53" s="7">
        <f t="shared" ref="QMT53:QPE53" si="733">QMT48+QMS53</f>
        <v>5103.125</v>
      </c>
      <c r="QMU53" s="7">
        <f t="shared" si="733"/>
        <v>5103.125</v>
      </c>
      <c r="QMV53" s="7">
        <f t="shared" si="733"/>
        <v>5103.125</v>
      </c>
      <c r="QMW53" s="7">
        <f t="shared" si="733"/>
        <v>5103.125</v>
      </c>
      <c r="QMX53" s="7">
        <f t="shared" si="733"/>
        <v>5103.125</v>
      </c>
      <c r="QMY53" s="7">
        <f t="shared" si="733"/>
        <v>5103.125</v>
      </c>
      <c r="QMZ53" s="7">
        <f t="shared" si="733"/>
        <v>5103.125</v>
      </c>
      <c r="QNA53" s="7">
        <f t="shared" si="733"/>
        <v>5103.125</v>
      </c>
      <c r="QNB53" s="7">
        <f t="shared" si="733"/>
        <v>5103.125</v>
      </c>
      <c r="QNC53" s="7">
        <f t="shared" si="733"/>
        <v>5103.125</v>
      </c>
      <c r="QND53" s="7">
        <f t="shared" si="733"/>
        <v>5103.125</v>
      </c>
      <c r="QNE53" s="7">
        <f t="shared" si="733"/>
        <v>5103.125</v>
      </c>
      <c r="QNF53" s="7">
        <f t="shared" si="733"/>
        <v>5103.125</v>
      </c>
      <c r="QNG53" s="7">
        <f t="shared" si="733"/>
        <v>5103.125</v>
      </c>
      <c r="QNH53" s="7">
        <f t="shared" si="733"/>
        <v>5103.125</v>
      </c>
      <c r="QNI53" s="7">
        <f t="shared" si="733"/>
        <v>5103.125</v>
      </c>
      <c r="QNJ53" s="7">
        <f t="shared" si="733"/>
        <v>5103.125</v>
      </c>
      <c r="QNK53" s="7">
        <f t="shared" si="733"/>
        <v>5103.125</v>
      </c>
      <c r="QNL53" s="7">
        <f t="shared" si="733"/>
        <v>5103.125</v>
      </c>
      <c r="QNM53" s="7">
        <f t="shared" si="733"/>
        <v>5103.125</v>
      </c>
      <c r="QNN53" s="7">
        <f t="shared" si="733"/>
        <v>5103.125</v>
      </c>
      <c r="QNO53" s="7">
        <f t="shared" si="733"/>
        <v>5103.125</v>
      </c>
      <c r="QNP53" s="7">
        <f t="shared" si="733"/>
        <v>5103.125</v>
      </c>
      <c r="QNQ53" s="7">
        <f t="shared" si="733"/>
        <v>5103.125</v>
      </c>
      <c r="QNR53" s="7">
        <f t="shared" si="733"/>
        <v>5103.125</v>
      </c>
      <c r="QNS53" s="7">
        <f t="shared" si="733"/>
        <v>5103.125</v>
      </c>
      <c r="QNT53" s="7">
        <f t="shared" si="733"/>
        <v>5103.125</v>
      </c>
      <c r="QNU53" s="7">
        <f t="shared" si="733"/>
        <v>5103.125</v>
      </c>
      <c r="QNV53" s="7">
        <f t="shared" si="733"/>
        <v>5103.125</v>
      </c>
      <c r="QNW53" s="7">
        <f t="shared" si="733"/>
        <v>5103.125</v>
      </c>
      <c r="QNX53" s="7">
        <f t="shared" si="733"/>
        <v>5103.125</v>
      </c>
      <c r="QNY53" s="7">
        <f t="shared" si="733"/>
        <v>5103.125</v>
      </c>
      <c r="QNZ53" s="7">
        <f t="shared" si="733"/>
        <v>5103.125</v>
      </c>
      <c r="QOA53" s="7">
        <f t="shared" si="733"/>
        <v>5103.125</v>
      </c>
      <c r="QOB53" s="7">
        <f t="shared" si="733"/>
        <v>5103.125</v>
      </c>
      <c r="QOC53" s="7">
        <f t="shared" si="733"/>
        <v>5103.125</v>
      </c>
      <c r="QOD53" s="7">
        <f t="shared" si="733"/>
        <v>5103.125</v>
      </c>
      <c r="QOE53" s="7">
        <f t="shared" si="733"/>
        <v>5103.125</v>
      </c>
      <c r="QOF53" s="7">
        <f t="shared" si="733"/>
        <v>5103.125</v>
      </c>
      <c r="QOG53" s="7">
        <f t="shared" si="733"/>
        <v>5103.125</v>
      </c>
      <c r="QOH53" s="7">
        <f t="shared" si="733"/>
        <v>5103.125</v>
      </c>
      <c r="QOI53" s="7">
        <f t="shared" si="733"/>
        <v>5103.125</v>
      </c>
      <c r="QOJ53" s="7">
        <f t="shared" si="733"/>
        <v>5103.125</v>
      </c>
      <c r="QOK53" s="7">
        <f t="shared" si="733"/>
        <v>5103.125</v>
      </c>
      <c r="QOL53" s="7">
        <f t="shared" si="733"/>
        <v>5103.125</v>
      </c>
      <c r="QOM53" s="7">
        <f t="shared" si="733"/>
        <v>5103.125</v>
      </c>
      <c r="QON53" s="7">
        <f t="shared" si="733"/>
        <v>5103.125</v>
      </c>
      <c r="QOO53" s="7">
        <f t="shared" si="733"/>
        <v>5103.125</v>
      </c>
      <c r="QOP53" s="7">
        <f t="shared" si="733"/>
        <v>5103.125</v>
      </c>
      <c r="QOQ53" s="7">
        <f t="shared" si="733"/>
        <v>5103.125</v>
      </c>
      <c r="QOR53" s="7">
        <f t="shared" si="733"/>
        <v>5103.125</v>
      </c>
      <c r="QOS53" s="7">
        <f t="shared" si="733"/>
        <v>5103.125</v>
      </c>
      <c r="QOT53" s="7">
        <f t="shared" si="733"/>
        <v>5103.125</v>
      </c>
      <c r="QOU53" s="7">
        <f t="shared" si="733"/>
        <v>5103.125</v>
      </c>
      <c r="QOV53" s="7">
        <f t="shared" si="733"/>
        <v>5103.125</v>
      </c>
      <c r="QOW53" s="7">
        <f t="shared" si="733"/>
        <v>5103.125</v>
      </c>
      <c r="QOX53" s="7">
        <f t="shared" si="733"/>
        <v>5103.125</v>
      </c>
      <c r="QOY53" s="7">
        <f t="shared" si="733"/>
        <v>5103.125</v>
      </c>
      <c r="QOZ53" s="7">
        <f t="shared" si="733"/>
        <v>5103.125</v>
      </c>
      <c r="QPA53" s="7">
        <f t="shared" si="733"/>
        <v>5103.125</v>
      </c>
      <c r="QPB53" s="7">
        <f t="shared" si="733"/>
        <v>5103.125</v>
      </c>
      <c r="QPC53" s="7">
        <f t="shared" si="733"/>
        <v>5103.125</v>
      </c>
      <c r="QPD53" s="7">
        <f t="shared" si="733"/>
        <v>5103.125</v>
      </c>
      <c r="QPE53" s="7">
        <f t="shared" si="733"/>
        <v>5103.125</v>
      </c>
      <c r="QPF53" s="7">
        <f t="shared" ref="QPF53:QRQ53" si="734">QPF48+QPE53</f>
        <v>5103.125</v>
      </c>
      <c r="QPG53" s="7">
        <f t="shared" si="734"/>
        <v>5103.125</v>
      </c>
      <c r="QPH53" s="7">
        <f t="shared" si="734"/>
        <v>5103.125</v>
      </c>
      <c r="QPI53" s="7">
        <f t="shared" si="734"/>
        <v>5103.125</v>
      </c>
      <c r="QPJ53" s="7">
        <f t="shared" si="734"/>
        <v>5103.125</v>
      </c>
      <c r="QPK53" s="7">
        <f t="shared" si="734"/>
        <v>5103.125</v>
      </c>
      <c r="QPL53" s="7">
        <f t="shared" si="734"/>
        <v>5103.125</v>
      </c>
      <c r="QPM53" s="7">
        <f t="shared" si="734"/>
        <v>5103.125</v>
      </c>
      <c r="QPN53" s="7">
        <f t="shared" si="734"/>
        <v>5103.125</v>
      </c>
      <c r="QPO53" s="7">
        <f t="shared" si="734"/>
        <v>5103.125</v>
      </c>
      <c r="QPP53" s="7">
        <f t="shared" si="734"/>
        <v>5103.125</v>
      </c>
      <c r="QPQ53" s="7">
        <f t="shared" si="734"/>
        <v>5103.125</v>
      </c>
      <c r="QPR53" s="7">
        <f t="shared" si="734"/>
        <v>5103.125</v>
      </c>
      <c r="QPS53" s="7">
        <f t="shared" si="734"/>
        <v>5103.125</v>
      </c>
      <c r="QPT53" s="7">
        <f t="shared" si="734"/>
        <v>5103.125</v>
      </c>
      <c r="QPU53" s="7">
        <f t="shared" si="734"/>
        <v>5103.125</v>
      </c>
      <c r="QPV53" s="7">
        <f t="shared" si="734"/>
        <v>5103.125</v>
      </c>
      <c r="QPW53" s="7">
        <f t="shared" si="734"/>
        <v>5103.125</v>
      </c>
      <c r="QPX53" s="7">
        <f t="shared" si="734"/>
        <v>5103.125</v>
      </c>
      <c r="QPY53" s="7">
        <f t="shared" si="734"/>
        <v>5103.125</v>
      </c>
      <c r="QPZ53" s="7">
        <f t="shared" si="734"/>
        <v>5103.125</v>
      </c>
      <c r="QQA53" s="7">
        <f t="shared" si="734"/>
        <v>5103.125</v>
      </c>
      <c r="QQB53" s="7">
        <f t="shared" si="734"/>
        <v>5103.125</v>
      </c>
      <c r="QQC53" s="7">
        <f t="shared" si="734"/>
        <v>5103.125</v>
      </c>
      <c r="QQD53" s="7">
        <f t="shared" si="734"/>
        <v>5103.125</v>
      </c>
      <c r="QQE53" s="7">
        <f t="shared" si="734"/>
        <v>5103.125</v>
      </c>
      <c r="QQF53" s="7">
        <f t="shared" si="734"/>
        <v>5103.125</v>
      </c>
      <c r="QQG53" s="7">
        <f t="shared" si="734"/>
        <v>5103.125</v>
      </c>
      <c r="QQH53" s="7">
        <f t="shared" si="734"/>
        <v>5103.125</v>
      </c>
      <c r="QQI53" s="7">
        <f t="shared" si="734"/>
        <v>5103.125</v>
      </c>
      <c r="QQJ53" s="7">
        <f t="shared" si="734"/>
        <v>5103.125</v>
      </c>
      <c r="QQK53" s="7">
        <f t="shared" si="734"/>
        <v>5103.125</v>
      </c>
      <c r="QQL53" s="7">
        <f t="shared" si="734"/>
        <v>5103.125</v>
      </c>
      <c r="QQM53" s="7">
        <f t="shared" si="734"/>
        <v>5103.125</v>
      </c>
      <c r="QQN53" s="7">
        <f t="shared" si="734"/>
        <v>5103.125</v>
      </c>
      <c r="QQO53" s="7">
        <f t="shared" si="734"/>
        <v>5103.125</v>
      </c>
      <c r="QQP53" s="7">
        <f t="shared" si="734"/>
        <v>5103.125</v>
      </c>
      <c r="QQQ53" s="7">
        <f t="shared" si="734"/>
        <v>5103.125</v>
      </c>
      <c r="QQR53" s="7">
        <f t="shared" si="734"/>
        <v>5103.125</v>
      </c>
      <c r="QQS53" s="7">
        <f t="shared" si="734"/>
        <v>5103.125</v>
      </c>
      <c r="QQT53" s="7">
        <f t="shared" si="734"/>
        <v>5103.125</v>
      </c>
      <c r="QQU53" s="7">
        <f t="shared" si="734"/>
        <v>5103.125</v>
      </c>
      <c r="QQV53" s="7">
        <f t="shared" si="734"/>
        <v>5103.125</v>
      </c>
      <c r="QQW53" s="7">
        <f t="shared" si="734"/>
        <v>5103.125</v>
      </c>
      <c r="QQX53" s="7">
        <f t="shared" si="734"/>
        <v>5103.125</v>
      </c>
      <c r="QQY53" s="7">
        <f t="shared" si="734"/>
        <v>5103.125</v>
      </c>
      <c r="QQZ53" s="7">
        <f t="shared" si="734"/>
        <v>5103.125</v>
      </c>
      <c r="QRA53" s="7">
        <f t="shared" si="734"/>
        <v>5103.125</v>
      </c>
      <c r="QRB53" s="7">
        <f t="shared" si="734"/>
        <v>5103.125</v>
      </c>
      <c r="QRC53" s="7">
        <f t="shared" si="734"/>
        <v>5103.125</v>
      </c>
      <c r="QRD53" s="7">
        <f t="shared" si="734"/>
        <v>5103.125</v>
      </c>
      <c r="QRE53" s="7">
        <f t="shared" si="734"/>
        <v>5103.125</v>
      </c>
      <c r="QRF53" s="7">
        <f t="shared" si="734"/>
        <v>5103.125</v>
      </c>
      <c r="QRG53" s="7">
        <f t="shared" si="734"/>
        <v>5103.125</v>
      </c>
      <c r="QRH53" s="7">
        <f t="shared" si="734"/>
        <v>5103.125</v>
      </c>
      <c r="QRI53" s="7">
        <f t="shared" si="734"/>
        <v>5103.125</v>
      </c>
      <c r="QRJ53" s="7">
        <f t="shared" si="734"/>
        <v>5103.125</v>
      </c>
      <c r="QRK53" s="7">
        <f t="shared" si="734"/>
        <v>5103.125</v>
      </c>
      <c r="QRL53" s="7">
        <f t="shared" si="734"/>
        <v>5103.125</v>
      </c>
      <c r="QRM53" s="7">
        <f t="shared" si="734"/>
        <v>5103.125</v>
      </c>
      <c r="QRN53" s="7">
        <f t="shared" si="734"/>
        <v>5103.125</v>
      </c>
      <c r="QRO53" s="7">
        <f t="shared" si="734"/>
        <v>5103.125</v>
      </c>
      <c r="QRP53" s="7">
        <f t="shared" si="734"/>
        <v>5103.125</v>
      </c>
      <c r="QRQ53" s="7">
        <f t="shared" si="734"/>
        <v>5103.125</v>
      </c>
      <c r="QRR53" s="7">
        <f t="shared" ref="QRR53:QUC53" si="735">QRR48+QRQ53</f>
        <v>5103.125</v>
      </c>
      <c r="QRS53" s="7">
        <f t="shared" si="735"/>
        <v>5103.125</v>
      </c>
      <c r="QRT53" s="7">
        <f t="shared" si="735"/>
        <v>5103.125</v>
      </c>
      <c r="QRU53" s="7">
        <f t="shared" si="735"/>
        <v>5103.125</v>
      </c>
      <c r="QRV53" s="7">
        <f t="shared" si="735"/>
        <v>5103.125</v>
      </c>
      <c r="QRW53" s="7">
        <f t="shared" si="735"/>
        <v>5103.125</v>
      </c>
      <c r="QRX53" s="7">
        <f t="shared" si="735"/>
        <v>5103.125</v>
      </c>
      <c r="QRY53" s="7">
        <f t="shared" si="735"/>
        <v>5103.125</v>
      </c>
      <c r="QRZ53" s="7">
        <f t="shared" si="735"/>
        <v>5103.125</v>
      </c>
      <c r="QSA53" s="7">
        <f t="shared" si="735"/>
        <v>5103.125</v>
      </c>
      <c r="QSB53" s="7">
        <f t="shared" si="735"/>
        <v>5103.125</v>
      </c>
      <c r="QSC53" s="7">
        <f t="shared" si="735"/>
        <v>5103.125</v>
      </c>
      <c r="QSD53" s="7">
        <f t="shared" si="735"/>
        <v>5103.125</v>
      </c>
      <c r="QSE53" s="7">
        <f t="shared" si="735"/>
        <v>5103.125</v>
      </c>
      <c r="QSF53" s="7">
        <f t="shared" si="735"/>
        <v>5103.125</v>
      </c>
      <c r="QSG53" s="7">
        <f t="shared" si="735"/>
        <v>5103.125</v>
      </c>
      <c r="QSH53" s="7">
        <f t="shared" si="735"/>
        <v>5103.125</v>
      </c>
      <c r="QSI53" s="7">
        <f t="shared" si="735"/>
        <v>5103.125</v>
      </c>
      <c r="QSJ53" s="7">
        <f t="shared" si="735"/>
        <v>5103.125</v>
      </c>
      <c r="QSK53" s="7">
        <f t="shared" si="735"/>
        <v>5103.125</v>
      </c>
      <c r="QSL53" s="7">
        <f t="shared" si="735"/>
        <v>5103.125</v>
      </c>
      <c r="QSM53" s="7">
        <f t="shared" si="735"/>
        <v>5103.125</v>
      </c>
      <c r="QSN53" s="7">
        <f t="shared" si="735"/>
        <v>5103.125</v>
      </c>
      <c r="QSO53" s="7">
        <f t="shared" si="735"/>
        <v>5103.125</v>
      </c>
      <c r="QSP53" s="7">
        <f t="shared" si="735"/>
        <v>5103.125</v>
      </c>
      <c r="QSQ53" s="7">
        <f t="shared" si="735"/>
        <v>5103.125</v>
      </c>
      <c r="QSR53" s="7">
        <f t="shared" si="735"/>
        <v>5103.125</v>
      </c>
      <c r="QSS53" s="7">
        <f t="shared" si="735"/>
        <v>5103.125</v>
      </c>
      <c r="QST53" s="7">
        <f t="shared" si="735"/>
        <v>5103.125</v>
      </c>
      <c r="QSU53" s="7">
        <f t="shared" si="735"/>
        <v>5103.125</v>
      </c>
      <c r="QSV53" s="7">
        <f t="shared" si="735"/>
        <v>5103.125</v>
      </c>
      <c r="QSW53" s="7">
        <f t="shared" si="735"/>
        <v>5103.125</v>
      </c>
      <c r="QSX53" s="7">
        <f t="shared" si="735"/>
        <v>5103.125</v>
      </c>
      <c r="QSY53" s="7">
        <f t="shared" si="735"/>
        <v>5103.125</v>
      </c>
      <c r="QSZ53" s="7">
        <f t="shared" si="735"/>
        <v>5103.125</v>
      </c>
      <c r="QTA53" s="7">
        <f t="shared" si="735"/>
        <v>5103.125</v>
      </c>
      <c r="QTB53" s="7">
        <f t="shared" si="735"/>
        <v>5103.125</v>
      </c>
      <c r="QTC53" s="7">
        <f t="shared" si="735"/>
        <v>5103.125</v>
      </c>
      <c r="QTD53" s="7">
        <f t="shared" si="735"/>
        <v>5103.125</v>
      </c>
      <c r="QTE53" s="7">
        <f t="shared" si="735"/>
        <v>5103.125</v>
      </c>
      <c r="QTF53" s="7">
        <f t="shared" si="735"/>
        <v>5103.125</v>
      </c>
      <c r="QTG53" s="7">
        <f t="shared" si="735"/>
        <v>5103.125</v>
      </c>
      <c r="QTH53" s="7">
        <f t="shared" si="735"/>
        <v>5103.125</v>
      </c>
      <c r="QTI53" s="7">
        <f t="shared" si="735"/>
        <v>5103.125</v>
      </c>
      <c r="QTJ53" s="7">
        <f t="shared" si="735"/>
        <v>5103.125</v>
      </c>
      <c r="QTK53" s="7">
        <f t="shared" si="735"/>
        <v>5103.125</v>
      </c>
      <c r="QTL53" s="7">
        <f t="shared" si="735"/>
        <v>5103.125</v>
      </c>
      <c r="QTM53" s="7">
        <f t="shared" si="735"/>
        <v>5103.125</v>
      </c>
      <c r="QTN53" s="7">
        <f t="shared" si="735"/>
        <v>5103.125</v>
      </c>
      <c r="QTO53" s="7">
        <f t="shared" si="735"/>
        <v>5103.125</v>
      </c>
      <c r="QTP53" s="7">
        <f t="shared" si="735"/>
        <v>5103.125</v>
      </c>
      <c r="QTQ53" s="7">
        <f t="shared" si="735"/>
        <v>5103.125</v>
      </c>
      <c r="QTR53" s="7">
        <f t="shared" si="735"/>
        <v>5103.125</v>
      </c>
      <c r="QTS53" s="7">
        <f t="shared" si="735"/>
        <v>5103.125</v>
      </c>
      <c r="QTT53" s="7">
        <f t="shared" si="735"/>
        <v>5103.125</v>
      </c>
      <c r="QTU53" s="7">
        <f t="shared" si="735"/>
        <v>5103.125</v>
      </c>
      <c r="QTV53" s="7">
        <f t="shared" si="735"/>
        <v>5103.125</v>
      </c>
      <c r="QTW53" s="7">
        <f t="shared" si="735"/>
        <v>5103.125</v>
      </c>
      <c r="QTX53" s="7">
        <f t="shared" si="735"/>
        <v>5103.125</v>
      </c>
      <c r="QTY53" s="7">
        <f t="shared" si="735"/>
        <v>5103.125</v>
      </c>
      <c r="QTZ53" s="7">
        <f t="shared" si="735"/>
        <v>5103.125</v>
      </c>
      <c r="QUA53" s="7">
        <f t="shared" si="735"/>
        <v>5103.125</v>
      </c>
      <c r="QUB53" s="7">
        <f t="shared" si="735"/>
        <v>5103.125</v>
      </c>
      <c r="QUC53" s="7">
        <f t="shared" si="735"/>
        <v>5103.125</v>
      </c>
      <c r="QUD53" s="7">
        <f t="shared" ref="QUD53:QWO53" si="736">QUD48+QUC53</f>
        <v>5103.125</v>
      </c>
      <c r="QUE53" s="7">
        <f t="shared" si="736"/>
        <v>5103.125</v>
      </c>
      <c r="QUF53" s="7">
        <f t="shared" si="736"/>
        <v>5103.125</v>
      </c>
      <c r="QUG53" s="7">
        <f t="shared" si="736"/>
        <v>5103.125</v>
      </c>
      <c r="QUH53" s="7">
        <f t="shared" si="736"/>
        <v>5103.125</v>
      </c>
      <c r="QUI53" s="7">
        <f t="shared" si="736"/>
        <v>5103.125</v>
      </c>
      <c r="QUJ53" s="7">
        <f t="shared" si="736"/>
        <v>5103.125</v>
      </c>
      <c r="QUK53" s="7">
        <f t="shared" si="736"/>
        <v>5103.125</v>
      </c>
      <c r="QUL53" s="7">
        <f t="shared" si="736"/>
        <v>5103.125</v>
      </c>
      <c r="QUM53" s="7">
        <f t="shared" si="736"/>
        <v>5103.125</v>
      </c>
      <c r="QUN53" s="7">
        <f t="shared" si="736"/>
        <v>5103.125</v>
      </c>
      <c r="QUO53" s="7">
        <f t="shared" si="736"/>
        <v>5103.125</v>
      </c>
      <c r="QUP53" s="7">
        <f t="shared" si="736"/>
        <v>5103.125</v>
      </c>
      <c r="QUQ53" s="7">
        <f t="shared" si="736"/>
        <v>5103.125</v>
      </c>
      <c r="QUR53" s="7">
        <f t="shared" si="736"/>
        <v>5103.125</v>
      </c>
      <c r="QUS53" s="7">
        <f t="shared" si="736"/>
        <v>5103.125</v>
      </c>
      <c r="QUT53" s="7">
        <f t="shared" si="736"/>
        <v>5103.125</v>
      </c>
      <c r="QUU53" s="7">
        <f t="shared" si="736"/>
        <v>5103.125</v>
      </c>
      <c r="QUV53" s="7">
        <f t="shared" si="736"/>
        <v>5103.125</v>
      </c>
      <c r="QUW53" s="7">
        <f t="shared" si="736"/>
        <v>5103.125</v>
      </c>
      <c r="QUX53" s="7">
        <f t="shared" si="736"/>
        <v>5103.125</v>
      </c>
      <c r="QUY53" s="7">
        <f t="shared" si="736"/>
        <v>5103.125</v>
      </c>
      <c r="QUZ53" s="7">
        <f t="shared" si="736"/>
        <v>5103.125</v>
      </c>
      <c r="QVA53" s="7">
        <f t="shared" si="736"/>
        <v>5103.125</v>
      </c>
      <c r="QVB53" s="7">
        <f t="shared" si="736"/>
        <v>5103.125</v>
      </c>
      <c r="QVC53" s="7">
        <f t="shared" si="736"/>
        <v>5103.125</v>
      </c>
      <c r="QVD53" s="7">
        <f t="shared" si="736"/>
        <v>5103.125</v>
      </c>
      <c r="QVE53" s="7">
        <f t="shared" si="736"/>
        <v>5103.125</v>
      </c>
      <c r="QVF53" s="7">
        <f t="shared" si="736"/>
        <v>5103.125</v>
      </c>
      <c r="QVG53" s="7">
        <f t="shared" si="736"/>
        <v>5103.125</v>
      </c>
      <c r="QVH53" s="7">
        <f t="shared" si="736"/>
        <v>5103.125</v>
      </c>
      <c r="QVI53" s="7">
        <f t="shared" si="736"/>
        <v>5103.125</v>
      </c>
      <c r="QVJ53" s="7">
        <f t="shared" si="736"/>
        <v>5103.125</v>
      </c>
      <c r="QVK53" s="7">
        <f t="shared" si="736"/>
        <v>5103.125</v>
      </c>
      <c r="QVL53" s="7">
        <f t="shared" si="736"/>
        <v>5103.125</v>
      </c>
      <c r="QVM53" s="7">
        <f t="shared" si="736"/>
        <v>5103.125</v>
      </c>
      <c r="QVN53" s="7">
        <f t="shared" si="736"/>
        <v>5103.125</v>
      </c>
      <c r="QVO53" s="7">
        <f t="shared" si="736"/>
        <v>5103.125</v>
      </c>
      <c r="QVP53" s="7">
        <f t="shared" si="736"/>
        <v>5103.125</v>
      </c>
      <c r="QVQ53" s="7">
        <f t="shared" si="736"/>
        <v>5103.125</v>
      </c>
      <c r="QVR53" s="7">
        <f t="shared" si="736"/>
        <v>5103.125</v>
      </c>
      <c r="QVS53" s="7">
        <f t="shared" si="736"/>
        <v>5103.125</v>
      </c>
      <c r="QVT53" s="7">
        <f t="shared" si="736"/>
        <v>5103.125</v>
      </c>
      <c r="QVU53" s="7">
        <f t="shared" si="736"/>
        <v>5103.125</v>
      </c>
      <c r="QVV53" s="7">
        <f t="shared" si="736"/>
        <v>5103.125</v>
      </c>
      <c r="QVW53" s="7">
        <f t="shared" si="736"/>
        <v>5103.125</v>
      </c>
      <c r="QVX53" s="7">
        <f t="shared" si="736"/>
        <v>5103.125</v>
      </c>
      <c r="QVY53" s="7">
        <f t="shared" si="736"/>
        <v>5103.125</v>
      </c>
      <c r="QVZ53" s="7">
        <f t="shared" si="736"/>
        <v>5103.125</v>
      </c>
      <c r="QWA53" s="7">
        <f t="shared" si="736"/>
        <v>5103.125</v>
      </c>
      <c r="QWB53" s="7">
        <f t="shared" si="736"/>
        <v>5103.125</v>
      </c>
      <c r="QWC53" s="7">
        <f t="shared" si="736"/>
        <v>5103.125</v>
      </c>
      <c r="QWD53" s="7">
        <f t="shared" si="736"/>
        <v>5103.125</v>
      </c>
      <c r="QWE53" s="7">
        <f t="shared" si="736"/>
        <v>5103.125</v>
      </c>
      <c r="QWF53" s="7">
        <f t="shared" si="736"/>
        <v>5103.125</v>
      </c>
      <c r="QWG53" s="7">
        <f t="shared" si="736"/>
        <v>5103.125</v>
      </c>
      <c r="QWH53" s="7">
        <f t="shared" si="736"/>
        <v>5103.125</v>
      </c>
      <c r="QWI53" s="7">
        <f t="shared" si="736"/>
        <v>5103.125</v>
      </c>
      <c r="QWJ53" s="7">
        <f t="shared" si="736"/>
        <v>5103.125</v>
      </c>
      <c r="QWK53" s="7">
        <f t="shared" si="736"/>
        <v>5103.125</v>
      </c>
      <c r="QWL53" s="7">
        <f t="shared" si="736"/>
        <v>5103.125</v>
      </c>
      <c r="QWM53" s="7">
        <f t="shared" si="736"/>
        <v>5103.125</v>
      </c>
      <c r="QWN53" s="7">
        <f t="shared" si="736"/>
        <v>5103.125</v>
      </c>
      <c r="QWO53" s="7">
        <f t="shared" si="736"/>
        <v>5103.125</v>
      </c>
      <c r="QWP53" s="7">
        <f t="shared" ref="QWP53:QZA53" si="737">QWP48+QWO53</f>
        <v>5103.125</v>
      </c>
      <c r="QWQ53" s="7">
        <f t="shared" si="737"/>
        <v>5103.125</v>
      </c>
      <c r="QWR53" s="7">
        <f t="shared" si="737"/>
        <v>5103.125</v>
      </c>
      <c r="QWS53" s="7">
        <f t="shared" si="737"/>
        <v>5103.125</v>
      </c>
      <c r="QWT53" s="7">
        <f t="shared" si="737"/>
        <v>5103.125</v>
      </c>
      <c r="QWU53" s="7">
        <f t="shared" si="737"/>
        <v>5103.125</v>
      </c>
      <c r="QWV53" s="7">
        <f t="shared" si="737"/>
        <v>5103.125</v>
      </c>
      <c r="QWW53" s="7">
        <f t="shared" si="737"/>
        <v>5103.125</v>
      </c>
      <c r="QWX53" s="7">
        <f t="shared" si="737"/>
        <v>5103.125</v>
      </c>
      <c r="QWY53" s="7">
        <f t="shared" si="737"/>
        <v>5103.125</v>
      </c>
      <c r="QWZ53" s="7">
        <f t="shared" si="737"/>
        <v>5103.125</v>
      </c>
      <c r="QXA53" s="7">
        <f t="shared" si="737"/>
        <v>5103.125</v>
      </c>
      <c r="QXB53" s="7">
        <f t="shared" si="737"/>
        <v>5103.125</v>
      </c>
      <c r="QXC53" s="7">
        <f t="shared" si="737"/>
        <v>5103.125</v>
      </c>
      <c r="QXD53" s="7">
        <f t="shared" si="737"/>
        <v>5103.125</v>
      </c>
      <c r="QXE53" s="7">
        <f t="shared" si="737"/>
        <v>5103.125</v>
      </c>
      <c r="QXF53" s="7">
        <f t="shared" si="737"/>
        <v>5103.125</v>
      </c>
      <c r="QXG53" s="7">
        <f t="shared" si="737"/>
        <v>5103.125</v>
      </c>
      <c r="QXH53" s="7">
        <f t="shared" si="737"/>
        <v>5103.125</v>
      </c>
      <c r="QXI53" s="7">
        <f t="shared" si="737"/>
        <v>5103.125</v>
      </c>
      <c r="QXJ53" s="7">
        <f t="shared" si="737"/>
        <v>5103.125</v>
      </c>
      <c r="QXK53" s="7">
        <f t="shared" si="737"/>
        <v>5103.125</v>
      </c>
      <c r="QXL53" s="7">
        <f t="shared" si="737"/>
        <v>5103.125</v>
      </c>
      <c r="QXM53" s="7">
        <f t="shared" si="737"/>
        <v>5103.125</v>
      </c>
      <c r="QXN53" s="7">
        <f t="shared" si="737"/>
        <v>5103.125</v>
      </c>
      <c r="QXO53" s="7">
        <f t="shared" si="737"/>
        <v>5103.125</v>
      </c>
      <c r="QXP53" s="7">
        <f t="shared" si="737"/>
        <v>5103.125</v>
      </c>
      <c r="QXQ53" s="7">
        <f t="shared" si="737"/>
        <v>5103.125</v>
      </c>
      <c r="QXR53" s="7">
        <f t="shared" si="737"/>
        <v>5103.125</v>
      </c>
      <c r="QXS53" s="7">
        <f t="shared" si="737"/>
        <v>5103.125</v>
      </c>
      <c r="QXT53" s="7">
        <f t="shared" si="737"/>
        <v>5103.125</v>
      </c>
      <c r="QXU53" s="7">
        <f t="shared" si="737"/>
        <v>5103.125</v>
      </c>
      <c r="QXV53" s="7">
        <f t="shared" si="737"/>
        <v>5103.125</v>
      </c>
      <c r="QXW53" s="7">
        <f t="shared" si="737"/>
        <v>5103.125</v>
      </c>
      <c r="QXX53" s="7">
        <f t="shared" si="737"/>
        <v>5103.125</v>
      </c>
      <c r="QXY53" s="7">
        <f t="shared" si="737"/>
        <v>5103.125</v>
      </c>
      <c r="QXZ53" s="7">
        <f t="shared" si="737"/>
        <v>5103.125</v>
      </c>
      <c r="QYA53" s="7">
        <f t="shared" si="737"/>
        <v>5103.125</v>
      </c>
      <c r="QYB53" s="7">
        <f t="shared" si="737"/>
        <v>5103.125</v>
      </c>
      <c r="QYC53" s="7">
        <f t="shared" si="737"/>
        <v>5103.125</v>
      </c>
      <c r="QYD53" s="7">
        <f t="shared" si="737"/>
        <v>5103.125</v>
      </c>
      <c r="QYE53" s="7">
        <f t="shared" si="737"/>
        <v>5103.125</v>
      </c>
      <c r="QYF53" s="7">
        <f t="shared" si="737"/>
        <v>5103.125</v>
      </c>
      <c r="QYG53" s="7">
        <f t="shared" si="737"/>
        <v>5103.125</v>
      </c>
      <c r="QYH53" s="7">
        <f t="shared" si="737"/>
        <v>5103.125</v>
      </c>
      <c r="QYI53" s="7">
        <f t="shared" si="737"/>
        <v>5103.125</v>
      </c>
      <c r="QYJ53" s="7">
        <f t="shared" si="737"/>
        <v>5103.125</v>
      </c>
      <c r="QYK53" s="7">
        <f t="shared" si="737"/>
        <v>5103.125</v>
      </c>
      <c r="QYL53" s="7">
        <f t="shared" si="737"/>
        <v>5103.125</v>
      </c>
      <c r="QYM53" s="7">
        <f t="shared" si="737"/>
        <v>5103.125</v>
      </c>
      <c r="QYN53" s="7">
        <f t="shared" si="737"/>
        <v>5103.125</v>
      </c>
      <c r="QYO53" s="7">
        <f t="shared" si="737"/>
        <v>5103.125</v>
      </c>
      <c r="QYP53" s="7">
        <f t="shared" si="737"/>
        <v>5103.125</v>
      </c>
      <c r="QYQ53" s="7">
        <f t="shared" si="737"/>
        <v>5103.125</v>
      </c>
      <c r="QYR53" s="7">
        <f t="shared" si="737"/>
        <v>5103.125</v>
      </c>
      <c r="QYS53" s="7">
        <f t="shared" si="737"/>
        <v>5103.125</v>
      </c>
      <c r="QYT53" s="7">
        <f t="shared" si="737"/>
        <v>5103.125</v>
      </c>
      <c r="QYU53" s="7">
        <f t="shared" si="737"/>
        <v>5103.125</v>
      </c>
      <c r="QYV53" s="7">
        <f t="shared" si="737"/>
        <v>5103.125</v>
      </c>
      <c r="QYW53" s="7">
        <f t="shared" si="737"/>
        <v>5103.125</v>
      </c>
      <c r="QYX53" s="7">
        <f t="shared" si="737"/>
        <v>5103.125</v>
      </c>
      <c r="QYY53" s="7">
        <f t="shared" si="737"/>
        <v>5103.125</v>
      </c>
      <c r="QYZ53" s="7">
        <f t="shared" si="737"/>
        <v>5103.125</v>
      </c>
      <c r="QZA53" s="7">
        <f t="shared" si="737"/>
        <v>5103.125</v>
      </c>
      <c r="QZB53" s="7">
        <f t="shared" ref="QZB53:RBM53" si="738">QZB48+QZA53</f>
        <v>5103.125</v>
      </c>
      <c r="QZC53" s="7">
        <f t="shared" si="738"/>
        <v>5103.125</v>
      </c>
      <c r="QZD53" s="7">
        <f t="shared" si="738"/>
        <v>5103.125</v>
      </c>
      <c r="QZE53" s="7">
        <f t="shared" si="738"/>
        <v>5103.125</v>
      </c>
      <c r="QZF53" s="7">
        <f t="shared" si="738"/>
        <v>5103.125</v>
      </c>
      <c r="QZG53" s="7">
        <f t="shared" si="738"/>
        <v>5103.125</v>
      </c>
      <c r="QZH53" s="7">
        <f t="shared" si="738"/>
        <v>5103.125</v>
      </c>
      <c r="QZI53" s="7">
        <f t="shared" si="738"/>
        <v>5103.125</v>
      </c>
      <c r="QZJ53" s="7">
        <f t="shared" si="738"/>
        <v>5103.125</v>
      </c>
      <c r="QZK53" s="7">
        <f t="shared" si="738"/>
        <v>5103.125</v>
      </c>
      <c r="QZL53" s="7">
        <f t="shared" si="738"/>
        <v>5103.125</v>
      </c>
      <c r="QZM53" s="7">
        <f t="shared" si="738"/>
        <v>5103.125</v>
      </c>
      <c r="QZN53" s="7">
        <f t="shared" si="738"/>
        <v>5103.125</v>
      </c>
      <c r="QZO53" s="7">
        <f t="shared" si="738"/>
        <v>5103.125</v>
      </c>
      <c r="QZP53" s="7">
        <f t="shared" si="738"/>
        <v>5103.125</v>
      </c>
      <c r="QZQ53" s="7">
        <f t="shared" si="738"/>
        <v>5103.125</v>
      </c>
      <c r="QZR53" s="7">
        <f t="shared" si="738"/>
        <v>5103.125</v>
      </c>
      <c r="QZS53" s="7">
        <f t="shared" si="738"/>
        <v>5103.125</v>
      </c>
      <c r="QZT53" s="7">
        <f t="shared" si="738"/>
        <v>5103.125</v>
      </c>
      <c r="QZU53" s="7">
        <f t="shared" si="738"/>
        <v>5103.125</v>
      </c>
      <c r="QZV53" s="7">
        <f t="shared" si="738"/>
        <v>5103.125</v>
      </c>
      <c r="QZW53" s="7">
        <f t="shared" si="738"/>
        <v>5103.125</v>
      </c>
      <c r="QZX53" s="7">
        <f t="shared" si="738"/>
        <v>5103.125</v>
      </c>
      <c r="QZY53" s="7">
        <f t="shared" si="738"/>
        <v>5103.125</v>
      </c>
      <c r="QZZ53" s="7">
        <f t="shared" si="738"/>
        <v>5103.125</v>
      </c>
      <c r="RAA53" s="7">
        <f t="shared" si="738"/>
        <v>5103.125</v>
      </c>
      <c r="RAB53" s="7">
        <f t="shared" si="738"/>
        <v>5103.125</v>
      </c>
      <c r="RAC53" s="7">
        <f t="shared" si="738"/>
        <v>5103.125</v>
      </c>
      <c r="RAD53" s="7">
        <f t="shared" si="738"/>
        <v>5103.125</v>
      </c>
      <c r="RAE53" s="7">
        <f t="shared" si="738"/>
        <v>5103.125</v>
      </c>
      <c r="RAF53" s="7">
        <f t="shared" si="738"/>
        <v>5103.125</v>
      </c>
      <c r="RAG53" s="7">
        <f t="shared" si="738"/>
        <v>5103.125</v>
      </c>
      <c r="RAH53" s="7">
        <f t="shared" si="738"/>
        <v>5103.125</v>
      </c>
      <c r="RAI53" s="7">
        <f t="shared" si="738"/>
        <v>5103.125</v>
      </c>
      <c r="RAJ53" s="7">
        <f t="shared" si="738"/>
        <v>5103.125</v>
      </c>
      <c r="RAK53" s="7">
        <f t="shared" si="738"/>
        <v>5103.125</v>
      </c>
      <c r="RAL53" s="7">
        <f t="shared" si="738"/>
        <v>5103.125</v>
      </c>
      <c r="RAM53" s="7">
        <f t="shared" si="738"/>
        <v>5103.125</v>
      </c>
      <c r="RAN53" s="7">
        <f t="shared" si="738"/>
        <v>5103.125</v>
      </c>
      <c r="RAO53" s="7">
        <f t="shared" si="738"/>
        <v>5103.125</v>
      </c>
      <c r="RAP53" s="7">
        <f t="shared" si="738"/>
        <v>5103.125</v>
      </c>
      <c r="RAQ53" s="7">
        <f t="shared" si="738"/>
        <v>5103.125</v>
      </c>
      <c r="RAR53" s="7">
        <f t="shared" si="738"/>
        <v>5103.125</v>
      </c>
      <c r="RAS53" s="7">
        <f t="shared" si="738"/>
        <v>5103.125</v>
      </c>
      <c r="RAT53" s="7">
        <f t="shared" si="738"/>
        <v>5103.125</v>
      </c>
      <c r="RAU53" s="7">
        <f t="shared" si="738"/>
        <v>5103.125</v>
      </c>
      <c r="RAV53" s="7">
        <f t="shared" si="738"/>
        <v>5103.125</v>
      </c>
      <c r="RAW53" s="7">
        <f t="shared" si="738"/>
        <v>5103.125</v>
      </c>
      <c r="RAX53" s="7">
        <f t="shared" si="738"/>
        <v>5103.125</v>
      </c>
      <c r="RAY53" s="7">
        <f t="shared" si="738"/>
        <v>5103.125</v>
      </c>
      <c r="RAZ53" s="7">
        <f t="shared" si="738"/>
        <v>5103.125</v>
      </c>
      <c r="RBA53" s="7">
        <f t="shared" si="738"/>
        <v>5103.125</v>
      </c>
      <c r="RBB53" s="7">
        <f t="shared" si="738"/>
        <v>5103.125</v>
      </c>
      <c r="RBC53" s="7">
        <f t="shared" si="738"/>
        <v>5103.125</v>
      </c>
      <c r="RBD53" s="7">
        <f t="shared" si="738"/>
        <v>5103.125</v>
      </c>
      <c r="RBE53" s="7">
        <f t="shared" si="738"/>
        <v>5103.125</v>
      </c>
      <c r="RBF53" s="7">
        <f t="shared" si="738"/>
        <v>5103.125</v>
      </c>
      <c r="RBG53" s="7">
        <f t="shared" si="738"/>
        <v>5103.125</v>
      </c>
      <c r="RBH53" s="7">
        <f t="shared" si="738"/>
        <v>5103.125</v>
      </c>
      <c r="RBI53" s="7">
        <f t="shared" si="738"/>
        <v>5103.125</v>
      </c>
      <c r="RBJ53" s="7">
        <f t="shared" si="738"/>
        <v>5103.125</v>
      </c>
      <c r="RBK53" s="7">
        <f t="shared" si="738"/>
        <v>5103.125</v>
      </c>
      <c r="RBL53" s="7">
        <f t="shared" si="738"/>
        <v>5103.125</v>
      </c>
      <c r="RBM53" s="7">
        <f t="shared" si="738"/>
        <v>5103.125</v>
      </c>
      <c r="RBN53" s="7">
        <f t="shared" ref="RBN53:RDY53" si="739">RBN48+RBM53</f>
        <v>5103.125</v>
      </c>
      <c r="RBO53" s="7">
        <f t="shared" si="739"/>
        <v>5103.125</v>
      </c>
      <c r="RBP53" s="7">
        <f t="shared" si="739"/>
        <v>5103.125</v>
      </c>
      <c r="RBQ53" s="7">
        <f t="shared" si="739"/>
        <v>5103.125</v>
      </c>
      <c r="RBR53" s="7">
        <f t="shared" si="739"/>
        <v>5103.125</v>
      </c>
      <c r="RBS53" s="7">
        <f t="shared" si="739"/>
        <v>5103.125</v>
      </c>
      <c r="RBT53" s="7">
        <f t="shared" si="739"/>
        <v>5103.125</v>
      </c>
      <c r="RBU53" s="7">
        <f t="shared" si="739"/>
        <v>5103.125</v>
      </c>
      <c r="RBV53" s="7">
        <f t="shared" si="739"/>
        <v>5103.125</v>
      </c>
      <c r="RBW53" s="7">
        <f t="shared" si="739"/>
        <v>5103.125</v>
      </c>
      <c r="RBX53" s="7">
        <f t="shared" si="739"/>
        <v>5103.125</v>
      </c>
      <c r="RBY53" s="7">
        <f t="shared" si="739"/>
        <v>5103.125</v>
      </c>
      <c r="RBZ53" s="7">
        <f t="shared" si="739"/>
        <v>5103.125</v>
      </c>
      <c r="RCA53" s="7">
        <f t="shared" si="739"/>
        <v>5103.125</v>
      </c>
      <c r="RCB53" s="7">
        <f t="shared" si="739"/>
        <v>5103.125</v>
      </c>
      <c r="RCC53" s="7">
        <f t="shared" si="739"/>
        <v>5103.125</v>
      </c>
      <c r="RCD53" s="7">
        <f t="shared" si="739"/>
        <v>5103.125</v>
      </c>
      <c r="RCE53" s="7">
        <f t="shared" si="739"/>
        <v>5103.125</v>
      </c>
      <c r="RCF53" s="7">
        <f t="shared" si="739"/>
        <v>5103.125</v>
      </c>
      <c r="RCG53" s="7">
        <f t="shared" si="739"/>
        <v>5103.125</v>
      </c>
      <c r="RCH53" s="7">
        <f t="shared" si="739"/>
        <v>5103.125</v>
      </c>
      <c r="RCI53" s="7">
        <f t="shared" si="739"/>
        <v>5103.125</v>
      </c>
      <c r="RCJ53" s="7">
        <f t="shared" si="739"/>
        <v>5103.125</v>
      </c>
      <c r="RCK53" s="7">
        <f t="shared" si="739"/>
        <v>5103.125</v>
      </c>
      <c r="RCL53" s="7">
        <f t="shared" si="739"/>
        <v>5103.125</v>
      </c>
      <c r="RCM53" s="7">
        <f t="shared" si="739"/>
        <v>5103.125</v>
      </c>
      <c r="RCN53" s="7">
        <f t="shared" si="739"/>
        <v>5103.125</v>
      </c>
      <c r="RCO53" s="7">
        <f t="shared" si="739"/>
        <v>5103.125</v>
      </c>
      <c r="RCP53" s="7">
        <f t="shared" si="739"/>
        <v>5103.125</v>
      </c>
      <c r="RCQ53" s="7">
        <f t="shared" si="739"/>
        <v>5103.125</v>
      </c>
      <c r="RCR53" s="7">
        <f t="shared" si="739"/>
        <v>5103.125</v>
      </c>
      <c r="RCS53" s="7">
        <f t="shared" si="739"/>
        <v>5103.125</v>
      </c>
      <c r="RCT53" s="7">
        <f t="shared" si="739"/>
        <v>5103.125</v>
      </c>
      <c r="RCU53" s="7">
        <f t="shared" si="739"/>
        <v>5103.125</v>
      </c>
      <c r="RCV53" s="7">
        <f t="shared" si="739"/>
        <v>5103.125</v>
      </c>
      <c r="RCW53" s="7">
        <f t="shared" si="739"/>
        <v>5103.125</v>
      </c>
      <c r="RCX53" s="7">
        <f t="shared" si="739"/>
        <v>5103.125</v>
      </c>
      <c r="RCY53" s="7">
        <f t="shared" si="739"/>
        <v>5103.125</v>
      </c>
      <c r="RCZ53" s="7">
        <f t="shared" si="739"/>
        <v>5103.125</v>
      </c>
      <c r="RDA53" s="7">
        <f t="shared" si="739"/>
        <v>5103.125</v>
      </c>
      <c r="RDB53" s="7">
        <f t="shared" si="739"/>
        <v>5103.125</v>
      </c>
      <c r="RDC53" s="7">
        <f t="shared" si="739"/>
        <v>5103.125</v>
      </c>
      <c r="RDD53" s="7">
        <f t="shared" si="739"/>
        <v>5103.125</v>
      </c>
      <c r="RDE53" s="7">
        <f t="shared" si="739"/>
        <v>5103.125</v>
      </c>
      <c r="RDF53" s="7">
        <f t="shared" si="739"/>
        <v>5103.125</v>
      </c>
      <c r="RDG53" s="7">
        <f t="shared" si="739"/>
        <v>5103.125</v>
      </c>
      <c r="RDH53" s="7">
        <f t="shared" si="739"/>
        <v>5103.125</v>
      </c>
      <c r="RDI53" s="7">
        <f t="shared" si="739"/>
        <v>5103.125</v>
      </c>
      <c r="RDJ53" s="7">
        <f t="shared" si="739"/>
        <v>5103.125</v>
      </c>
      <c r="RDK53" s="7">
        <f t="shared" si="739"/>
        <v>5103.125</v>
      </c>
      <c r="RDL53" s="7">
        <f t="shared" si="739"/>
        <v>5103.125</v>
      </c>
      <c r="RDM53" s="7">
        <f t="shared" si="739"/>
        <v>5103.125</v>
      </c>
      <c r="RDN53" s="7">
        <f t="shared" si="739"/>
        <v>5103.125</v>
      </c>
      <c r="RDO53" s="7">
        <f t="shared" si="739"/>
        <v>5103.125</v>
      </c>
      <c r="RDP53" s="7">
        <f t="shared" si="739"/>
        <v>5103.125</v>
      </c>
      <c r="RDQ53" s="7">
        <f t="shared" si="739"/>
        <v>5103.125</v>
      </c>
      <c r="RDR53" s="7">
        <f t="shared" si="739"/>
        <v>5103.125</v>
      </c>
      <c r="RDS53" s="7">
        <f t="shared" si="739"/>
        <v>5103.125</v>
      </c>
      <c r="RDT53" s="7">
        <f t="shared" si="739"/>
        <v>5103.125</v>
      </c>
      <c r="RDU53" s="7">
        <f t="shared" si="739"/>
        <v>5103.125</v>
      </c>
      <c r="RDV53" s="7">
        <f t="shared" si="739"/>
        <v>5103.125</v>
      </c>
      <c r="RDW53" s="7">
        <f t="shared" si="739"/>
        <v>5103.125</v>
      </c>
      <c r="RDX53" s="7">
        <f t="shared" si="739"/>
        <v>5103.125</v>
      </c>
      <c r="RDY53" s="7">
        <f t="shared" si="739"/>
        <v>5103.125</v>
      </c>
      <c r="RDZ53" s="7">
        <f t="shared" ref="RDZ53:RGK53" si="740">RDZ48+RDY53</f>
        <v>5103.125</v>
      </c>
      <c r="REA53" s="7">
        <f t="shared" si="740"/>
        <v>5103.125</v>
      </c>
      <c r="REB53" s="7">
        <f t="shared" si="740"/>
        <v>5103.125</v>
      </c>
      <c r="REC53" s="7">
        <f t="shared" si="740"/>
        <v>5103.125</v>
      </c>
      <c r="RED53" s="7">
        <f t="shared" si="740"/>
        <v>5103.125</v>
      </c>
      <c r="REE53" s="7">
        <f t="shared" si="740"/>
        <v>5103.125</v>
      </c>
      <c r="REF53" s="7">
        <f t="shared" si="740"/>
        <v>5103.125</v>
      </c>
      <c r="REG53" s="7">
        <f t="shared" si="740"/>
        <v>5103.125</v>
      </c>
      <c r="REH53" s="7">
        <f t="shared" si="740"/>
        <v>5103.125</v>
      </c>
      <c r="REI53" s="7">
        <f t="shared" si="740"/>
        <v>5103.125</v>
      </c>
      <c r="REJ53" s="7">
        <f t="shared" si="740"/>
        <v>5103.125</v>
      </c>
      <c r="REK53" s="7">
        <f t="shared" si="740"/>
        <v>5103.125</v>
      </c>
      <c r="REL53" s="7">
        <f t="shared" si="740"/>
        <v>5103.125</v>
      </c>
      <c r="REM53" s="7">
        <f t="shared" si="740"/>
        <v>5103.125</v>
      </c>
      <c r="REN53" s="7">
        <f t="shared" si="740"/>
        <v>5103.125</v>
      </c>
      <c r="REO53" s="7">
        <f t="shared" si="740"/>
        <v>5103.125</v>
      </c>
      <c r="REP53" s="7">
        <f t="shared" si="740"/>
        <v>5103.125</v>
      </c>
      <c r="REQ53" s="7">
        <f t="shared" si="740"/>
        <v>5103.125</v>
      </c>
      <c r="RER53" s="7">
        <f t="shared" si="740"/>
        <v>5103.125</v>
      </c>
      <c r="RES53" s="7">
        <f t="shared" si="740"/>
        <v>5103.125</v>
      </c>
      <c r="RET53" s="7">
        <f t="shared" si="740"/>
        <v>5103.125</v>
      </c>
      <c r="REU53" s="7">
        <f t="shared" si="740"/>
        <v>5103.125</v>
      </c>
      <c r="REV53" s="7">
        <f t="shared" si="740"/>
        <v>5103.125</v>
      </c>
      <c r="REW53" s="7">
        <f t="shared" si="740"/>
        <v>5103.125</v>
      </c>
      <c r="REX53" s="7">
        <f t="shared" si="740"/>
        <v>5103.125</v>
      </c>
      <c r="REY53" s="7">
        <f t="shared" si="740"/>
        <v>5103.125</v>
      </c>
      <c r="REZ53" s="7">
        <f t="shared" si="740"/>
        <v>5103.125</v>
      </c>
      <c r="RFA53" s="7">
        <f t="shared" si="740"/>
        <v>5103.125</v>
      </c>
      <c r="RFB53" s="7">
        <f t="shared" si="740"/>
        <v>5103.125</v>
      </c>
      <c r="RFC53" s="7">
        <f t="shared" si="740"/>
        <v>5103.125</v>
      </c>
      <c r="RFD53" s="7">
        <f t="shared" si="740"/>
        <v>5103.125</v>
      </c>
      <c r="RFE53" s="7">
        <f t="shared" si="740"/>
        <v>5103.125</v>
      </c>
      <c r="RFF53" s="7">
        <f t="shared" si="740"/>
        <v>5103.125</v>
      </c>
      <c r="RFG53" s="7">
        <f t="shared" si="740"/>
        <v>5103.125</v>
      </c>
      <c r="RFH53" s="7">
        <f t="shared" si="740"/>
        <v>5103.125</v>
      </c>
      <c r="RFI53" s="7">
        <f t="shared" si="740"/>
        <v>5103.125</v>
      </c>
      <c r="RFJ53" s="7">
        <f t="shared" si="740"/>
        <v>5103.125</v>
      </c>
      <c r="RFK53" s="7">
        <f t="shared" si="740"/>
        <v>5103.125</v>
      </c>
      <c r="RFL53" s="7">
        <f t="shared" si="740"/>
        <v>5103.125</v>
      </c>
      <c r="RFM53" s="7">
        <f t="shared" si="740"/>
        <v>5103.125</v>
      </c>
      <c r="RFN53" s="7">
        <f t="shared" si="740"/>
        <v>5103.125</v>
      </c>
      <c r="RFO53" s="7">
        <f t="shared" si="740"/>
        <v>5103.125</v>
      </c>
      <c r="RFP53" s="7">
        <f t="shared" si="740"/>
        <v>5103.125</v>
      </c>
      <c r="RFQ53" s="7">
        <f t="shared" si="740"/>
        <v>5103.125</v>
      </c>
      <c r="RFR53" s="7">
        <f t="shared" si="740"/>
        <v>5103.125</v>
      </c>
      <c r="RFS53" s="7">
        <f t="shared" si="740"/>
        <v>5103.125</v>
      </c>
      <c r="RFT53" s="7">
        <f t="shared" si="740"/>
        <v>5103.125</v>
      </c>
      <c r="RFU53" s="7">
        <f t="shared" si="740"/>
        <v>5103.125</v>
      </c>
      <c r="RFV53" s="7">
        <f t="shared" si="740"/>
        <v>5103.125</v>
      </c>
      <c r="RFW53" s="7">
        <f t="shared" si="740"/>
        <v>5103.125</v>
      </c>
      <c r="RFX53" s="7">
        <f t="shared" si="740"/>
        <v>5103.125</v>
      </c>
      <c r="RFY53" s="7">
        <f t="shared" si="740"/>
        <v>5103.125</v>
      </c>
      <c r="RFZ53" s="7">
        <f t="shared" si="740"/>
        <v>5103.125</v>
      </c>
      <c r="RGA53" s="7">
        <f t="shared" si="740"/>
        <v>5103.125</v>
      </c>
      <c r="RGB53" s="7">
        <f t="shared" si="740"/>
        <v>5103.125</v>
      </c>
      <c r="RGC53" s="7">
        <f t="shared" si="740"/>
        <v>5103.125</v>
      </c>
      <c r="RGD53" s="7">
        <f t="shared" si="740"/>
        <v>5103.125</v>
      </c>
      <c r="RGE53" s="7">
        <f t="shared" si="740"/>
        <v>5103.125</v>
      </c>
      <c r="RGF53" s="7">
        <f t="shared" si="740"/>
        <v>5103.125</v>
      </c>
      <c r="RGG53" s="7">
        <f t="shared" si="740"/>
        <v>5103.125</v>
      </c>
      <c r="RGH53" s="7">
        <f t="shared" si="740"/>
        <v>5103.125</v>
      </c>
      <c r="RGI53" s="7">
        <f t="shared" si="740"/>
        <v>5103.125</v>
      </c>
      <c r="RGJ53" s="7">
        <f t="shared" si="740"/>
        <v>5103.125</v>
      </c>
      <c r="RGK53" s="7">
        <f t="shared" si="740"/>
        <v>5103.125</v>
      </c>
      <c r="RGL53" s="7">
        <f t="shared" ref="RGL53:RIW53" si="741">RGL48+RGK53</f>
        <v>5103.125</v>
      </c>
      <c r="RGM53" s="7">
        <f t="shared" si="741"/>
        <v>5103.125</v>
      </c>
      <c r="RGN53" s="7">
        <f t="shared" si="741"/>
        <v>5103.125</v>
      </c>
      <c r="RGO53" s="7">
        <f t="shared" si="741"/>
        <v>5103.125</v>
      </c>
      <c r="RGP53" s="7">
        <f t="shared" si="741"/>
        <v>5103.125</v>
      </c>
      <c r="RGQ53" s="7">
        <f t="shared" si="741"/>
        <v>5103.125</v>
      </c>
      <c r="RGR53" s="7">
        <f t="shared" si="741"/>
        <v>5103.125</v>
      </c>
      <c r="RGS53" s="7">
        <f t="shared" si="741"/>
        <v>5103.125</v>
      </c>
      <c r="RGT53" s="7">
        <f t="shared" si="741"/>
        <v>5103.125</v>
      </c>
      <c r="RGU53" s="7">
        <f t="shared" si="741"/>
        <v>5103.125</v>
      </c>
      <c r="RGV53" s="7">
        <f t="shared" si="741"/>
        <v>5103.125</v>
      </c>
      <c r="RGW53" s="7">
        <f t="shared" si="741"/>
        <v>5103.125</v>
      </c>
      <c r="RGX53" s="7">
        <f t="shared" si="741"/>
        <v>5103.125</v>
      </c>
      <c r="RGY53" s="7">
        <f t="shared" si="741"/>
        <v>5103.125</v>
      </c>
      <c r="RGZ53" s="7">
        <f t="shared" si="741"/>
        <v>5103.125</v>
      </c>
      <c r="RHA53" s="7">
        <f t="shared" si="741"/>
        <v>5103.125</v>
      </c>
      <c r="RHB53" s="7">
        <f t="shared" si="741"/>
        <v>5103.125</v>
      </c>
      <c r="RHC53" s="7">
        <f t="shared" si="741"/>
        <v>5103.125</v>
      </c>
      <c r="RHD53" s="7">
        <f t="shared" si="741"/>
        <v>5103.125</v>
      </c>
      <c r="RHE53" s="7">
        <f t="shared" si="741"/>
        <v>5103.125</v>
      </c>
      <c r="RHF53" s="7">
        <f t="shared" si="741"/>
        <v>5103.125</v>
      </c>
      <c r="RHG53" s="7">
        <f t="shared" si="741"/>
        <v>5103.125</v>
      </c>
      <c r="RHH53" s="7">
        <f t="shared" si="741"/>
        <v>5103.125</v>
      </c>
      <c r="RHI53" s="7">
        <f t="shared" si="741"/>
        <v>5103.125</v>
      </c>
      <c r="RHJ53" s="7">
        <f t="shared" si="741"/>
        <v>5103.125</v>
      </c>
      <c r="RHK53" s="7">
        <f t="shared" si="741"/>
        <v>5103.125</v>
      </c>
      <c r="RHL53" s="7">
        <f t="shared" si="741"/>
        <v>5103.125</v>
      </c>
      <c r="RHM53" s="7">
        <f t="shared" si="741"/>
        <v>5103.125</v>
      </c>
      <c r="RHN53" s="7">
        <f t="shared" si="741"/>
        <v>5103.125</v>
      </c>
      <c r="RHO53" s="7">
        <f t="shared" si="741"/>
        <v>5103.125</v>
      </c>
      <c r="RHP53" s="7">
        <f t="shared" si="741"/>
        <v>5103.125</v>
      </c>
      <c r="RHQ53" s="7">
        <f t="shared" si="741"/>
        <v>5103.125</v>
      </c>
      <c r="RHR53" s="7">
        <f t="shared" si="741"/>
        <v>5103.125</v>
      </c>
      <c r="RHS53" s="7">
        <f t="shared" si="741"/>
        <v>5103.125</v>
      </c>
      <c r="RHT53" s="7">
        <f t="shared" si="741"/>
        <v>5103.125</v>
      </c>
      <c r="RHU53" s="7">
        <f t="shared" si="741"/>
        <v>5103.125</v>
      </c>
      <c r="RHV53" s="7">
        <f t="shared" si="741"/>
        <v>5103.125</v>
      </c>
      <c r="RHW53" s="7">
        <f t="shared" si="741"/>
        <v>5103.125</v>
      </c>
      <c r="RHX53" s="7">
        <f t="shared" si="741"/>
        <v>5103.125</v>
      </c>
      <c r="RHY53" s="7">
        <f t="shared" si="741"/>
        <v>5103.125</v>
      </c>
      <c r="RHZ53" s="7">
        <f t="shared" si="741"/>
        <v>5103.125</v>
      </c>
      <c r="RIA53" s="7">
        <f t="shared" si="741"/>
        <v>5103.125</v>
      </c>
      <c r="RIB53" s="7">
        <f t="shared" si="741"/>
        <v>5103.125</v>
      </c>
      <c r="RIC53" s="7">
        <f t="shared" si="741"/>
        <v>5103.125</v>
      </c>
      <c r="RID53" s="7">
        <f t="shared" si="741"/>
        <v>5103.125</v>
      </c>
      <c r="RIE53" s="7">
        <f t="shared" si="741"/>
        <v>5103.125</v>
      </c>
      <c r="RIF53" s="7">
        <f t="shared" si="741"/>
        <v>5103.125</v>
      </c>
      <c r="RIG53" s="7">
        <f t="shared" si="741"/>
        <v>5103.125</v>
      </c>
      <c r="RIH53" s="7">
        <f t="shared" si="741"/>
        <v>5103.125</v>
      </c>
      <c r="RII53" s="7">
        <f t="shared" si="741"/>
        <v>5103.125</v>
      </c>
      <c r="RIJ53" s="7">
        <f t="shared" si="741"/>
        <v>5103.125</v>
      </c>
      <c r="RIK53" s="7">
        <f t="shared" si="741"/>
        <v>5103.125</v>
      </c>
      <c r="RIL53" s="7">
        <f t="shared" si="741"/>
        <v>5103.125</v>
      </c>
      <c r="RIM53" s="7">
        <f t="shared" si="741"/>
        <v>5103.125</v>
      </c>
      <c r="RIN53" s="7">
        <f t="shared" si="741"/>
        <v>5103.125</v>
      </c>
      <c r="RIO53" s="7">
        <f t="shared" si="741"/>
        <v>5103.125</v>
      </c>
      <c r="RIP53" s="7">
        <f t="shared" si="741"/>
        <v>5103.125</v>
      </c>
      <c r="RIQ53" s="7">
        <f t="shared" si="741"/>
        <v>5103.125</v>
      </c>
      <c r="RIR53" s="7">
        <f t="shared" si="741"/>
        <v>5103.125</v>
      </c>
      <c r="RIS53" s="7">
        <f t="shared" si="741"/>
        <v>5103.125</v>
      </c>
      <c r="RIT53" s="7">
        <f t="shared" si="741"/>
        <v>5103.125</v>
      </c>
      <c r="RIU53" s="7">
        <f t="shared" si="741"/>
        <v>5103.125</v>
      </c>
      <c r="RIV53" s="7">
        <f t="shared" si="741"/>
        <v>5103.125</v>
      </c>
      <c r="RIW53" s="7">
        <f t="shared" si="741"/>
        <v>5103.125</v>
      </c>
      <c r="RIX53" s="7">
        <f t="shared" ref="RIX53:RLI53" si="742">RIX48+RIW53</f>
        <v>5103.125</v>
      </c>
      <c r="RIY53" s="7">
        <f t="shared" si="742"/>
        <v>5103.125</v>
      </c>
      <c r="RIZ53" s="7">
        <f t="shared" si="742"/>
        <v>5103.125</v>
      </c>
      <c r="RJA53" s="7">
        <f t="shared" si="742"/>
        <v>5103.125</v>
      </c>
      <c r="RJB53" s="7">
        <f t="shared" si="742"/>
        <v>5103.125</v>
      </c>
      <c r="RJC53" s="7">
        <f t="shared" si="742"/>
        <v>5103.125</v>
      </c>
      <c r="RJD53" s="7">
        <f t="shared" si="742"/>
        <v>5103.125</v>
      </c>
      <c r="RJE53" s="7">
        <f t="shared" si="742"/>
        <v>5103.125</v>
      </c>
      <c r="RJF53" s="7">
        <f t="shared" si="742"/>
        <v>5103.125</v>
      </c>
      <c r="RJG53" s="7">
        <f t="shared" si="742"/>
        <v>5103.125</v>
      </c>
      <c r="RJH53" s="7">
        <f t="shared" si="742"/>
        <v>5103.125</v>
      </c>
      <c r="RJI53" s="7">
        <f t="shared" si="742"/>
        <v>5103.125</v>
      </c>
      <c r="RJJ53" s="7">
        <f t="shared" si="742"/>
        <v>5103.125</v>
      </c>
      <c r="RJK53" s="7">
        <f t="shared" si="742"/>
        <v>5103.125</v>
      </c>
      <c r="RJL53" s="7">
        <f t="shared" si="742"/>
        <v>5103.125</v>
      </c>
      <c r="RJM53" s="7">
        <f t="shared" si="742"/>
        <v>5103.125</v>
      </c>
      <c r="RJN53" s="7">
        <f t="shared" si="742"/>
        <v>5103.125</v>
      </c>
      <c r="RJO53" s="7">
        <f t="shared" si="742"/>
        <v>5103.125</v>
      </c>
      <c r="RJP53" s="7">
        <f t="shared" si="742"/>
        <v>5103.125</v>
      </c>
      <c r="RJQ53" s="7">
        <f t="shared" si="742"/>
        <v>5103.125</v>
      </c>
      <c r="RJR53" s="7">
        <f t="shared" si="742"/>
        <v>5103.125</v>
      </c>
      <c r="RJS53" s="7">
        <f t="shared" si="742"/>
        <v>5103.125</v>
      </c>
      <c r="RJT53" s="7">
        <f t="shared" si="742"/>
        <v>5103.125</v>
      </c>
      <c r="RJU53" s="7">
        <f t="shared" si="742"/>
        <v>5103.125</v>
      </c>
      <c r="RJV53" s="7">
        <f t="shared" si="742"/>
        <v>5103.125</v>
      </c>
      <c r="RJW53" s="7">
        <f t="shared" si="742"/>
        <v>5103.125</v>
      </c>
      <c r="RJX53" s="7">
        <f t="shared" si="742"/>
        <v>5103.125</v>
      </c>
      <c r="RJY53" s="7">
        <f t="shared" si="742"/>
        <v>5103.125</v>
      </c>
      <c r="RJZ53" s="7">
        <f t="shared" si="742"/>
        <v>5103.125</v>
      </c>
      <c r="RKA53" s="7">
        <f t="shared" si="742"/>
        <v>5103.125</v>
      </c>
      <c r="RKB53" s="7">
        <f t="shared" si="742"/>
        <v>5103.125</v>
      </c>
      <c r="RKC53" s="7">
        <f t="shared" si="742"/>
        <v>5103.125</v>
      </c>
      <c r="RKD53" s="7">
        <f t="shared" si="742"/>
        <v>5103.125</v>
      </c>
      <c r="RKE53" s="7">
        <f t="shared" si="742"/>
        <v>5103.125</v>
      </c>
      <c r="RKF53" s="7">
        <f t="shared" si="742"/>
        <v>5103.125</v>
      </c>
      <c r="RKG53" s="7">
        <f t="shared" si="742"/>
        <v>5103.125</v>
      </c>
      <c r="RKH53" s="7">
        <f t="shared" si="742"/>
        <v>5103.125</v>
      </c>
      <c r="RKI53" s="7">
        <f t="shared" si="742"/>
        <v>5103.125</v>
      </c>
      <c r="RKJ53" s="7">
        <f t="shared" si="742"/>
        <v>5103.125</v>
      </c>
      <c r="RKK53" s="7">
        <f t="shared" si="742"/>
        <v>5103.125</v>
      </c>
      <c r="RKL53" s="7">
        <f t="shared" si="742"/>
        <v>5103.125</v>
      </c>
      <c r="RKM53" s="7">
        <f t="shared" si="742"/>
        <v>5103.125</v>
      </c>
      <c r="RKN53" s="7">
        <f t="shared" si="742"/>
        <v>5103.125</v>
      </c>
      <c r="RKO53" s="7">
        <f t="shared" si="742"/>
        <v>5103.125</v>
      </c>
      <c r="RKP53" s="7">
        <f t="shared" si="742"/>
        <v>5103.125</v>
      </c>
      <c r="RKQ53" s="7">
        <f t="shared" si="742"/>
        <v>5103.125</v>
      </c>
      <c r="RKR53" s="7">
        <f t="shared" si="742"/>
        <v>5103.125</v>
      </c>
      <c r="RKS53" s="7">
        <f t="shared" si="742"/>
        <v>5103.125</v>
      </c>
      <c r="RKT53" s="7">
        <f t="shared" si="742"/>
        <v>5103.125</v>
      </c>
      <c r="RKU53" s="7">
        <f t="shared" si="742"/>
        <v>5103.125</v>
      </c>
      <c r="RKV53" s="7">
        <f t="shared" si="742"/>
        <v>5103.125</v>
      </c>
      <c r="RKW53" s="7">
        <f t="shared" si="742"/>
        <v>5103.125</v>
      </c>
      <c r="RKX53" s="7">
        <f t="shared" si="742"/>
        <v>5103.125</v>
      </c>
      <c r="RKY53" s="7">
        <f t="shared" si="742"/>
        <v>5103.125</v>
      </c>
      <c r="RKZ53" s="7">
        <f t="shared" si="742"/>
        <v>5103.125</v>
      </c>
      <c r="RLA53" s="7">
        <f t="shared" si="742"/>
        <v>5103.125</v>
      </c>
      <c r="RLB53" s="7">
        <f t="shared" si="742"/>
        <v>5103.125</v>
      </c>
      <c r="RLC53" s="7">
        <f t="shared" si="742"/>
        <v>5103.125</v>
      </c>
      <c r="RLD53" s="7">
        <f t="shared" si="742"/>
        <v>5103.125</v>
      </c>
      <c r="RLE53" s="7">
        <f t="shared" si="742"/>
        <v>5103.125</v>
      </c>
      <c r="RLF53" s="7">
        <f t="shared" si="742"/>
        <v>5103.125</v>
      </c>
      <c r="RLG53" s="7">
        <f t="shared" si="742"/>
        <v>5103.125</v>
      </c>
      <c r="RLH53" s="7">
        <f t="shared" si="742"/>
        <v>5103.125</v>
      </c>
      <c r="RLI53" s="7">
        <f t="shared" si="742"/>
        <v>5103.125</v>
      </c>
      <c r="RLJ53" s="7">
        <f t="shared" ref="RLJ53:RNU53" si="743">RLJ48+RLI53</f>
        <v>5103.125</v>
      </c>
      <c r="RLK53" s="7">
        <f t="shared" si="743"/>
        <v>5103.125</v>
      </c>
      <c r="RLL53" s="7">
        <f t="shared" si="743"/>
        <v>5103.125</v>
      </c>
      <c r="RLM53" s="7">
        <f t="shared" si="743"/>
        <v>5103.125</v>
      </c>
      <c r="RLN53" s="7">
        <f t="shared" si="743"/>
        <v>5103.125</v>
      </c>
      <c r="RLO53" s="7">
        <f t="shared" si="743"/>
        <v>5103.125</v>
      </c>
      <c r="RLP53" s="7">
        <f t="shared" si="743"/>
        <v>5103.125</v>
      </c>
      <c r="RLQ53" s="7">
        <f t="shared" si="743"/>
        <v>5103.125</v>
      </c>
      <c r="RLR53" s="7">
        <f t="shared" si="743"/>
        <v>5103.125</v>
      </c>
      <c r="RLS53" s="7">
        <f t="shared" si="743"/>
        <v>5103.125</v>
      </c>
      <c r="RLT53" s="7">
        <f t="shared" si="743"/>
        <v>5103.125</v>
      </c>
      <c r="RLU53" s="7">
        <f t="shared" si="743"/>
        <v>5103.125</v>
      </c>
      <c r="RLV53" s="7">
        <f t="shared" si="743"/>
        <v>5103.125</v>
      </c>
      <c r="RLW53" s="7">
        <f t="shared" si="743"/>
        <v>5103.125</v>
      </c>
      <c r="RLX53" s="7">
        <f t="shared" si="743"/>
        <v>5103.125</v>
      </c>
      <c r="RLY53" s="7">
        <f t="shared" si="743"/>
        <v>5103.125</v>
      </c>
      <c r="RLZ53" s="7">
        <f t="shared" si="743"/>
        <v>5103.125</v>
      </c>
      <c r="RMA53" s="7">
        <f t="shared" si="743"/>
        <v>5103.125</v>
      </c>
      <c r="RMB53" s="7">
        <f t="shared" si="743"/>
        <v>5103.125</v>
      </c>
      <c r="RMC53" s="7">
        <f t="shared" si="743"/>
        <v>5103.125</v>
      </c>
      <c r="RMD53" s="7">
        <f t="shared" si="743"/>
        <v>5103.125</v>
      </c>
      <c r="RME53" s="7">
        <f t="shared" si="743"/>
        <v>5103.125</v>
      </c>
      <c r="RMF53" s="7">
        <f t="shared" si="743"/>
        <v>5103.125</v>
      </c>
      <c r="RMG53" s="7">
        <f t="shared" si="743"/>
        <v>5103.125</v>
      </c>
      <c r="RMH53" s="7">
        <f t="shared" si="743"/>
        <v>5103.125</v>
      </c>
      <c r="RMI53" s="7">
        <f t="shared" si="743"/>
        <v>5103.125</v>
      </c>
      <c r="RMJ53" s="7">
        <f t="shared" si="743"/>
        <v>5103.125</v>
      </c>
      <c r="RMK53" s="7">
        <f t="shared" si="743"/>
        <v>5103.125</v>
      </c>
      <c r="RML53" s="7">
        <f t="shared" si="743"/>
        <v>5103.125</v>
      </c>
      <c r="RMM53" s="7">
        <f t="shared" si="743"/>
        <v>5103.125</v>
      </c>
      <c r="RMN53" s="7">
        <f t="shared" si="743"/>
        <v>5103.125</v>
      </c>
      <c r="RMO53" s="7">
        <f t="shared" si="743"/>
        <v>5103.125</v>
      </c>
      <c r="RMP53" s="7">
        <f t="shared" si="743"/>
        <v>5103.125</v>
      </c>
      <c r="RMQ53" s="7">
        <f t="shared" si="743"/>
        <v>5103.125</v>
      </c>
      <c r="RMR53" s="7">
        <f t="shared" si="743"/>
        <v>5103.125</v>
      </c>
      <c r="RMS53" s="7">
        <f t="shared" si="743"/>
        <v>5103.125</v>
      </c>
      <c r="RMT53" s="7">
        <f t="shared" si="743"/>
        <v>5103.125</v>
      </c>
      <c r="RMU53" s="7">
        <f t="shared" si="743"/>
        <v>5103.125</v>
      </c>
      <c r="RMV53" s="7">
        <f t="shared" si="743"/>
        <v>5103.125</v>
      </c>
      <c r="RMW53" s="7">
        <f t="shared" si="743"/>
        <v>5103.125</v>
      </c>
      <c r="RMX53" s="7">
        <f t="shared" si="743"/>
        <v>5103.125</v>
      </c>
      <c r="RMY53" s="7">
        <f t="shared" si="743"/>
        <v>5103.125</v>
      </c>
      <c r="RMZ53" s="7">
        <f t="shared" si="743"/>
        <v>5103.125</v>
      </c>
      <c r="RNA53" s="7">
        <f t="shared" si="743"/>
        <v>5103.125</v>
      </c>
      <c r="RNB53" s="7">
        <f t="shared" si="743"/>
        <v>5103.125</v>
      </c>
      <c r="RNC53" s="7">
        <f t="shared" si="743"/>
        <v>5103.125</v>
      </c>
      <c r="RND53" s="7">
        <f t="shared" si="743"/>
        <v>5103.125</v>
      </c>
      <c r="RNE53" s="7">
        <f t="shared" si="743"/>
        <v>5103.125</v>
      </c>
      <c r="RNF53" s="7">
        <f t="shared" si="743"/>
        <v>5103.125</v>
      </c>
      <c r="RNG53" s="7">
        <f t="shared" si="743"/>
        <v>5103.125</v>
      </c>
      <c r="RNH53" s="7">
        <f t="shared" si="743"/>
        <v>5103.125</v>
      </c>
      <c r="RNI53" s="7">
        <f t="shared" si="743"/>
        <v>5103.125</v>
      </c>
      <c r="RNJ53" s="7">
        <f t="shared" si="743"/>
        <v>5103.125</v>
      </c>
      <c r="RNK53" s="7">
        <f t="shared" si="743"/>
        <v>5103.125</v>
      </c>
      <c r="RNL53" s="7">
        <f t="shared" si="743"/>
        <v>5103.125</v>
      </c>
      <c r="RNM53" s="7">
        <f t="shared" si="743"/>
        <v>5103.125</v>
      </c>
      <c r="RNN53" s="7">
        <f t="shared" si="743"/>
        <v>5103.125</v>
      </c>
      <c r="RNO53" s="7">
        <f t="shared" si="743"/>
        <v>5103.125</v>
      </c>
      <c r="RNP53" s="7">
        <f t="shared" si="743"/>
        <v>5103.125</v>
      </c>
      <c r="RNQ53" s="7">
        <f t="shared" si="743"/>
        <v>5103.125</v>
      </c>
      <c r="RNR53" s="7">
        <f t="shared" si="743"/>
        <v>5103.125</v>
      </c>
      <c r="RNS53" s="7">
        <f t="shared" si="743"/>
        <v>5103.125</v>
      </c>
      <c r="RNT53" s="7">
        <f t="shared" si="743"/>
        <v>5103.125</v>
      </c>
      <c r="RNU53" s="7">
        <f t="shared" si="743"/>
        <v>5103.125</v>
      </c>
      <c r="RNV53" s="7">
        <f t="shared" ref="RNV53:RQG53" si="744">RNV48+RNU53</f>
        <v>5103.125</v>
      </c>
      <c r="RNW53" s="7">
        <f t="shared" si="744"/>
        <v>5103.125</v>
      </c>
      <c r="RNX53" s="7">
        <f t="shared" si="744"/>
        <v>5103.125</v>
      </c>
      <c r="RNY53" s="7">
        <f t="shared" si="744"/>
        <v>5103.125</v>
      </c>
      <c r="RNZ53" s="7">
        <f t="shared" si="744"/>
        <v>5103.125</v>
      </c>
      <c r="ROA53" s="7">
        <f t="shared" si="744"/>
        <v>5103.125</v>
      </c>
      <c r="ROB53" s="7">
        <f t="shared" si="744"/>
        <v>5103.125</v>
      </c>
      <c r="ROC53" s="7">
        <f t="shared" si="744"/>
        <v>5103.125</v>
      </c>
      <c r="ROD53" s="7">
        <f t="shared" si="744"/>
        <v>5103.125</v>
      </c>
      <c r="ROE53" s="7">
        <f t="shared" si="744"/>
        <v>5103.125</v>
      </c>
      <c r="ROF53" s="7">
        <f t="shared" si="744"/>
        <v>5103.125</v>
      </c>
      <c r="ROG53" s="7">
        <f t="shared" si="744"/>
        <v>5103.125</v>
      </c>
      <c r="ROH53" s="7">
        <f t="shared" si="744"/>
        <v>5103.125</v>
      </c>
      <c r="ROI53" s="7">
        <f t="shared" si="744"/>
        <v>5103.125</v>
      </c>
      <c r="ROJ53" s="7">
        <f t="shared" si="744"/>
        <v>5103.125</v>
      </c>
      <c r="ROK53" s="7">
        <f t="shared" si="744"/>
        <v>5103.125</v>
      </c>
      <c r="ROL53" s="7">
        <f t="shared" si="744"/>
        <v>5103.125</v>
      </c>
      <c r="ROM53" s="7">
        <f t="shared" si="744"/>
        <v>5103.125</v>
      </c>
      <c r="RON53" s="7">
        <f t="shared" si="744"/>
        <v>5103.125</v>
      </c>
      <c r="ROO53" s="7">
        <f t="shared" si="744"/>
        <v>5103.125</v>
      </c>
      <c r="ROP53" s="7">
        <f t="shared" si="744"/>
        <v>5103.125</v>
      </c>
      <c r="ROQ53" s="7">
        <f t="shared" si="744"/>
        <v>5103.125</v>
      </c>
      <c r="ROR53" s="7">
        <f t="shared" si="744"/>
        <v>5103.125</v>
      </c>
      <c r="ROS53" s="7">
        <f t="shared" si="744"/>
        <v>5103.125</v>
      </c>
      <c r="ROT53" s="7">
        <f t="shared" si="744"/>
        <v>5103.125</v>
      </c>
      <c r="ROU53" s="7">
        <f t="shared" si="744"/>
        <v>5103.125</v>
      </c>
      <c r="ROV53" s="7">
        <f t="shared" si="744"/>
        <v>5103.125</v>
      </c>
      <c r="ROW53" s="7">
        <f t="shared" si="744"/>
        <v>5103.125</v>
      </c>
      <c r="ROX53" s="7">
        <f t="shared" si="744"/>
        <v>5103.125</v>
      </c>
      <c r="ROY53" s="7">
        <f t="shared" si="744"/>
        <v>5103.125</v>
      </c>
      <c r="ROZ53" s="7">
        <f t="shared" si="744"/>
        <v>5103.125</v>
      </c>
      <c r="RPA53" s="7">
        <f t="shared" si="744"/>
        <v>5103.125</v>
      </c>
      <c r="RPB53" s="7">
        <f t="shared" si="744"/>
        <v>5103.125</v>
      </c>
      <c r="RPC53" s="7">
        <f t="shared" si="744"/>
        <v>5103.125</v>
      </c>
      <c r="RPD53" s="7">
        <f t="shared" si="744"/>
        <v>5103.125</v>
      </c>
      <c r="RPE53" s="7">
        <f t="shared" si="744"/>
        <v>5103.125</v>
      </c>
      <c r="RPF53" s="7">
        <f t="shared" si="744"/>
        <v>5103.125</v>
      </c>
      <c r="RPG53" s="7">
        <f t="shared" si="744"/>
        <v>5103.125</v>
      </c>
      <c r="RPH53" s="7">
        <f t="shared" si="744"/>
        <v>5103.125</v>
      </c>
      <c r="RPI53" s="7">
        <f t="shared" si="744"/>
        <v>5103.125</v>
      </c>
      <c r="RPJ53" s="7">
        <f t="shared" si="744"/>
        <v>5103.125</v>
      </c>
      <c r="RPK53" s="7">
        <f t="shared" si="744"/>
        <v>5103.125</v>
      </c>
      <c r="RPL53" s="7">
        <f t="shared" si="744"/>
        <v>5103.125</v>
      </c>
      <c r="RPM53" s="7">
        <f t="shared" si="744"/>
        <v>5103.125</v>
      </c>
      <c r="RPN53" s="7">
        <f t="shared" si="744"/>
        <v>5103.125</v>
      </c>
      <c r="RPO53" s="7">
        <f t="shared" si="744"/>
        <v>5103.125</v>
      </c>
      <c r="RPP53" s="7">
        <f t="shared" si="744"/>
        <v>5103.125</v>
      </c>
      <c r="RPQ53" s="7">
        <f t="shared" si="744"/>
        <v>5103.125</v>
      </c>
      <c r="RPR53" s="7">
        <f t="shared" si="744"/>
        <v>5103.125</v>
      </c>
      <c r="RPS53" s="7">
        <f t="shared" si="744"/>
        <v>5103.125</v>
      </c>
      <c r="RPT53" s="7">
        <f t="shared" si="744"/>
        <v>5103.125</v>
      </c>
      <c r="RPU53" s="7">
        <f t="shared" si="744"/>
        <v>5103.125</v>
      </c>
      <c r="RPV53" s="7">
        <f t="shared" si="744"/>
        <v>5103.125</v>
      </c>
      <c r="RPW53" s="7">
        <f t="shared" si="744"/>
        <v>5103.125</v>
      </c>
      <c r="RPX53" s="7">
        <f t="shared" si="744"/>
        <v>5103.125</v>
      </c>
      <c r="RPY53" s="7">
        <f t="shared" si="744"/>
        <v>5103.125</v>
      </c>
      <c r="RPZ53" s="7">
        <f t="shared" si="744"/>
        <v>5103.125</v>
      </c>
      <c r="RQA53" s="7">
        <f t="shared" si="744"/>
        <v>5103.125</v>
      </c>
      <c r="RQB53" s="7">
        <f t="shared" si="744"/>
        <v>5103.125</v>
      </c>
      <c r="RQC53" s="7">
        <f t="shared" si="744"/>
        <v>5103.125</v>
      </c>
      <c r="RQD53" s="7">
        <f t="shared" si="744"/>
        <v>5103.125</v>
      </c>
      <c r="RQE53" s="7">
        <f t="shared" si="744"/>
        <v>5103.125</v>
      </c>
      <c r="RQF53" s="7">
        <f t="shared" si="744"/>
        <v>5103.125</v>
      </c>
      <c r="RQG53" s="7">
        <f t="shared" si="744"/>
        <v>5103.125</v>
      </c>
      <c r="RQH53" s="7">
        <f t="shared" ref="RQH53:RSS53" si="745">RQH48+RQG53</f>
        <v>5103.125</v>
      </c>
      <c r="RQI53" s="7">
        <f t="shared" si="745"/>
        <v>5103.125</v>
      </c>
      <c r="RQJ53" s="7">
        <f t="shared" si="745"/>
        <v>5103.125</v>
      </c>
      <c r="RQK53" s="7">
        <f t="shared" si="745"/>
        <v>5103.125</v>
      </c>
      <c r="RQL53" s="7">
        <f t="shared" si="745"/>
        <v>5103.125</v>
      </c>
      <c r="RQM53" s="7">
        <f t="shared" si="745"/>
        <v>5103.125</v>
      </c>
      <c r="RQN53" s="7">
        <f t="shared" si="745"/>
        <v>5103.125</v>
      </c>
      <c r="RQO53" s="7">
        <f t="shared" si="745"/>
        <v>5103.125</v>
      </c>
      <c r="RQP53" s="7">
        <f t="shared" si="745"/>
        <v>5103.125</v>
      </c>
      <c r="RQQ53" s="7">
        <f t="shared" si="745"/>
        <v>5103.125</v>
      </c>
      <c r="RQR53" s="7">
        <f t="shared" si="745"/>
        <v>5103.125</v>
      </c>
      <c r="RQS53" s="7">
        <f t="shared" si="745"/>
        <v>5103.125</v>
      </c>
      <c r="RQT53" s="7">
        <f t="shared" si="745"/>
        <v>5103.125</v>
      </c>
      <c r="RQU53" s="7">
        <f t="shared" si="745"/>
        <v>5103.125</v>
      </c>
      <c r="RQV53" s="7">
        <f t="shared" si="745"/>
        <v>5103.125</v>
      </c>
      <c r="RQW53" s="7">
        <f t="shared" si="745"/>
        <v>5103.125</v>
      </c>
      <c r="RQX53" s="7">
        <f t="shared" si="745"/>
        <v>5103.125</v>
      </c>
      <c r="RQY53" s="7">
        <f t="shared" si="745"/>
        <v>5103.125</v>
      </c>
      <c r="RQZ53" s="7">
        <f t="shared" si="745"/>
        <v>5103.125</v>
      </c>
      <c r="RRA53" s="7">
        <f t="shared" si="745"/>
        <v>5103.125</v>
      </c>
      <c r="RRB53" s="7">
        <f t="shared" si="745"/>
        <v>5103.125</v>
      </c>
      <c r="RRC53" s="7">
        <f t="shared" si="745"/>
        <v>5103.125</v>
      </c>
      <c r="RRD53" s="7">
        <f t="shared" si="745"/>
        <v>5103.125</v>
      </c>
      <c r="RRE53" s="7">
        <f t="shared" si="745"/>
        <v>5103.125</v>
      </c>
      <c r="RRF53" s="7">
        <f t="shared" si="745"/>
        <v>5103.125</v>
      </c>
      <c r="RRG53" s="7">
        <f t="shared" si="745"/>
        <v>5103.125</v>
      </c>
      <c r="RRH53" s="7">
        <f t="shared" si="745"/>
        <v>5103.125</v>
      </c>
      <c r="RRI53" s="7">
        <f t="shared" si="745"/>
        <v>5103.125</v>
      </c>
      <c r="RRJ53" s="7">
        <f t="shared" si="745"/>
        <v>5103.125</v>
      </c>
      <c r="RRK53" s="7">
        <f t="shared" si="745"/>
        <v>5103.125</v>
      </c>
      <c r="RRL53" s="7">
        <f t="shared" si="745"/>
        <v>5103.125</v>
      </c>
      <c r="RRM53" s="7">
        <f t="shared" si="745"/>
        <v>5103.125</v>
      </c>
      <c r="RRN53" s="7">
        <f t="shared" si="745"/>
        <v>5103.125</v>
      </c>
      <c r="RRO53" s="7">
        <f t="shared" si="745"/>
        <v>5103.125</v>
      </c>
      <c r="RRP53" s="7">
        <f t="shared" si="745"/>
        <v>5103.125</v>
      </c>
      <c r="RRQ53" s="7">
        <f t="shared" si="745"/>
        <v>5103.125</v>
      </c>
      <c r="RRR53" s="7">
        <f t="shared" si="745"/>
        <v>5103.125</v>
      </c>
      <c r="RRS53" s="7">
        <f t="shared" si="745"/>
        <v>5103.125</v>
      </c>
      <c r="RRT53" s="7">
        <f t="shared" si="745"/>
        <v>5103.125</v>
      </c>
      <c r="RRU53" s="7">
        <f t="shared" si="745"/>
        <v>5103.125</v>
      </c>
      <c r="RRV53" s="7">
        <f t="shared" si="745"/>
        <v>5103.125</v>
      </c>
      <c r="RRW53" s="7">
        <f t="shared" si="745"/>
        <v>5103.125</v>
      </c>
      <c r="RRX53" s="7">
        <f t="shared" si="745"/>
        <v>5103.125</v>
      </c>
      <c r="RRY53" s="7">
        <f t="shared" si="745"/>
        <v>5103.125</v>
      </c>
      <c r="RRZ53" s="7">
        <f t="shared" si="745"/>
        <v>5103.125</v>
      </c>
      <c r="RSA53" s="7">
        <f t="shared" si="745"/>
        <v>5103.125</v>
      </c>
      <c r="RSB53" s="7">
        <f t="shared" si="745"/>
        <v>5103.125</v>
      </c>
      <c r="RSC53" s="7">
        <f t="shared" si="745"/>
        <v>5103.125</v>
      </c>
      <c r="RSD53" s="7">
        <f t="shared" si="745"/>
        <v>5103.125</v>
      </c>
      <c r="RSE53" s="7">
        <f t="shared" si="745"/>
        <v>5103.125</v>
      </c>
      <c r="RSF53" s="7">
        <f t="shared" si="745"/>
        <v>5103.125</v>
      </c>
      <c r="RSG53" s="7">
        <f t="shared" si="745"/>
        <v>5103.125</v>
      </c>
      <c r="RSH53" s="7">
        <f t="shared" si="745"/>
        <v>5103.125</v>
      </c>
      <c r="RSI53" s="7">
        <f t="shared" si="745"/>
        <v>5103.125</v>
      </c>
      <c r="RSJ53" s="7">
        <f t="shared" si="745"/>
        <v>5103.125</v>
      </c>
      <c r="RSK53" s="7">
        <f t="shared" si="745"/>
        <v>5103.125</v>
      </c>
      <c r="RSL53" s="7">
        <f t="shared" si="745"/>
        <v>5103.125</v>
      </c>
      <c r="RSM53" s="7">
        <f t="shared" si="745"/>
        <v>5103.125</v>
      </c>
      <c r="RSN53" s="7">
        <f t="shared" si="745"/>
        <v>5103.125</v>
      </c>
      <c r="RSO53" s="7">
        <f t="shared" si="745"/>
        <v>5103.125</v>
      </c>
      <c r="RSP53" s="7">
        <f t="shared" si="745"/>
        <v>5103.125</v>
      </c>
      <c r="RSQ53" s="7">
        <f t="shared" si="745"/>
        <v>5103.125</v>
      </c>
      <c r="RSR53" s="7">
        <f t="shared" si="745"/>
        <v>5103.125</v>
      </c>
      <c r="RSS53" s="7">
        <f t="shared" si="745"/>
        <v>5103.125</v>
      </c>
      <c r="RST53" s="7">
        <f t="shared" ref="RST53:RVE53" si="746">RST48+RSS53</f>
        <v>5103.125</v>
      </c>
      <c r="RSU53" s="7">
        <f t="shared" si="746"/>
        <v>5103.125</v>
      </c>
      <c r="RSV53" s="7">
        <f t="shared" si="746"/>
        <v>5103.125</v>
      </c>
      <c r="RSW53" s="7">
        <f t="shared" si="746"/>
        <v>5103.125</v>
      </c>
      <c r="RSX53" s="7">
        <f t="shared" si="746"/>
        <v>5103.125</v>
      </c>
      <c r="RSY53" s="7">
        <f t="shared" si="746"/>
        <v>5103.125</v>
      </c>
      <c r="RSZ53" s="7">
        <f t="shared" si="746"/>
        <v>5103.125</v>
      </c>
      <c r="RTA53" s="7">
        <f t="shared" si="746"/>
        <v>5103.125</v>
      </c>
      <c r="RTB53" s="7">
        <f t="shared" si="746"/>
        <v>5103.125</v>
      </c>
      <c r="RTC53" s="7">
        <f t="shared" si="746"/>
        <v>5103.125</v>
      </c>
      <c r="RTD53" s="7">
        <f t="shared" si="746"/>
        <v>5103.125</v>
      </c>
      <c r="RTE53" s="7">
        <f t="shared" si="746"/>
        <v>5103.125</v>
      </c>
      <c r="RTF53" s="7">
        <f t="shared" si="746"/>
        <v>5103.125</v>
      </c>
      <c r="RTG53" s="7">
        <f t="shared" si="746"/>
        <v>5103.125</v>
      </c>
      <c r="RTH53" s="7">
        <f t="shared" si="746"/>
        <v>5103.125</v>
      </c>
      <c r="RTI53" s="7">
        <f t="shared" si="746"/>
        <v>5103.125</v>
      </c>
      <c r="RTJ53" s="7">
        <f t="shared" si="746"/>
        <v>5103.125</v>
      </c>
      <c r="RTK53" s="7">
        <f t="shared" si="746"/>
        <v>5103.125</v>
      </c>
      <c r="RTL53" s="7">
        <f t="shared" si="746"/>
        <v>5103.125</v>
      </c>
      <c r="RTM53" s="7">
        <f t="shared" si="746"/>
        <v>5103.125</v>
      </c>
      <c r="RTN53" s="7">
        <f t="shared" si="746"/>
        <v>5103.125</v>
      </c>
      <c r="RTO53" s="7">
        <f t="shared" si="746"/>
        <v>5103.125</v>
      </c>
      <c r="RTP53" s="7">
        <f t="shared" si="746"/>
        <v>5103.125</v>
      </c>
      <c r="RTQ53" s="7">
        <f t="shared" si="746"/>
        <v>5103.125</v>
      </c>
      <c r="RTR53" s="7">
        <f t="shared" si="746"/>
        <v>5103.125</v>
      </c>
      <c r="RTS53" s="7">
        <f t="shared" si="746"/>
        <v>5103.125</v>
      </c>
      <c r="RTT53" s="7">
        <f t="shared" si="746"/>
        <v>5103.125</v>
      </c>
      <c r="RTU53" s="7">
        <f t="shared" si="746"/>
        <v>5103.125</v>
      </c>
      <c r="RTV53" s="7">
        <f t="shared" si="746"/>
        <v>5103.125</v>
      </c>
      <c r="RTW53" s="7">
        <f t="shared" si="746"/>
        <v>5103.125</v>
      </c>
      <c r="RTX53" s="7">
        <f t="shared" si="746"/>
        <v>5103.125</v>
      </c>
      <c r="RTY53" s="7">
        <f t="shared" si="746"/>
        <v>5103.125</v>
      </c>
      <c r="RTZ53" s="7">
        <f t="shared" si="746"/>
        <v>5103.125</v>
      </c>
      <c r="RUA53" s="7">
        <f t="shared" si="746"/>
        <v>5103.125</v>
      </c>
      <c r="RUB53" s="7">
        <f t="shared" si="746"/>
        <v>5103.125</v>
      </c>
      <c r="RUC53" s="7">
        <f t="shared" si="746"/>
        <v>5103.125</v>
      </c>
      <c r="RUD53" s="7">
        <f t="shared" si="746"/>
        <v>5103.125</v>
      </c>
      <c r="RUE53" s="7">
        <f t="shared" si="746"/>
        <v>5103.125</v>
      </c>
      <c r="RUF53" s="7">
        <f t="shared" si="746"/>
        <v>5103.125</v>
      </c>
      <c r="RUG53" s="7">
        <f t="shared" si="746"/>
        <v>5103.125</v>
      </c>
      <c r="RUH53" s="7">
        <f t="shared" si="746"/>
        <v>5103.125</v>
      </c>
      <c r="RUI53" s="7">
        <f t="shared" si="746"/>
        <v>5103.125</v>
      </c>
      <c r="RUJ53" s="7">
        <f t="shared" si="746"/>
        <v>5103.125</v>
      </c>
      <c r="RUK53" s="7">
        <f t="shared" si="746"/>
        <v>5103.125</v>
      </c>
      <c r="RUL53" s="7">
        <f t="shared" si="746"/>
        <v>5103.125</v>
      </c>
      <c r="RUM53" s="7">
        <f t="shared" si="746"/>
        <v>5103.125</v>
      </c>
      <c r="RUN53" s="7">
        <f t="shared" si="746"/>
        <v>5103.125</v>
      </c>
      <c r="RUO53" s="7">
        <f t="shared" si="746"/>
        <v>5103.125</v>
      </c>
      <c r="RUP53" s="7">
        <f t="shared" si="746"/>
        <v>5103.125</v>
      </c>
      <c r="RUQ53" s="7">
        <f t="shared" si="746"/>
        <v>5103.125</v>
      </c>
      <c r="RUR53" s="7">
        <f t="shared" si="746"/>
        <v>5103.125</v>
      </c>
      <c r="RUS53" s="7">
        <f t="shared" si="746"/>
        <v>5103.125</v>
      </c>
      <c r="RUT53" s="7">
        <f t="shared" si="746"/>
        <v>5103.125</v>
      </c>
      <c r="RUU53" s="7">
        <f t="shared" si="746"/>
        <v>5103.125</v>
      </c>
      <c r="RUV53" s="7">
        <f t="shared" si="746"/>
        <v>5103.125</v>
      </c>
      <c r="RUW53" s="7">
        <f t="shared" si="746"/>
        <v>5103.125</v>
      </c>
      <c r="RUX53" s="7">
        <f t="shared" si="746"/>
        <v>5103.125</v>
      </c>
      <c r="RUY53" s="7">
        <f t="shared" si="746"/>
        <v>5103.125</v>
      </c>
      <c r="RUZ53" s="7">
        <f t="shared" si="746"/>
        <v>5103.125</v>
      </c>
      <c r="RVA53" s="7">
        <f t="shared" si="746"/>
        <v>5103.125</v>
      </c>
      <c r="RVB53" s="7">
        <f t="shared" si="746"/>
        <v>5103.125</v>
      </c>
      <c r="RVC53" s="7">
        <f t="shared" si="746"/>
        <v>5103.125</v>
      </c>
      <c r="RVD53" s="7">
        <f t="shared" si="746"/>
        <v>5103.125</v>
      </c>
      <c r="RVE53" s="7">
        <f t="shared" si="746"/>
        <v>5103.125</v>
      </c>
      <c r="RVF53" s="7">
        <f t="shared" ref="RVF53:RXQ53" si="747">RVF48+RVE53</f>
        <v>5103.125</v>
      </c>
      <c r="RVG53" s="7">
        <f t="shared" si="747"/>
        <v>5103.125</v>
      </c>
      <c r="RVH53" s="7">
        <f t="shared" si="747"/>
        <v>5103.125</v>
      </c>
      <c r="RVI53" s="7">
        <f t="shared" si="747"/>
        <v>5103.125</v>
      </c>
      <c r="RVJ53" s="7">
        <f t="shared" si="747"/>
        <v>5103.125</v>
      </c>
      <c r="RVK53" s="7">
        <f t="shared" si="747"/>
        <v>5103.125</v>
      </c>
      <c r="RVL53" s="7">
        <f t="shared" si="747"/>
        <v>5103.125</v>
      </c>
      <c r="RVM53" s="7">
        <f t="shared" si="747"/>
        <v>5103.125</v>
      </c>
      <c r="RVN53" s="7">
        <f t="shared" si="747"/>
        <v>5103.125</v>
      </c>
      <c r="RVO53" s="7">
        <f t="shared" si="747"/>
        <v>5103.125</v>
      </c>
      <c r="RVP53" s="7">
        <f t="shared" si="747"/>
        <v>5103.125</v>
      </c>
      <c r="RVQ53" s="7">
        <f t="shared" si="747"/>
        <v>5103.125</v>
      </c>
      <c r="RVR53" s="7">
        <f t="shared" si="747"/>
        <v>5103.125</v>
      </c>
      <c r="RVS53" s="7">
        <f t="shared" si="747"/>
        <v>5103.125</v>
      </c>
      <c r="RVT53" s="7">
        <f t="shared" si="747"/>
        <v>5103.125</v>
      </c>
      <c r="RVU53" s="7">
        <f t="shared" si="747"/>
        <v>5103.125</v>
      </c>
      <c r="RVV53" s="7">
        <f t="shared" si="747"/>
        <v>5103.125</v>
      </c>
      <c r="RVW53" s="7">
        <f t="shared" si="747"/>
        <v>5103.125</v>
      </c>
      <c r="RVX53" s="7">
        <f t="shared" si="747"/>
        <v>5103.125</v>
      </c>
      <c r="RVY53" s="7">
        <f t="shared" si="747"/>
        <v>5103.125</v>
      </c>
      <c r="RVZ53" s="7">
        <f t="shared" si="747"/>
        <v>5103.125</v>
      </c>
      <c r="RWA53" s="7">
        <f t="shared" si="747"/>
        <v>5103.125</v>
      </c>
      <c r="RWB53" s="7">
        <f t="shared" si="747"/>
        <v>5103.125</v>
      </c>
      <c r="RWC53" s="7">
        <f t="shared" si="747"/>
        <v>5103.125</v>
      </c>
      <c r="RWD53" s="7">
        <f t="shared" si="747"/>
        <v>5103.125</v>
      </c>
      <c r="RWE53" s="7">
        <f t="shared" si="747"/>
        <v>5103.125</v>
      </c>
      <c r="RWF53" s="7">
        <f t="shared" si="747"/>
        <v>5103.125</v>
      </c>
      <c r="RWG53" s="7">
        <f t="shared" si="747"/>
        <v>5103.125</v>
      </c>
      <c r="RWH53" s="7">
        <f t="shared" si="747"/>
        <v>5103.125</v>
      </c>
      <c r="RWI53" s="7">
        <f t="shared" si="747"/>
        <v>5103.125</v>
      </c>
      <c r="RWJ53" s="7">
        <f t="shared" si="747"/>
        <v>5103.125</v>
      </c>
      <c r="RWK53" s="7">
        <f t="shared" si="747"/>
        <v>5103.125</v>
      </c>
      <c r="RWL53" s="7">
        <f t="shared" si="747"/>
        <v>5103.125</v>
      </c>
      <c r="RWM53" s="7">
        <f t="shared" si="747"/>
        <v>5103.125</v>
      </c>
      <c r="RWN53" s="7">
        <f t="shared" si="747"/>
        <v>5103.125</v>
      </c>
      <c r="RWO53" s="7">
        <f t="shared" si="747"/>
        <v>5103.125</v>
      </c>
      <c r="RWP53" s="7">
        <f t="shared" si="747"/>
        <v>5103.125</v>
      </c>
      <c r="RWQ53" s="7">
        <f t="shared" si="747"/>
        <v>5103.125</v>
      </c>
      <c r="RWR53" s="7">
        <f t="shared" si="747"/>
        <v>5103.125</v>
      </c>
      <c r="RWS53" s="7">
        <f t="shared" si="747"/>
        <v>5103.125</v>
      </c>
      <c r="RWT53" s="7">
        <f t="shared" si="747"/>
        <v>5103.125</v>
      </c>
      <c r="RWU53" s="7">
        <f t="shared" si="747"/>
        <v>5103.125</v>
      </c>
      <c r="RWV53" s="7">
        <f t="shared" si="747"/>
        <v>5103.125</v>
      </c>
      <c r="RWW53" s="7">
        <f t="shared" si="747"/>
        <v>5103.125</v>
      </c>
      <c r="RWX53" s="7">
        <f t="shared" si="747"/>
        <v>5103.125</v>
      </c>
      <c r="RWY53" s="7">
        <f t="shared" si="747"/>
        <v>5103.125</v>
      </c>
      <c r="RWZ53" s="7">
        <f t="shared" si="747"/>
        <v>5103.125</v>
      </c>
      <c r="RXA53" s="7">
        <f t="shared" si="747"/>
        <v>5103.125</v>
      </c>
      <c r="RXB53" s="7">
        <f t="shared" si="747"/>
        <v>5103.125</v>
      </c>
      <c r="RXC53" s="7">
        <f t="shared" si="747"/>
        <v>5103.125</v>
      </c>
      <c r="RXD53" s="7">
        <f t="shared" si="747"/>
        <v>5103.125</v>
      </c>
      <c r="RXE53" s="7">
        <f t="shared" si="747"/>
        <v>5103.125</v>
      </c>
      <c r="RXF53" s="7">
        <f t="shared" si="747"/>
        <v>5103.125</v>
      </c>
      <c r="RXG53" s="7">
        <f t="shared" si="747"/>
        <v>5103.125</v>
      </c>
      <c r="RXH53" s="7">
        <f t="shared" si="747"/>
        <v>5103.125</v>
      </c>
      <c r="RXI53" s="7">
        <f t="shared" si="747"/>
        <v>5103.125</v>
      </c>
      <c r="RXJ53" s="7">
        <f t="shared" si="747"/>
        <v>5103.125</v>
      </c>
      <c r="RXK53" s="7">
        <f t="shared" si="747"/>
        <v>5103.125</v>
      </c>
      <c r="RXL53" s="7">
        <f t="shared" si="747"/>
        <v>5103.125</v>
      </c>
      <c r="RXM53" s="7">
        <f t="shared" si="747"/>
        <v>5103.125</v>
      </c>
      <c r="RXN53" s="7">
        <f t="shared" si="747"/>
        <v>5103.125</v>
      </c>
      <c r="RXO53" s="7">
        <f t="shared" si="747"/>
        <v>5103.125</v>
      </c>
      <c r="RXP53" s="7">
        <f t="shared" si="747"/>
        <v>5103.125</v>
      </c>
      <c r="RXQ53" s="7">
        <f t="shared" si="747"/>
        <v>5103.125</v>
      </c>
      <c r="RXR53" s="7">
        <f t="shared" ref="RXR53:SAC53" si="748">RXR48+RXQ53</f>
        <v>5103.125</v>
      </c>
      <c r="RXS53" s="7">
        <f t="shared" si="748"/>
        <v>5103.125</v>
      </c>
      <c r="RXT53" s="7">
        <f t="shared" si="748"/>
        <v>5103.125</v>
      </c>
      <c r="RXU53" s="7">
        <f t="shared" si="748"/>
        <v>5103.125</v>
      </c>
      <c r="RXV53" s="7">
        <f t="shared" si="748"/>
        <v>5103.125</v>
      </c>
      <c r="RXW53" s="7">
        <f t="shared" si="748"/>
        <v>5103.125</v>
      </c>
      <c r="RXX53" s="7">
        <f t="shared" si="748"/>
        <v>5103.125</v>
      </c>
      <c r="RXY53" s="7">
        <f t="shared" si="748"/>
        <v>5103.125</v>
      </c>
      <c r="RXZ53" s="7">
        <f t="shared" si="748"/>
        <v>5103.125</v>
      </c>
      <c r="RYA53" s="7">
        <f t="shared" si="748"/>
        <v>5103.125</v>
      </c>
      <c r="RYB53" s="7">
        <f t="shared" si="748"/>
        <v>5103.125</v>
      </c>
      <c r="RYC53" s="7">
        <f t="shared" si="748"/>
        <v>5103.125</v>
      </c>
      <c r="RYD53" s="7">
        <f t="shared" si="748"/>
        <v>5103.125</v>
      </c>
      <c r="RYE53" s="7">
        <f t="shared" si="748"/>
        <v>5103.125</v>
      </c>
      <c r="RYF53" s="7">
        <f t="shared" si="748"/>
        <v>5103.125</v>
      </c>
      <c r="RYG53" s="7">
        <f t="shared" si="748"/>
        <v>5103.125</v>
      </c>
      <c r="RYH53" s="7">
        <f t="shared" si="748"/>
        <v>5103.125</v>
      </c>
      <c r="RYI53" s="7">
        <f t="shared" si="748"/>
        <v>5103.125</v>
      </c>
      <c r="RYJ53" s="7">
        <f t="shared" si="748"/>
        <v>5103.125</v>
      </c>
      <c r="RYK53" s="7">
        <f t="shared" si="748"/>
        <v>5103.125</v>
      </c>
      <c r="RYL53" s="7">
        <f t="shared" si="748"/>
        <v>5103.125</v>
      </c>
      <c r="RYM53" s="7">
        <f t="shared" si="748"/>
        <v>5103.125</v>
      </c>
      <c r="RYN53" s="7">
        <f t="shared" si="748"/>
        <v>5103.125</v>
      </c>
      <c r="RYO53" s="7">
        <f t="shared" si="748"/>
        <v>5103.125</v>
      </c>
      <c r="RYP53" s="7">
        <f t="shared" si="748"/>
        <v>5103.125</v>
      </c>
      <c r="RYQ53" s="7">
        <f t="shared" si="748"/>
        <v>5103.125</v>
      </c>
      <c r="RYR53" s="7">
        <f t="shared" si="748"/>
        <v>5103.125</v>
      </c>
      <c r="RYS53" s="7">
        <f t="shared" si="748"/>
        <v>5103.125</v>
      </c>
      <c r="RYT53" s="7">
        <f t="shared" si="748"/>
        <v>5103.125</v>
      </c>
      <c r="RYU53" s="7">
        <f t="shared" si="748"/>
        <v>5103.125</v>
      </c>
      <c r="RYV53" s="7">
        <f t="shared" si="748"/>
        <v>5103.125</v>
      </c>
      <c r="RYW53" s="7">
        <f t="shared" si="748"/>
        <v>5103.125</v>
      </c>
      <c r="RYX53" s="7">
        <f t="shared" si="748"/>
        <v>5103.125</v>
      </c>
      <c r="RYY53" s="7">
        <f t="shared" si="748"/>
        <v>5103.125</v>
      </c>
      <c r="RYZ53" s="7">
        <f t="shared" si="748"/>
        <v>5103.125</v>
      </c>
      <c r="RZA53" s="7">
        <f t="shared" si="748"/>
        <v>5103.125</v>
      </c>
      <c r="RZB53" s="7">
        <f t="shared" si="748"/>
        <v>5103.125</v>
      </c>
      <c r="RZC53" s="7">
        <f t="shared" si="748"/>
        <v>5103.125</v>
      </c>
      <c r="RZD53" s="7">
        <f t="shared" si="748"/>
        <v>5103.125</v>
      </c>
      <c r="RZE53" s="7">
        <f t="shared" si="748"/>
        <v>5103.125</v>
      </c>
      <c r="RZF53" s="7">
        <f t="shared" si="748"/>
        <v>5103.125</v>
      </c>
      <c r="RZG53" s="7">
        <f t="shared" si="748"/>
        <v>5103.125</v>
      </c>
      <c r="RZH53" s="7">
        <f t="shared" si="748"/>
        <v>5103.125</v>
      </c>
      <c r="RZI53" s="7">
        <f t="shared" si="748"/>
        <v>5103.125</v>
      </c>
      <c r="RZJ53" s="7">
        <f t="shared" si="748"/>
        <v>5103.125</v>
      </c>
      <c r="RZK53" s="7">
        <f t="shared" si="748"/>
        <v>5103.125</v>
      </c>
      <c r="RZL53" s="7">
        <f t="shared" si="748"/>
        <v>5103.125</v>
      </c>
      <c r="RZM53" s="7">
        <f t="shared" si="748"/>
        <v>5103.125</v>
      </c>
      <c r="RZN53" s="7">
        <f t="shared" si="748"/>
        <v>5103.125</v>
      </c>
      <c r="RZO53" s="7">
        <f t="shared" si="748"/>
        <v>5103.125</v>
      </c>
      <c r="RZP53" s="7">
        <f t="shared" si="748"/>
        <v>5103.125</v>
      </c>
      <c r="RZQ53" s="7">
        <f t="shared" si="748"/>
        <v>5103.125</v>
      </c>
      <c r="RZR53" s="7">
        <f t="shared" si="748"/>
        <v>5103.125</v>
      </c>
      <c r="RZS53" s="7">
        <f t="shared" si="748"/>
        <v>5103.125</v>
      </c>
      <c r="RZT53" s="7">
        <f t="shared" si="748"/>
        <v>5103.125</v>
      </c>
      <c r="RZU53" s="7">
        <f t="shared" si="748"/>
        <v>5103.125</v>
      </c>
      <c r="RZV53" s="7">
        <f t="shared" si="748"/>
        <v>5103.125</v>
      </c>
      <c r="RZW53" s="7">
        <f t="shared" si="748"/>
        <v>5103.125</v>
      </c>
      <c r="RZX53" s="7">
        <f t="shared" si="748"/>
        <v>5103.125</v>
      </c>
      <c r="RZY53" s="7">
        <f t="shared" si="748"/>
        <v>5103.125</v>
      </c>
      <c r="RZZ53" s="7">
        <f t="shared" si="748"/>
        <v>5103.125</v>
      </c>
      <c r="SAA53" s="7">
        <f t="shared" si="748"/>
        <v>5103.125</v>
      </c>
      <c r="SAB53" s="7">
        <f t="shared" si="748"/>
        <v>5103.125</v>
      </c>
      <c r="SAC53" s="7">
        <f t="shared" si="748"/>
        <v>5103.125</v>
      </c>
      <c r="SAD53" s="7">
        <f t="shared" ref="SAD53:SCO53" si="749">SAD48+SAC53</f>
        <v>5103.125</v>
      </c>
      <c r="SAE53" s="7">
        <f t="shared" si="749"/>
        <v>5103.125</v>
      </c>
      <c r="SAF53" s="7">
        <f t="shared" si="749"/>
        <v>5103.125</v>
      </c>
      <c r="SAG53" s="7">
        <f t="shared" si="749"/>
        <v>5103.125</v>
      </c>
      <c r="SAH53" s="7">
        <f t="shared" si="749"/>
        <v>5103.125</v>
      </c>
      <c r="SAI53" s="7">
        <f t="shared" si="749"/>
        <v>5103.125</v>
      </c>
      <c r="SAJ53" s="7">
        <f t="shared" si="749"/>
        <v>5103.125</v>
      </c>
      <c r="SAK53" s="7">
        <f t="shared" si="749"/>
        <v>5103.125</v>
      </c>
      <c r="SAL53" s="7">
        <f t="shared" si="749"/>
        <v>5103.125</v>
      </c>
      <c r="SAM53" s="7">
        <f t="shared" si="749"/>
        <v>5103.125</v>
      </c>
      <c r="SAN53" s="7">
        <f t="shared" si="749"/>
        <v>5103.125</v>
      </c>
      <c r="SAO53" s="7">
        <f t="shared" si="749"/>
        <v>5103.125</v>
      </c>
      <c r="SAP53" s="7">
        <f t="shared" si="749"/>
        <v>5103.125</v>
      </c>
      <c r="SAQ53" s="7">
        <f t="shared" si="749"/>
        <v>5103.125</v>
      </c>
      <c r="SAR53" s="7">
        <f t="shared" si="749"/>
        <v>5103.125</v>
      </c>
      <c r="SAS53" s="7">
        <f t="shared" si="749"/>
        <v>5103.125</v>
      </c>
      <c r="SAT53" s="7">
        <f t="shared" si="749"/>
        <v>5103.125</v>
      </c>
      <c r="SAU53" s="7">
        <f t="shared" si="749"/>
        <v>5103.125</v>
      </c>
      <c r="SAV53" s="7">
        <f t="shared" si="749"/>
        <v>5103.125</v>
      </c>
      <c r="SAW53" s="7">
        <f t="shared" si="749"/>
        <v>5103.125</v>
      </c>
      <c r="SAX53" s="7">
        <f t="shared" si="749"/>
        <v>5103.125</v>
      </c>
      <c r="SAY53" s="7">
        <f t="shared" si="749"/>
        <v>5103.125</v>
      </c>
      <c r="SAZ53" s="7">
        <f t="shared" si="749"/>
        <v>5103.125</v>
      </c>
      <c r="SBA53" s="7">
        <f t="shared" si="749"/>
        <v>5103.125</v>
      </c>
      <c r="SBB53" s="7">
        <f t="shared" si="749"/>
        <v>5103.125</v>
      </c>
      <c r="SBC53" s="7">
        <f t="shared" si="749"/>
        <v>5103.125</v>
      </c>
      <c r="SBD53" s="7">
        <f t="shared" si="749"/>
        <v>5103.125</v>
      </c>
      <c r="SBE53" s="7">
        <f t="shared" si="749"/>
        <v>5103.125</v>
      </c>
      <c r="SBF53" s="7">
        <f t="shared" si="749"/>
        <v>5103.125</v>
      </c>
      <c r="SBG53" s="7">
        <f t="shared" si="749"/>
        <v>5103.125</v>
      </c>
      <c r="SBH53" s="7">
        <f t="shared" si="749"/>
        <v>5103.125</v>
      </c>
      <c r="SBI53" s="7">
        <f t="shared" si="749"/>
        <v>5103.125</v>
      </c>
      <c r="SBJ53" s="7">
        <f t="shared" si="749"/>
        <v>5103.125</v>
      </c>
      <c r="SBK53" s="7">
        <f t="shared" si="749"/>
        <v>5103.125</v>
      </c>
      <c r="SBL53" s="7">
        <f t="shared" si="749"/>
        <v>5103.125</v>
      </c>
      <c r="SBM53" s="7">
        <f t="shared" si="749"/>
        <v>5103.125</v>
      </c>
      <c r="SBN53" s="7">
        <f t="shared" si="749"/>
        <v>5103.125</v>
      </c>
      <c r="SBO53" s="7">
        <f t="shared" si="749"/>
        <v>5103.125</v>
      </c>
      <c r="SBP53" s="7">
        <f t="shared" si="749"/>
        <v>5103.125</v>
      </c>
      <c r="SBQ53" s="7">
        <f t="shared" si="749"/>
        <v>5103.125</v>
      </c>
      <c r="SBR53" s="7">
        <f t="shared" si="749"/>
        <v>5103.125</v>
      </c>
      <c r="SBS53" s="7">
        <f t="shared" si="749"/>
        <v>5103.125</v>
      </c>
      <c r="SBT53" s="7">
        <f t="shared" si="749"/>
        <v>5103.125</v>
      </c>
      <c r="SBU53" s="7">
        <f t="shared" si="749"/>
        <v>5103.125</v>
      </c>
      <c r="SBV53" s="7">
        <f t="shared" si="749"/>
        <v>5103.125</v>
      </c>
      <c r="SBW53" s="7">
        <f t="shared" si="749"/>
        <v>5103.125</v>
      </c>
      <c r="SBX53" s="7">
        <f t="shared" si="749"/>
        <v>5103.125</v>
      </c>
      <c r="SBY53" s="7">
        <f t="shared" si="749"/>
        <v>5103.125</v>
      </c>
      <c r="SBZ53" s="7">
        <f t="shared" si="749"/>
        <v>5103.125</v>
      </c>
      <c r="SCA53" s="7">
        <f t="shared" si="749"/>
        <v>5103.125</v>
      </c>
      <c r="SCB53" s="7">
        <f t="shared" si="749"/>
        <v>5103.125</v>
      </c>
      <c r="SCC53" s="7">
        <f t="shared" si="749"/>
        <v>5103.125</v>
      </c>
      <c r="SCD53" s="7">
        <f t="shared" si="749"/>
        <v>5103.125</v>
      </c>
      <c r="SCE53" s="7">
        <f t="shared" si="749"/>
        <v>5103.125</v>
      </c>
      <c r="SCF53" s="7">
        <f t="shared" si="749"/>
        <v>5103.125</v>
      </c>
      <c r="SCG53" s="7">
        <f t="shared" si="749"/>
        <v>5103.125</v>
      </c>
      <c r="SCH53" s="7">
        <f t="shared" si="749"/>
        <v>5103.125</v>
      </c>
      <c r="SCI53" s="7">
        <f t="shared" si="749"/>
        <v>5103.125</v>
      </c>
      <c r="SCJ53" s="7">
        <f t="shared" si="749"/>
        <v>5103.125</v>
      </c>
      <c r="SCK53" s="7">
        <f t="shared" si="749"/>
        <v>5103.125</v>
      </c>
      <c r="SCL53" s="7">
        <f t="shared" si="749"/>
        <v>5103.125</v>
      </c>
      <c r="SCM53" s="7">
        <f t="shared" si="749"/>
        <v>5103.125</v>
      </c>
      <c r="SCN53" s="7">
        <f t="shared" si="749"/>
        <v>5103.125</v>
      </c>
      <c r="SCO53" s="7">
        <f t="shared" si="749"/>
        <v>5103.125</v>
      </c>
      <c r="SCP53" s="7">
        <f t="shared" ref="SCP53:SFA53" si="750">SCP48+SCO53</f>
        <v>5103.125</v>
      </c>
      <c r="SCQ53" s="7">
        <f t="shared" si="750"/>
        <v>5103.125</v>
      </c>
      <c r="SCR53" s="7">
        <f t="shared" si="750"/>
        <v>5103.125</v>
      </c>
      <c r="SCS53" s="7">
        <f t="shared" si="750"/>
        <v>5103.125</v>
      </c>
      <c r="SCT53" s="7">
        <f t="shared" si="750"/>
        <v>5103.125</v>
      </c>
      <c r="SCU53" s="7">
        <f t="shared" si="750"/>
        <v>5103.125</v>
      </c>
      <c r="SCV53" s="7">
        <f t="shared" si="750"/>
        <v>5103.125</v>
      </c>
      <c r="SCW53" s="7">
        <f t="shared" si="750"/>
        <v>5103.125</v>
      </c>
      <c r="SCX53" s="7">
        <f t="shared" si="750"/>
        <v>5103.125</v>
      </c>
      <c r="SCY53" s="7">
        <f t="shared" si="750"/>
        <v>5103.125</v>
      </c>
      <c r="SCZ53" s="7">
        <f t="shared" si="750"/>
        <v>5103.125</v>
      </c>
      <c r="SDA53" s="7">
        <f t="shared" si="750"/>
        <v>5103.125</v>
      </c>
      <c r="SDB53" s="7">
        <f t="shared" si="750"/>
        <v>5103.125</v>
      </c>
      <c r="SDC53" s="7">
        <f t="shared" si="750"/>
        <v>5103.125</v>
      </c>
      <c r="SDD53" s="7">
        <f t="shared" si="750"/>
        <v>5103.125</v>
      </c>
      <c r="SDE53" s="7">
        <f t="shared" si="750"/>
        <v>5103.125</v>
      </c>
      <c r="SDF53" s="7">
        <f t="shared" si="750"/>
        <v>5103.125</v>
      </c>
      <c r="SDG53" s="7">
        <f t="shared" si="750"/>
        <v>5103.125</v>
      </c>
      <c r="SDH53" s="7">
        <f t="shared" si="750"/>
        <v>5103.125</v>
      </c>
      <c r="SDI53" s="7">
        <f t="shared" si="750"/>
        <v>5103.125</v>
      </c>
      <c r="SDJ53" s="7">
        <f t="shared" si="750"/>
        <v>5103.125</v>
      </c>
      <c r="SDK53" s="7">
        <f t="shared" si="750"/>
        <v>5103.125</v>
      </c>
      <c r="SDL53" s="7">
        <f t="shared" si="750"/>
        <v>5103.125</v>
      </c>
      <c r="SDM53" s="7">
        <f t="shared" si="750"/>
        <v>5103.125</v>
      </c>
      <c r="SDN53" s="7">
        <f t="shared" si="750"/>
        <v>5103.125</v>
      </c>
      <c r="SDO53" s="7">
        <f t="shared" si="750"/>
        <v>5103.125</v>
      </c>
      <c r="SDP53" s="7">
        <f t="shared" si="750"/>
        <v>5103.125</v>
      </c>
      <c r="SDQ53" s="7">
        <f t="shared" si="750"/>
        <v>5103.125</v>
      </c>
      <c r="SDR53" s="7">
        <f t="shared" si="750"/>
        <v>5103.125</v>
      </c>
      <c r="SDS53" s="7">
        <f t="shared" si="750"/>
        <v>5103.125</v>
      </c>
      <c r="SDT53" s="7">
        <f t="shared" si="750"/>
        <v>5103.125</v>
      </c>
      <c r="SDU53" s="7">
        <f t="shared" si="750"/>
        <v>5103.125</v>
      </c>
      <c r="SDV53" s="7">
        <f t="shared" si="750"/>
        <v>5103.125</v>
      </c>
      <c r="SDW53" s="7">
        <f t="shared" si="750"/>
        <v>5103.125</v>
      </c>
      <c r="SDX53" s="7">
        <f t="shared" si="750"/>
        <v>5103.125</v>
      </c>
      <c r="SDY53" s="7">
        <f t="shared" si="750"/>
        <v>5103.125</v>
      </c>
      <c r="SDZ53" s="7">
        <f t="shared" si="750"/>
        <v>5103.125</v>
      </c>
      <c r="SEA53" s="7">
        <f t="shared" si="750"/>
        <v>5103.125</v>
      </c>
      <c r="SEB53" s="7">
        <f t="shared" si="750"/>
        <v>5103.125</v>
      </c>
      <c r="SEC53" s="7">
        <f t="shared" si="750"/>
        <v>5103.125</v>
      </c>
      <c r="SED53" s="7">
        <f t="shared" si="750"/>
        <v>5103.125</v>
      </c>
      <c r="SEE53" s="7">
        <f t="shared" si="750"/>
        <v>5103.125</v>
      </c>
      <c r="SEF53" s="7">
        <f t="shared" si="750"/>
        <v>5103.125</v>
      </c>
      <c r="SEG53" s="7">
        <f t="shared" si="750"/>
        <v>5103.125</v>
      </c>
      <c r="SEH53" s="7">
        <f t="shared" si="750"/>
        <v>5103.125</v>
      </c>
      <c r="SEI53" s="7">
        <f t="shared" si="750"/>
        <v>5103.125</v>
      </c>
      <c r="SEJ53" s="7">
        <f t="shared" si="750"/>
        <v>5103.125</v>
      </c>
      <c r="SEK53" s="7">
        <f t="shared" si="750"/>
        <v>5103.125</v>
      </c>
      <c r="SEL53" s="7">
        <f t="shared" si="750"/>
        <v>5103.125</v>
      </c>
      <c r="SEM53" s="7">
        <f t="shared" si="750"/>
        <v>5103.125</v>
      </c>
      <c r="SEN53" s="7">
        <f t="shared" si="750"/>
        <v>5103.125</v>
      </c>
      <c r="SEO53" s="7">
        <f t="shared" si="750"/>
        <v>5103.125</v>
      </c>
      <c r="SEP53" s="7">
        <f t="shared" si="750"/>
        <v>5103.125</v>
      </c>
      <c r="SEQ53" s="7">
        <f t="shared" si="750"/>
        <v>5103.125</v>
      </c>
      <c r="SER53" s="7">
        <f t="shared" si="750"/>
        <v>5103.125</v>
      </c>
      <c r="SES53" s="7">
        <f t="shared" si="750"/>
        <v>5103.125</v>
      </c>
      <c r="SET53" s="7">
        <f t="shared" si="750"/>
        <v>5103.125</v>
      </c>
      <c r="SEU53" s="7">
        <f t="shared" si="750"/>
        <v>5103.125</v>
      </c>
      <c r="SEV53" s="7">
        <f t="shared" si="750"/>
        <v>5103.125</v>
      </c>
      <c r="SEW53" s="7">
        <f t="shared" si="750"/>
        <v>5103.125</v>
      </c>
      <c r="SEX53" s="7">
        <f t="shared" si="750"/>
        <v>5103.125</v>
      </c>
      <c r="SEY53" s="7">
        <f t="shared" si="750"/>
        <v>5103.125</v>
      </c>
      <c r="SEZ53" s="7">
        <f t="shared" si="750"/>
        <v>5103.125</v>
      </c>
      <c r="SFA53" s="7">
        <f t="shared" si="750"/>
        <v>5103.125</v>
      </c>
      <c r="SFB53" s="7">
        <f t="shared" ref="SFB53:SHM53" si="751">SFB48+SFA53</f>
        <v>5103.125</v>
      </c>
      <c r="SFC53" s="7">
        <f t="shared" si="751"/>
        <v>5103.125</v>
      </c>
      <c r="SFD53" s="7">
        <f t="shared" si="751"/>
        <v>5103.125</v>
      </c>
      <c r="SFE53" s="7">
        <f t="shared" si="751"/>
        <v>5103.125</v>
      </c>
      <c r="SFF53" s="7">
        <f t="shared" si="751"/>
        <v>5103.125</v>
      </c>
      <c r="SFG53" s="7">
        <f t="shared" si="751"/>
        <v>5103.125</v>
      </c>
      <c r="SFH53" s="7">
        <f t="shared" si="751"/>
        <v>5103.125</v>
      </c>
      <c r="SFI53" s="7">
        <f t="shared" si="751"/>
        <v>5103.125</v>
      </c>
      <c r="SFJ53" s="7">
        <f t="shared" si="751"/>
        <v>5103.125</v>
      </c>
      <c r="SFK53" s="7">
        <f t="shared" si="751"/>
        <v>5103.125</v>
      </c>
      <c r="SFL53" s="7">
        <f t="shared" si="751"/>
        <v>5103.125</v>
      </c>
      <c r="SFM53" s="7">
        <f t="shared" si="751"/>
        <v>5103.125</v>
      </c>
      <c r="SFN53" s="7">
        <f t="shared" si="751"/>
        <v>5103.125</v>
      </c>
      <c r="SFO53" s="7">
        <f t="shared" si="751"/>
        <v>5103.125</v>
      </c>
      <c r="SFP53" s="7">
        <f t="shared" si="751"/>
        <v>5103.125</v>
      </c>
      <c r="SFQ53" s="7">
        <f t="shared" si="751"/>
        <v>5103.125</v>
      </c>
      <c r="SFR53" s="7">
        <f t="shared" si="751"/>
        <v>5103.125</v>
      </c>
      <c r="SFS53" s="7">
        <f t="shared" si="751"/>
        <v>5103.125</v>
      </c>
      <c r="SFT53" s="7">
        <f t="shared" si="751"/>
        <v>5103.125</v>
      </c>
      <c r="SFU53" s="7">
        <f t="shared" si="751"/>
        <v>5103.125</v>
      </c>
      <c r="SFV53" s="7">
        <f t="shared" si="751"/>
        <v>5103.125</v>
      </c>
      <c r="SFW53" s="7">
        <f t="shared" si="751"/>
        <v>5103.125</v>
      </c>
      <c r="SFX53" s="7">
        <f t="shared" si="751"/>
        <v>5103.125</v>
      </c>
      <c r="SFY53" s="7">
        <f t="shared" si="751"/>
        <v>5103.125</v>
      </c>
      <c r="SFZ53" s="7">
        <f t="shared" si="751"/>
        <v>5103.125</v>
      </c>
      <c r="SGA53" s="7">
        <f t="shared" si="751"/>
        <v>5103.125</v>
      </c>
      <c r="SGB53" s="7">
        <f t="shared" si="751"/>
        <v>5103.125</v>
      </c>
      <c r="SGC53" s="7">
        <f t="shared" si="751"/>
        <v>5103.125</v>
      </c>
      <c r="SGD53" s="7">
        <f t="shared" si="751"/>
        <v>5103.125</v>
      </c>
      <c r="SGE53" s="7">
        <f t="shared" si="751"/>
        <v>5103.125</v>
      </c>
      <c r="SGF53" s="7">
        <f t="shared" si="751"/>
        <v>5103.125</v>
      </c>
      <c r="SGG53" s="7">
        <f t="shared" si="751"/>
        <v>5103.125</v>
      </c>
      <c r="SGH53" s="7">
        <f t="shared" si="751"/>
        <v>5103.125</v>
      </c>
      <c r="SGI53" s="7">
        <f t="shared" si="751"/>
        <v>5103.125</v>
      </c>
      <c r="SGJ53" s="7">
        <f t="shared" si="751"/>
        <v>5103.125</v>
      </c>
      <c r="SGK53" s="7">
        <f t="shared" si="751"/>
        <v>5103.125</v>
      </c>
      <c r="SGL53" s="7">
        <f t="shared" si="751"/>
        <v>5103.125</v>
      </c>
      <c r="SGM53" s="7">
        <f t="shared" si="751"/>
        <v>5103.125</v>
      </c>
      <c r="SGN53" s="7">
        <f t="shared" si="751"/>
        <v>5103.125</v>
      </c>
      <c r="SGO53" s="7">
        <f t="shared" si="751"/>
        <v>5103.125</v>
      </c>
      <c r="SGP53" s="7">
        <f t="shared" si="751"/>
        <v>5103.125</v>
      </c>
      <c r="SGQ53" s="7">
        <f t="shared" si="751"/>
        <v>5103.125</v>
      </c>
      <c r="SGR53" s="7">
        <f t="shared" si="751"/>
        <v>5103.125</v>
      </c>
      <c r="SGS53" s="7">
        <f t="shared" si="751"/>
        <v>5103.125</v>
      </c>
      <c r="SGT53" s="7">
        <f t="shared" si="751"/>
        <v>5103.125</v>
      </c>
      <c r="SGU53" s="7">
        <f t="shared" si="751"/>
        <v>5103.125</v>
      </c>
      <c r="SGV53" s="7">
        <f t="shared" si="751"/>
        <v>5103.125</v>
      </c>
      <c r="SGW53" s="7">
        <f t="shared" si="751"/>
        <v>5103.125</v>
      </c>
      <c r="SGX53" s="7">
        <f t="shared" si="751"/>
        <v>5103.125</v>
      </c>
      <c r="SGY53" s="7">
        <f t="shared" si="751"/>
        <v>5103.125</v>
      </c>
      <c r="SGZ53" s="7">
        <f t="shared" si="751"/>
        <v>5103.125</v>
      </c>
      <c r="SHA53" s="7">
        <f t="shared" si="751"/>
        <v>5103.125</v>
      </c>
      <c r="SHB53" s="7">
        <f t="shared" si="751"/>
        <v>5103.125</v>
      </c>
      <c r="SHC53" s="7">
        <f t="shared" si="751"/>
        <v>5103.125</v>
      </c>
      <c r="SHD53" s="7">
        <f t="shared" si="751"/>
        <v>5103.125</v>
      </c>
      <c r="SHE53" s="7">
        <f t="shared" si="751"/>
        <v>5103.125</v>
      </c>
      <c r="SHF53" s="7">
        <f t="shared" si="751"/>
        <v>5103.125</v>
      </c>
      <c r="SHG53" s="7">
        <f t="shared" si="751"/>
        <v>5103.125</v>
      </c>
      <c r="SHH53" s="7">
        <f t="shared" si="751"/>
        <v>5103.125</v>
      </c>
      <c r="SHI53" s="7">
        <f t="shared" si="751"/>
        <v>5103.125</v>
      </c>
      <c r="SHJ53" s="7">
        <f t="shared" si="751"/>
        <v>5103.125</v>
      </c>
      <c r="SHK53" s="7">
        <f t="shared" si="751"/>
        <v>5103.125</v>
      </c>
      <c r="SHL53" s="7">
        <f t="shared" si="751"/>
        <v>5103.125</v>
      </c>
      <c r="SHM53" s="7">
        <f t="shared" si="751"/>
        <v>5103.125</v>
      </c>
      <c r="SHN53" s="7">
        <f t="shared" ref="SHN53:SJY53" si="752">SHN48+SHM53</f>
        <v>5103.125</v>
      </c>
      <c r="SHO53" s="7">
        <f t="shared" si="752"/>
        <v>5103.125</v>
      </c>
      <c r="SHP53" s="7">
        <f t="shared" si="752"/>
        <v>5103.125</v>
      </c>
      <c r="SHQ53" s="7">
        <f t="shared" si="752"/>
        <v>5103.125</v>
      </c>
      <c r="SHR53" s="7">
        <f t="shared" si="752"/>
        <v>5103.125</v>
      </c>
      <c r="SHS53" s="7">
        <f t="shared" si="752"/>
        <v>5103.125</v>
      </c>
      <c r="SHT53" s="7">
        <f t="shared" si="752"/>
        <v>5103.125</v>
      </c>
      <c r="SHU53" s="7">
        <f t="shared" si="752"/>
        <v>5103.125</v>
      </c>
      <c r="SHV53" s="7">
        <f t="shared" si="752"/>
        <v>5103.125</v>
      </c>
      <c r="SHW53" s="7">
        <f t="shared" si="752"/>
        <v>5103.125</v>
      </c>
      <c r="SHX53" s="7">
        <f t="shared" si="752"/>
        <v>5103.125</v>
      </c>
      <c r="SHY53" s="7">
        <f t="shared" si="752"/>
        <v>5103.125</v>
      </c>
      <c r="SHZ53" s="7">
        <f t="shared" si="752"/>
        <v>5103.125</v>
      </c>
      <c r="SIA53" s="7">
        <f t="shared" si="752"/>
        <v>5103.125</v>
      </c>
      <c r="SIB53" s="7">
        <f t="shared" si="752"/>
        <v>5103.125</v>
      </c>
      <c r="SIC53" s="7">
        <f t="shared" si="752"/>
        <v>5103.125</v>
      </c>
      <c r="SID53" s="7">
        <f t="shared" si="752"/>
        <v>5103.125</v>
      </c>
      <c r="SIE53" s="7">
        <f t="shared" si="752"/>
        <v>5103.125</v>
      </c>
      <c r="SIF53" s="7">
        <f t="shared" si="752"/>
        <v>5103.125</v>
      </c>
      <c r="SIG53" s="7">
        <f t="shared" si="752"/>
        <v>5103.125</v>
      </c>
      <c r="SIH53" s="7">
        <f t="shared" si="752"/>
        <v>5103.125</v>
      </c>
      <c r="SII53" s="7">
        <f t="shared" si="752"/>
        <v>5103.125</v>
      </c>
      <c r="SIJ53" s="7">
        <f t="shared" si="752"/>
        <v>5103.125</v>
      </c>
      <c r="SIK53" s="7">
        <f t="shared" si="752"/>
        <v>5103.125</v>
      </c>
      <c r="SIL53" s="7">
        <f t="shared" si="752"/>
        <v>5103.125</v>
      </c>
      <c r="SIM53" s="7">
        <f t="shared" si="752"/>
        <v>5103.125</v>
      </c>
      <c r="SIN53" s="7">
        <f t="shared" si="752"/>
        <v>5103.125</v>
      </c>
      <c r="SIO53" s="7">
        <f t="shared" si="752"/>
        <v>5103.125</v>
      </c>
      <c r="SIP53" s="7">
        <f t="shared" si="752"/>
        <v>5103.125</v>
      </c>
      <c r="SIQ53" s="7">
        <f t="shared" si="752"/>
        <v>5103.125</v>
      </c>
      <c r="SIR53" s="7">
        <f t="shared" si="752"/>
        <v>5103.125</v>
      </c>
      <c r="SIS53" s="7">
        <f t="shared" si="752"/>
        <v>5103.125</v>
      </c>
      <c r="SIT53" s="7">
        <f t="shared" si="752"/>
        <v>5103.125</v>
      </c>
      <c r="SIU53" s="7">
        <f t="shared" si="752"/>
        <v>5103.125</v>
      </c>
      <c r="SIV53" s="7">
        <f t="shared" si="752"/>
        <v>5103.125</v>
      </c>
      <c r="SIW53" s="7">
        <f t="shared" si="752"/>
        <v>5103.125</v>
      </c>
      <c r="SIX53" s="7">
        <f t="shared" si="752"/>
        <v>5103.125</v>
      </c>
      <c r="SIY53" s="7">
        <f t="shared" si="752"/>
        <v>5103.125</v>
      </c>
      <c r="SIZ53" s="7">
        <f t="shared" si="752"/>
        <v>5103.125</v>
      </c>
      <c r="SJA53" s="7">
        <f t="shared" si="752"/>
        <v>5103.125</v>
      </c>
      <c r="SJB53" s="7">
        <f t="shared" si="752"/>
        <v>5103.125</v>
      </c>
      <c r="SJC53" s="7">
        <f t="shared" si="752"/>
        <v>5103.125</v>
      </c>
      <c r="SJD53" s="7">
        <f t="shared" si="752"/>
        <v>5103.125</v>
      </c>
      <c r="SJE53" s="7">
        <f t="shared" si="752"/>
        <v>5103.125</v>
      </c>
      <c r="SJF53" s="7">
        <f t="shared" si="752"/>
        <v>5103.125</v>
      </c>
      <c r="SJG53" s="7">
        <f t="shared" si="752"/>
        <v>5103.125</v>
      </c>
      <c r="SJH53" s="7">
        <f t="shared" si="752"/>
        <v>5103.125</v>
      </c>
      <c r="SJI53" s="7">
        <f t="shared" si="752"/>
        <v>5103.125</v>
      </c>
      <c r="SJJ53" s="7">
        <f t="shared" si="752"/>
        <v>5103.125</v>
      </c>
      <c r="SJK53" s="7">
        <f t="shared" si="752"/>
        <v>5103.125</v>
      </c>
      <c r="SJL53" s="7">
        <f t="shared" si="752"/>
        <v>5103.125</v>
      </c>
      <c r="SJM53" s="7">
        <f t="shared" si="752"/>
        <v>5103.125</v>
      </c>
      <c r="SJN53" s="7">
        <f t="shared" si="752"/>
        <v>5103.125</v>
      </c>
      <c r="SJO53" s="7">
        <f t="shared" si="752"/>
        <v>5103.125</v>
      </c>
      <c r="SJP53" s="7">
        <f t="shared" si="752"/>
        <v>5103.125</v>
      </c>
      <c r="SJQ53" s="7">
        <f t="shared" si="752"/>
        <v>5103.125</v>
      </c>
      <c r="SJR53" s="7">
        <f t="shared" si="752"/>
        <v>5103.125</v>
      </c>
      <c r="SJS53" s="7">
        <f t="shared" si="752"/>
        <v>5103.125</v>
      </c>
      <c r="SJT53" s="7">
        <f t="shared" si="752"/>
        <v>5103.125</v>
      </c>
      <c r="SJU53" s="7">
        <f t="shared" si="752"/>
        <v>5103.125</v>
      </c>
      <c r="SJV53" s="7">
        <f t="shared" si="752"/>
        <v>5103.125</v>
      </c>
      <c r="SJW53" s="7">
        <f t="shared" si="752"/>
        <v>5103.125</v>
      </c>
      <c r="SJX53" s="7">
        <f t="shared" si="752"/>
        <v>5103.125</v>
      </c>
      <c r="SJY53" s="7">
        <f t="shared" si="752"/>
        <v>5103.125</v>
      </c>
      <c r="SJZ53" s="7">
        <f t="shared" ref="SJZ53:SMK53" si="753">SJZ48+SJY53</f>
        <v>5103.125</v>
      </c>
      <c r="SKA53" s="7">
        <f t="shared" si="753"/>
        <v>5103.125</v>
      </c>
      <c r="SKB53" s="7">
        <f t="shared" si="753"/>
        <v>5103.125</v>
      </c>
      <c r="SKC53" s="7">
        <f t="shared" si="753"/>
        <v>5103.125</v>
      </c>
      <c r="SKD53" s="7">
        <f t="shared" si="753"/>
        <v>5103.125</v>
      </c>
      <c r="SKE53" s="7">
        <f t="shared" si="753"/>
        <v>5103.125</v>
      </c>
      <c r="SKF53" s="7">
        <f t="shared" si="753"/>
        <v>5103.125</v>
      </c>
      <c r="SKG53" s="7">
        <f t="shared" si="753"/>
        <v>5103.125</v>
      </c>
      <c r="SKH53" s="7">
        <f t="shared" si="753"/>
        <v>5103.125</v>
      </c>
      <c r="SKI53" s="7">
        <f t="shared" si="753"/>
        <v>5103.125</v>
      </c>
      <c r="SKJ53" s="7">
        <f t="shared" si="753"/>
        <v>5103.125</v>
      </c>
      <c r="SKK53" s="7">
        <f t="shared" si="753"/>
        <v>5103.125</v>
      </c>
      <c r="SKL53" s="7">
        <f t="shared" si="753"/>
        <v>5103.125</v>
      </c>
      <c r="SKM53" s="7">
        <f t="shared" si="753"/>
        <v>5103.125</v>
      </c>
      <c r="SKN53" s="7">
        <f t="shared" si="753"/>
        <v>5103.125</v>
      </c>
      <c r="SKO53" s="7">
        <f t="shared" si="753"/>
        <v>5103.125</v>
      </c>
      <c r="SKP53" s="7">
        <f t="shared" si="753"/>
        <v>5103.125</v>
      </c>
      <c r="SKQ53" s="7">
        <f t="shared" si="753"/>
        <v>5103.125</v>
      </c>
      <c r="SKR53" s="7">
        <f t="shared" si="753"/>
        <v>5103.125</v>
      </c>
      <c r="SKS53" s="7">
        <f t="shared" si="753"/>
        <v>5103.125</v>
      </c>
      <c r="SKT53" s="7">
        <f t="shared" si="753"/>
        <v>5103.125</v>
      </c>
      <c r="SKU53" s="7">
        <f t="shared" si="753"/>
        <v>5103.125</v>
      </c>
      <c r="SKV53" s="7">
        <f t="shared" si="753"/>
        <v>5103.125</v>
      </c>
      <c r="SKW53" s="7">
        <f t="shared" si="753"/>
        <v>5103.125</v>
      </c>
      <c r="SKX53" s="7">
        <f t="shared" si="753"/>
        <v>5103.125</v>
      </c>
      <c r="SKY53" s="7">
        <f t="shared" si="753"/>
        <v>5103.125</v>
      </c>
      <c r="SKZ53" s="7">
        <f t="shared" si="753"/>
        <v>5103.125</v>
      </c>
      <c r="SLA53" s="7">
        <f t="shared" si="753"/>
        <v>5103.125</v>
      </c>
      <c r="SLB53" s="7">
        <f t="shared" si="753"/>
        <v>5103.125</v>
      </c>
      <c r="SLC53" s="7">
        <f t="shared" si="753"/>
        <v>5103.125</v>
      </c>
      <c r="SLD53" s="7">
        <f t="shared" si="753"/>
        <v>5103.125</v>
      </c>
      <c r="SLE53" s="7">
        <f t="shared" si="753"/>
        <v>5103.125</v>
      </c>
      <c r="SLF53" s="7">
        <f t="shared" si="753"/>
        <v>5103.125</v>
      </c>
      <c r="SLG53" s="7">
        <f t="shared" si="753"/>
        <v>5103.125</v>
      </c>
      <c r="SLH53" s="7">
        <f t="shared" si="753"/>
        <v>5103.125</v>
      </c>
      <c r="SLI53" s="7">
        <f t="shared" si="753"/>
        <v>5103.125</v>
      </c>
      <c r="SLJ53" s="7">
        <f t="shared" si="753"/>
        <v>5103.125</v>
      </c>
      <c r="SLK53" s="7">
        <f t="shared" si="753"/>
        <v>5103.125</v>
      </c>
      <c r="SLL53" s="7">
        <f t="shared" si="753"/>
        <v>5103.125</v>
      </c>
      <c r="SLM53" s="7">
        <f t="shared" si="753"/>
        <v>5103.125</v>
      </c>
      <c r="SLN53" s="7">
        <f t="shared" si="753"/>
        <v>5103.125</v>
      </c>
      <c r="SLO53" s="7">
        <f t="shared" si="753"/>
        <v>5103.125</v>
      </c>
      <c r="SLP53" s="7">
        <f t="shared" si="753"/>
        <v>5103.125</v>
      </c>
      <c r="SLQ53" s="7">
        <f t="shared" si="753"/>
        <v>5103.125</v>
      </c>
      <c r="SLR53" s="7">
        <f t="shared" si="753"/>
        <v>5103.125</v>
      </c>
      <c r="SLS53" s="7">
        <f t="shared" si="753"/>
        <v>5103.125</v>
      </c>
      <c r="SLT53" s="7">
        <f t="shared" si="753"/>
        <v>5103.125</v>
      </c>
      <c r="SLU53" s="7">
        <f t="shared" si="753"/>
        <v>5103.125</v>
      </c>
      <c r="SLV53" s="7">
        <f t="shared" si="753"/>
        <v>5103.125</v>
      </c>
      <c r="SLW53" s="7">
        <f t="shared" si="753"/>
        <v>5103.125</v>
      </c>
      <c r="SLX53" s="7">
        <f t="shared" si="753"/>
        <v>5103.125</v>
      </c>
      <c r="SLY53" s="7">
        <f t="shared" si="753"/>
        <v>5103.125</v>
      </c>
      <c r="SLZ53" s="7">
        <f t="shared" si="753"/>
        <v>5103.125</v>
      </c>
      <c r="SMA53" s="7">
        <f t="shared" si="753"/>
        <v>5103.125</v>
      </c>
      <c r="SMB53" s="7">
        <f t="shared" si="753"/>
        <v>5103.125</v>
      </c>
      <c r="SMC53" s="7">
        <f t="shared" si="753"/>
        <v>5103.125</v>
      </c>
      <c r="SMD53" s="7">
        <f t="shared" si="753"/>
        <v>5103.125</v>
      </c>
      <c r="SME53" s="7">
        <f t="shared" si="753"/>
        <v>5103.125</v>
      </c>
      <c r="SMF53" s="7">
        <f t="shared" si="753"/>
        <v>5103.125</v>
      </c>
      <c r="SMG53" s="7">
        <f t="shared" si="753"/>
        <v>5103.125</v>
      </c>
      <c r="SMH53" s="7">
        <f t="shared" si="753"/>
        <v>5103.125</v>
      </c>
      <c r="SMI53" s="7">
        <f t="shared" si="753"/>
        <v>5103.125</v>
      </c>
      <c r="SMJ53" s="7">
        <f t="shared" si="753"/>
        <v>5103.125</v>
      </c>
      <c r="SMK53" s="7">
        <f t="shared" si="753"/>
        <v>5103.125</v>
      </c>
      <c r="SML53" s="7">
        <f t="shared" ref="SML53:SOW53" si="754">SML48+SMK53</f>
        <v>5103.125</v>
      </c>
      <c r="SMM53" s="7">
        <f t="shared" si="754"/>
        <v>5103.125</v>
      </c>
      <c r="SMN53" s="7">
        <f t="shared" si="754"/>
        <v>5103.125</v>
      </c>
      <c r="SMO53" s="7">
        <f t="shared" si="754"/>
        <v>5103.125</v>
      </c>
      <c r="SMP53" s="7">
        <f t="shared" si="754"/>
        <v>5103.125</v>
      </c>
      <c r="SMQ53" s="7">
        <f t="shared" si="754"/>
        <v>5103.125</v>
      </c>
      <c r="SMR53" s="7">
        <f t="shared" si="754"/>
        <v>5103.125</v>
      </c>
      <c r="SMS53" s="7">
        <f t="shared" si="754"/>
        <v>5103.125</v>
      </c>
      <c r="SMT53" s="7">
        <f t="shared" si="754"/>
        <v>5103.125</v>
      </c>
      <c r="SMU53" s="7">
        <f t="shared" si="754"/>
        <v>5103.125</v>
      </c>
      <c r="SMV53" s="7">
        <f t="shared" si="754"/>
        <v>5103.125</v>
      </c>
      <c r="SMW53" s="7">
        <f t="shared" si="754"/>
        <v>5103.125</v>
      </c>
      <c r="SMX53" s="7">
        <f t="shared" si="754"/>
        <v>5103.125</v>
      </c>
      <c r="SMY53" s="7">
        <f t="shared" si="754"/>
        <v>5103.125</v>
      </c>
      <c r="SMZ53" s="7">
        <f t="shared" si="754"/>
        <v>5103.125</v>
      </c>
      <c r="SNA53" s="7">
        <f t="shared" si="754"/>
        <v>5103.125</v>
      </c>
      <c r="SNB53" s="7">
        <f t="shared" si="754"/>
        <v>5103.125</v>
      </c>
      <c r="SNC53" s="7">
        <f t="shared" si="754"/>
        <v>5103.125</v>
      </c>
      <c r="SND53" s="7">
        <f t="shared" si="754"/>
        <v>5103.125</v>
      </c>
      <c r="SNE53" s="7">
        <f t="shared" si="754"/>
        <v>5103.125</v>
      </c>
      <c r="SNF53" s="7">
        <f t="shared" si="754"/>
        <v>5103.125</v>
      </c>
      <c r="SNG53" s="7">
        <f t="shared" si="754"/>
        <v>5103.125</v>
      </c>
      <c r="SNH53" s="7">
        <f t="shared" si="754"/>
        <v>5103.125</v>
      </c>
      <c r="SNI53" s="7">
        <f t="shared" si="754"/>
        <v>5103.125</v>
      </c>
      <c r="SNJ53" s="7">
        <f t="shared" si="754"/>
        <v>5103.125</v>
      </c>
      <c r="SNK53" s="7">
        <f t="shared" si="754"/>
        <v>5103.125</v>
      </c>
      <c r="SNL53" s="7">
        <f t="shared" si="754"/>
        <v>5103.125</v>
      </c>
      <c r="SNM53" s="7">
        <f t="shared" si="754"/>
        <v>5103.125</v>
      </c>
      <c r="SNN53" s="7">
        <f t="shared" si="754"/>
        <v>5103.125</v>
      </c>
      <c r="SNO53" s="7">
        <f t="shared" si="754"/>
        <v>5103.125</v>
      </c>
      <c r="SNP53" s="7">
        <f t="shared" si="754"/>
        <v>5103.125</v>
      </c>
      <c r="SNQ53" s="7">
        <f t="shared" si="754"/>
        <v>5103.125</v>
      </c>
      <c r="SNR53" s="7">
        <f t="shared" si="754"/>
        <v>5103.125</v>
      </c>
      <c r="SNS53" s="7">
        <f t="shared" si="754"/>
        <v>5103.125</v>
      </c>
      <c r="SNT53" s="7">
        <f t="shared" si="754"/>
        <v>5103.125</v>
      </c>
      <c r="SNU53" s="7">
        <f t="shared" si="754"/>
        <v>5103.125</v>
      </c>
      <c r="SNV53" s="7">
        <f t="shared" si="754"/>
        <v>5103.125</v>
      </c>
      <c r="SNW53" s="7">
        <f t="shared" si="754"/>
        <v>5103.125</v>
      </c>
      <c r="SNX53" s="7">
        <f t="shared" si="754"/>
        <v>5103.125</v>
      </c>
      <c r="SNY53" s="7">
        <f t="shared" si="754"/>
        <v>5103.125</v>
      </c>
      <c r="SNZ53" s="7">
        <f t="shared" si="754"/>
        <v>5103.125</v>
      </c>
      <c r="SOA53" s="7">
        <f t="shared" si="754"/>
        <v>5103.125</v>
      </c>
      <c r="SOB53" s="7">
        <f t="shared" si="754"/>
        <v>5103.125</v>
      </c>
      <c r="SOC53" s="7">
        <f t="shared" si="754"/>
        <v>5103.125</v>
      </c>
      <c r="SOD53" s="7">
        <f t="shared" si="754"/>
        <v>5103.125</v>
      </c>
      <c r="SOE53" s="7">
        <f t="shared" si="754"/>
        <v>5103.125</v>
      </c>
      <c r="SOF53" s="7">
        <f t="shared" si="754"/>
        <v>5103.125</v>
      </c>
      <c r="SOG53" s="7">
        <f t="shared" si="754"/>
        <v>5103.125</v>
      </c>
      <c r="SOH53" s="7">
        <f t="shared" si="754"/>
        <v>5103.125</v>
      </c>
      <c r="SOI53" s="7">
        <f t="shared" si="754"/>
        <v>5103.125</v>
      </c>
      <c r="SOJ53" s="7">
        <f t="shared" si="754"/>
        <v>5103.125</v>
      </c>
      <c r="SOK53" s="7">
        <f t="shared" si="754"/>
        <v>5103.125</v>
      </c>
      <c r="SOL53" s="7">
        <f t="shared" si="754"/>
        <v>5103.125</v>
      </c>
      <c r="SOM53" s="7">
        <f t="shared" si="754"/>
        <v>5103.125</v>
      </c>
      <c r="SON53" s="7">
        <f t="shared" si="754"/>
        <v>5103.125</v>
      </c>
      <c r="SOO53" s="7">
        <f t="shared" si="754"/>
        <v>5103.125</v>
      </c>
      <c r="SOP53" s="7">
        <f t="shared" si="754"/>
        <v>5103.125</v>
      </c>
      <c r="SOQ53" s="7">
        <f t="shared" si="754"/>
        <v>5103.125</v>
      </c>
      <c r="SOR53" s="7">
        <f t="shared" si="754"/>
        <v>5103.125</v>
      </c>
      <c r="SOS53" s="7">
        <f t="shared" si="754"/>
        <v>5103.125</v>
      </c>
      <c r="SOT53" s="7">
        <f t="shared" si="754"/>
        <v>5103.125</v>
      </c>
      <c r="SOU53" s="7">
        <f t="shared" si="754"/>
        <v>5103.125</v>
      </c>
      <c r="SOV53" s="7">
        <f t="shared" si="754"/>
        <v>5103.125</v>
      </c>
      <c r="SOW53" s="7">
        <f t="shared" si="754"/>
        <v>5103.125</v>
      </c>
      <c r="SOX53" s="7">
        <f t="shared" ref="SOX53:SRI53" si="755">SOX48+SOW53</f>
        <v>5103.125</v>
      </c>
      <c r="SOY53" s="7">
        <f t="shared" si="755"/>
        <v>5103.125</v>
      </c>
      <c r="SOZ53" s="7">
        <f t="shared" si="755"/>
        <v>5103.125</v>
      </c>
      <c r="SPA53" s="7">
        <f t="shared" si="755"/>
        <v>5103.125</v>
      </c>
      <c r="SPB53" s="7">
        <f t="shared" si="755"/>
        <v>5103.125</v>
      </c>
      <c r="SPC53" s="7">
        <f t="shared" si="755"/>
        <v>5103.125</v>
      </c>
      <c r="SPD53" s="7">
        <f t="shared" si="755"/>
        <v>5103.125</v>
      </c>
      <c r="SPE53" s="7">
        <f t="shared" si="755"/>
        <v>5103.125</v>
      </c>
      <c r="SPF53" s="7">
        <f t="shared" si="755"/>
        <v>5103.125</v>
      </c>
      <c r="SPG53" s="7">
        <f t="shared" si="755"/>
        <v>5103.125</v>
      </c>
      <c r="SPH53" s="7">
        <f t="shared" si="755"/>
        <v>5103.125</v>
      </c>
      <c r="SPI53" s="7">
        <f t="shared" si="755"/>
        <v>5103.125</v>
      </c>
      <c r="SPJ53" s="7">
        <f t="shared" si="755"/>
        <v>5103.125</v>
      </c>
      <c r="SPK53" s="7">
        <f t="shared" si="755"/>
        <v>5103.125</v>
      </c>
      <c r="SPL53" s="7">
        <f t="shared" si="755"/>
        <v>5103.125</v>
      </c>
      <c r="SPM53" s="7">
        <f t="shared" si="755"/>
        <v>5103.125</v>
      </c>
      <c r="SPN53" s="7">
        <f t="shared" si="755"/>
        <v>5103.125</v>
      </c>
      <c r="SPO53" s="7">
        <f t="shared" si="755"/>
        <v>5103.125</v>
      </c>
      <c r="SPP53" s="7">
        <f t="shared" si="755"/>
        <v>5103.125</v>
      </c>
      <c r="SPQ53" s="7">
        <f t="shared" si="755"/>
        <v>5103.125</v>
      </c>
      <c r="SPR53" s="7">
        <f t="shared" si="755"/>
        <v>5103.125</v>
      </c>
      <c r="SPS53" s="7">
        <f t="shared" si="755"/>
        <v>5103.125</v>
      </c>
      <c r="SPT53" s="7">
        <f t="shared" si="755"/>
        <v>5103.125</v>
      </c>
      <c r="SPU53" s="7">
        <f t="shared" si="755"/>
        <v>5103.125</v>
      </c>
      <c r="SPV53" s="7">
        <f t="shared" si="755"/>
        <v>5103.125</v>
      </c>
      <c r="SPW53" s="7">
        <f t="shared" si="755"/>
        <v>5103.125</v>
      </c>
      <c r="SPX53" s="7">
        <f t="shared" si="755"/>
        <v>5103.125</v>
      </c>
      <c r="SPY53" s="7">
        <f t="shared" si="755"/>
        <v>5103.125</v>
      </c>
      <c r="SPZ53" s="7">
        <f t="shared" si="755"/>
        <v>5103.125</v>
      </c>
      <c r="SQA53" s="7">
        <f t="shared" si="755"/>
        <v>5103.125</v>
      </c>
      <c r="SQB53" s="7">
        <f t="shared" si="755"/>
        <v>5103.125</v>
      </c>
      <c r="SQC53" s="7">
        <f t="shared" si="755"/>
        <v>5103.125</v>
      </c>
      <c r="SQD53" s="7">
        <f t="shared" si="755"/>
        <v>5103.125</v>
      </c>
      <c r="SQE53" s="7">
        <f t="shared" si="755"/>
        <v>5103.125</v>
      </c>
      <c r="SQF53" s="7">
        <f t="shared" si="755"/>
        <v>5103.125</v>
      </c>
      <c r="SQG53" s="7">
        <f t="shared" si="755"/>
        <v>5103.125</v>
      </c>
      <c r="SQH53" s="7">
        <f t="shared" si="755"/>
        <v>5103.125</v>
      </c>
      <c r="SQI53" s="7">
        <f t="shared" si="755"/>
        <v>5103.125</v>
      </c>
      <c r="SQJ53" s="7">
        <f t="shared" si="755"/>
        <v>5103.125</v>
      </c>
      <c r="SQK53" s="7">
        <f t="shared" si="755"/>
        <v>5103.125</v>
      </c>
      <c r="SQL53" s="7">
        <f t="shared" si="755"/>
        <v>5103.125</v>
      </c>
      <c r="SQM53" s="7">
        <f t="shared" si="755"/>
        <v>5103.125</v>
      </c>
      <c r="SQN53" s="7">
        <f t="shared" si="755"/>
        <v>5103.125</v>
      </c>
      <c r="SQO53" s="7">
        <f t="shared" si="755"/>
        <v>5103.125</v>
      </c>
      <c r="SQP53" s="7">
        <f t="shared" si="755"/>
        <v>5103.125</v>
      </c>
      <c r="SQQ53" s="7">
        <f t="shared" si="755"/>
        <v>5103.125</v>
      </c>
      <c r="SQR53" s="7">
        <f t="shared" si="755"/>
        <v>5103.125</v>
      </c>
      <c r="SQS53" s="7">
        <f t="shared" si="755"/>
        <v>5103.125</v>
      </c>
      <c r="SQT53" s="7">
        <f t="shared" si="755"/>
        <v>5103.125</v>
      </c>
      <c r="SQU53" s="7">
        <f t="shared" si="755"/>
        <v>5103.125</v>
      </c>
      <c r="SQV53" s="7">
        <f t="shared" si="755"/>
        <v>5103.125</v>
      </c>
      <c r="SQW53" s="7">
        <f t="shared" si="755"/>
        <v>5103.125</v>
      </c>
      <c r="SQX53" s="7">
        <f t="shared" si="755"/>
        <v>5103.125</v>
      </c>
      <c r="SQY53" s="7">
        <f t="shared" si="755"/>
        <v>5103.125</v>
      </c>
      <c r="SQZ53" s="7">
        <f t="shared" si="755"/>
        <v>5103.125</v>
      </c>
      <c r="SRA53" s="7">
        <f t="shared" si="755"/>
        <v>5103.125</v>
      </c>
      <c r="SRB53" s="7">
        <f t="shared" si="755"/>
        <v>5103.125</v>
      </c>
      <c r="SRC53" s="7">
        <f t="shared" si="755"/>
        <v>5103.125</v>
      </c>
      <c r="SRD53" s="7">
        <f t="shared" si="755"/>
        <v>5103.125</v>
      </c>
      <c r="SRE53" s="7">
        <f t="shared" si="755"/>
        <v>5103.125</v>
      </c>
      <c r="SRF53" s="7">
        <f t="shared" si="755"/>
        <v>5103.125</v>
      </c>
      <c r="SRG53" s="7">
        <f t="shared" si="755"/>
        <v>5103.125</v>
      </c>
      <c r="SRH53" s="7">
        <f t="shared" si="755"/>
        <v>5103.125</v>
      </c>
      <c r="SRI53" s="7">
        <f t="shared" si="755"/>
        <v>5103.125</v>
      </c>
      <c r="SRJ53" s="7">
        <f t="shared" ref="SRJ53:STU53" si="756">SRJ48+SRI53</f>
        <v>5103.125</v>
      </c>
      <c r="SRK53" s="7">
        <f t="shared" si="756"/>
        <v>5103.125</v>
      </c>
      <c r="SRL53" s="7">
        <f t="shared" si="756"/>
        <v>5103.125</v>
      </c>
      <c r="SRM53" s="7">
        <f t="shared" si="756"/>
        <v>5103.125</v>
      </c>
      <c r="SRN53" s="7">
        <f t="shared" si="756"/>
        <v>5103.125</v>
      </c>
      <c r="SRO53" s="7">
        <f t="shared" si="756"/>
        <v>5103.125</v>
      </c>
      <c r="SRP53" s="7">
        <f t="shared" si="756"/>
        <v>5103.125</v>
      </c>
      <c r="SRQ53" s="7">
        <f t="shared" si="756"/>
        <v>5103.125</v>
      </c>
      <c r="SRR53" s="7">
        <f t="shared" si="756"/>
        <v>5103.125</v>
      </c>
      <c r="SRS53" s="7">
        <f t="shared" si="756"/>
        <v>5103.125</v>
      </c>
      <c r="SRT53" s="7">
        <f t="shared" si="756"/>
        <v>5103.125</v>
      </c>
      <c r="SRU53" s="7">
        <f t="shared" si="756"/>
        <v>5103.125</v>
      </c>
      <c r="SRV53" s="7">
        <f t="shared" si="756"/>
        <v>5103.125</v>
      </c>
      <c r="SRW53" s="7">
        <f t="shared" si="756"/>
        <v>5103.125</v>
      </c>
      <c r="SRX53" s="7">
        <f t="shared" si="756"/>
        <v>5103.125</v>
      </c>
      <c r="SRY53" s="7">
        <f t="shared" si="756"/>
        <v>5103.125</v>
      </c>
      <c r="SRZ53" s="7">
        <f t="shared" si="756"/>
        <v>5103.125</v>
      </c>
      <c r="SSA53" s="7">
        <f t="shared" si="756"/>
        <v>5103.125</v>
      </c>
      <c r="SSB53" s="7">
        <f t="shared" si="756"/>
        <v>5103.125</v>
      </c>
      <c r="SSC53" s="7">
        <f t="shared" si="756"/>
        <v>5103.125</v>
      </c>
      <c r="SSD53" s="7">
        <f t="shared" si="756"/>
        <v>5103.125</v>
      </c>
      <c r="SSE53" s="7">
        <f t="shared" si="756"/>
        <v>5103.125</v>
      </c>
      <c r="SSF53" s="7">
        <f t="shared" si="756"/>
        <v>5103.125</v>
      </c>
      <c r="SSG53" s="7">
        <f t="shared" si="756"/>
        <v>5103.125</v>
      </c>
      <c r="SSH53" s="7">
        <f t="shared" si="756"/>
        <v>5103.125</v>
      </c>
      <c r="SSI53" s="7">
        <f t="shared" si="756"/>
        <v>5103.125</v>
      </c>
      <c r="SSJ53" s="7">
        <f t="shared" si="756"/>
        <v>5103.125</v>
      </c>
      <c r="SSK53" s="7">
        <f t="shared" si="756"/>
        <v>5103.125</v>
      </c>
      <c r="SSL53" s="7">
        <f t="shared" si="756"/>
        <v>5103.125</v>
      </c>
      <c r="SSM53" s="7">
        <f t="shared" si="756"/>
        <v>5103.125</v>
      </c>
      <c r="SSN53" s="7">
        <f t="shared" si="756"/>
        <v>5103.125</v>
      </c>
      <c r="SSO53" s="7">
        <f t="shared" si="756"/>
        <v>5103.125</v>
      </c>
      <c r="SSP53" s="7">
        <f t="shared" si="756"/>
        <v>5103.125</v>
      </c>
      <c r="SSQ53" s="7">
        <f t="shared" si="756"/>
        <v>5103.125</v>
      </c>
      <c r="SSR53" s="7">
        <f t="shared" si="756"/>
        <v>5103.125</v>
      </c>
      <c r="SSS53" s="7">
        <f t="shared" si="756"/>
        <v>5103.125</v>
      </c>
      <c r="SST53" s="7">
        <f t="shared" si="756"/>
        <v>5103.125</v>
      </c>
      <c r="SSU53" s="7">
        <f t="shared" si="756"/>
        <v>5103.125</v>
      </c>
      <c r="SSV53" s="7">
        <f t="shared" si="756"/>
        <v>5103.125</v>
      </c>
      <c r="SSW53" s="7">
        <f t="shared" si="756"/>
        <v>5103.125</v>
      </c>
      <c r="SSX53" s="7">
        <f t="shared" si="756"/>
        <v>5103.125</v>
      </c>
      <c r="SSY53" s="7">
        <f t="shared" si="756"/>
        <v>5103.125</v>
      </c>
      <c r="SSZ53" s="7">
        <f t="shared" si="756"/>
        <v>5103.125</v>
      </c>
      <c r="STA53" s="7">
        <f t="shared" si="756"/>
        <v>5103.125</v>
      </c>
      <c r="STB53" s="7">
        <f t="shared" si="756"/>
        <v>5103.125</v>
      </c>
      <c r="STC53" s="7">
        <f t="shared" si="756"/>
        <v>5103.125</v>
      </c>
      <c r="STD53" s="7">
        <f t="shared" si="756"/>
        <v>5103.125</v>
      </c>
      <c r="STE53" s="7">
        <f t="shared" si="756"/>
        <v>5103.125</v>
      </c>
      <c r="STF53" s="7">
        <f t="shared" si="756"/>
        <v>5103.125</v>
      </c>
      <c r="STG53" s="7">
        <f t="shared" si="756"/>
        <v>5103.125</v>
      </c>
      <c r="STH53" s="7">
        <f t="shared" si="756"/>
        <v>5103.125</v>
      </c>
      <c r="STI53" s="7">
        <f t="shared" si="756"/>
        <v>5103.125</v>
      </c>
      <c r="STJ53" s="7">
        <f t="shared" si="756"/>
        <v>5103.125</v>
      </c>
      <c r="STK53" s="7">
        <f t="shared" si="756"/>
        <v>5103.125</v>
      </c>
      <c r="STL53" s="7">
        <f t="shared" si="756"/>
        <v>5103.125</v>
      </c>
      <c r="STM53" s="7">
        <f t="shared" si="756"/>
        <v>5103.125</v>
      </c>
      <c r="STN53" s="7">
        <f t="shared" si="756"/>
        <v>5103.125</v>
      </c>
      <c r="STO53" s="7">
        <f t="shared" si="756"/>
        <v>5103.125</v>
      </c>
      <c r="STP53" s="7">
        <f t="shared" si="756"/>
        <v>5103.125</v>
      </c>
      <c r="STQ53" s="7">
        <f t="shared" si="756"/>
        <v>5103.125</v>
      </c>
      <c r="STR53" s="7">
        <f t="shared" si="756"/>
        <v>5103.125</v>
      </c>
      <c r="STS53" s="7">
        <f t="shared" si="756"/>
        <v>5103.125</v>
      </c>
      <c r="STT53" s="7">
        <f t="shared" si="756"/>
        <v>5103.125</v>
      </c>
      <c r="STU53" s="7">
        <f t="shared" si="756"/>
        <v>5103.125</v>
      </c>
      <c r="STV53" s="7">
        <f t="shared" ref="STV53:SWG53" si="757">STV48+STU53</f>
        <v>5103.125</v>
      </c>
      <c r="STW53" s="7">
        <f t="shared" si="757"/>
        <v>5103.125</v>
      </c>
      <c r="STX53" s="7">
        <f t="shared" si="757"/>
        <v>5103.125</v>
      </c>
      <c r="STY53" s="7">
        <f t="shared" si="757"/>
        <v>5103.125</v>
      </c>
      <c r="STZ53" s="7">
        <f t="shared" si="757"/>
        <v>5103.125</v>
      </c>
      <c r="SUA53" s="7">
        <f t="shared" si="757"/>
        <v>5103.125</v>
      </c>
      <c r="SUB53" s="7">
        <f t="shared" si="757"/>
        <v>5103.125</v>
      </c>
      <c r="SUC53" s="7">
        <f t="shared" si="757"/>
        <v>5103.125</v>
      </c>
      <c r="SUD53" s="7">
        <f t="shared" si="757"/>
        <v>5103.125</v>
      </c>
      <c r="SUE53" s="7">
        <f t="shared" si="757"/>
        <v>5103.125</v>
      </c>
      <c r="SUF53" s="7">
        <f t="shared" si="757"/>
        <v>5103.125</v>
      </c>
      <c r="SUG53" s="7">
        <f t="shared" si="757"/>
        <v>5103.125</v>
      </c>
      <c r="SUH53" s="7">
        <f t="shared" si="757"/>
        <v>5103.125</v>
      </c>
      <c r="SUI53" s="7">
        <f t="shared" si="757"/>
        <v>5103.125</v>
      </c>
      <c r="SUJ53" s="7">
        <f t="shared" si="757"/>
        <v>5103.125</v>
      </c>
      <c r="SUK53" s="7">
        <f t="shared" si="757"/>
        <v>5103.125</v>
      </c>
      <c r="SUL53" s="7">
        <f t="shared" si="757"/>
        <v>5103.125</v>
      </c>
      <c r="SUM53" s="7">
        <f t="shared" si="757"/>
        <v>5103.125</v>
      </c>
      <c r="SUN53" s="7">
        <f t="shared" si="757"/>
        <v>5103.125</v>
      </c>
      <c r="SUO53" s="7">
        <f t="shared" si="757"/>
        <v>5103.125</v>
      </c>
      <c r="SUP53" s="7">
        <f t="shared" si="757"/>
        <v>5103.125</v>
      </c>
      <c r="SUQ53" s="7">
        <f t="shared" si="757"/>
        <v>5103.125</v>
      </c>
      <c r="SUR53" s="7">
        <f t="shared" si="757"/>
        <v>5103.125</v>
      </c>
      <c r="SUS53" s="7">
        <f t="shared" si="757"/>
        <v>5103.125</v>
      </c>
      <c r="SUT53" s="7">
        <f t="shared" si="757"/>
        <v>5103.125</v>
      </c>
      <c r="SUU53" s="7">
        <f t="shared" si="757"/>
        <v>5103.125</v>
      </c>
      <c r="SUV53" s="7">
        <f t="shared" si="757"/>
        <v>5103.125</v>
      </c>
      <c r="SUW53" s="7">
        <f t="shared" si="757"/>
        <v>5103.125</v>
      </c>
      <c r="SUX53" s="7">
        <f t="shared" si="757"/>
        <v>5103.125</v>
      </c>
      <c r="SUY53" s="7">
        <f t="shared" si="757"/>
        <v>5103.125</v>
      </c>
      <c r="SUZ53" s="7">
        <f t="shared" si="757"/>
        <v>5103.125</v>
      </c>
      <c r="SVA53" s="7">
        <f t="shared" si="757"/>
        <v>5103.125</v>
      </c>
      <c r="SVB53" s="7">
        <f t="shared" si="757"/>
        <v>5103.125</v>
      </c>
      <c r="SVC53" s="7">
        <f t="shared" si="757"/>
        <v>5103.125</v>
      </c>
      <c r="SVD53" s="7">
        <f t="shared" si="757"/>
        <v>5103.125</v>
      </c>
      <c r="SVE53" s="7">
        <f t="shared" si="757"/>
        <v>5103.125</v>
      </c>
      <c r="SVF53" s="7">
        <f t="shared" si="757"/>
        <v>5103.125</v>
      </c>
      <c r="SVG53" s="7">
        <f t="shared" si="757"/>
        <v>5103.125</v>
      </c>
      <c r="SVH53" s="7">
        <f t="shared" si="757"/>
        <v>5103.125</v>
      </c>
      <c r="SVI53" s="7">
        <f t="shared" si="757"/>
        <v>5103.125</v>
      </c>
      <c r="SVJ53" s="7">
        <f t="shared" si="757"/>
        <v>5103.125</v>
      </c>
      <c r="SVK53" s="7">
        <f t="shared" si="757"/>
        <v>5103.125</v>
      </c>
      <c r="SVL53" s="7">
        <f t="shared" si="757"/>
        <v>5103.125</v>
      </c>
      <c r="SVM53" s="7">
        <f t="shared" si="757"/>
        <v>5103.125</v>
      </c>
      <c r="SVN53" s="7">
        <f t="shared" si="757"/>
        <v>5103.125</v>
      </c>
      <c r="SVO53" s="7">
        <f t="shared" si="757"/>
        <v>5103.125</v>
      </c>
      <c r="SVP53" s="7">
        <f t="shared" si="757"/>
        <v>5103.125</v>
      </c>
      <c r="SVQ53" s="7">
        <f t="shared" si="757"/>
        <v>5103.125</v>
      </c>
      <c r="SVR53" s="7">
        <f t="shared" si="757"/>
        <v>5103.125</v>
      </c>
      <c r="SVS53" s="7">
        <f t="shared" si="757"/>
        <v>5103.125</v>
      </c>
      <c r="SVT53" s="7">
        <f t="shared" si="757"/>
        <v>5103.125</v>
      </c>
      <c r="SVU53" s="7">
        <f t="shared" si="757"/>
        <v>5103.125</v>
      </c>
      <c r="SVV53" s="7">
        <f t="shared" si="757"/>
        <v>5103.125</v>
      </c>
      <c r="SVW53" s="7">
        <f t="shared" si="757"/>
        <v>5103.125</v>
      </c>
      <c r="SVX53" s="7">
        <f t="shared" si="757"/>
        <v>5103.125</v>
      </c>
      <c r="SVY53" s="7">
        <f t="shared" si="757"/>
        <v>5103.125</v>
      </c>
      <c r="SVZ53" s="7">
        <f t="shared" si="757"/>
        <v>5103.125</v>
      </c>
      <c r="SWA53" s="7">
        <f t="shared" si="757"/>
        <v>5103.125</v>
      </c>
      <c r="SWB53" s="7">
        <f t="shared" si="757"/>
        <v>5103.125</v>
      </c>
      <c r="SWC53" s="7">
        <f t="shared" si="757"/>
        <v>5103.125</v>
      </c>
      <c r="SWD53" s="7">
        <f t="shared" si="757"/>
        <v>5103.125</v>
      </c>
      <c r="SWE53" s="7">
        <f t="shared" si="757"/>
        <v>5103.125</v>
      </c>
      <c r="SWF53" s="7">
        <f t="shared" si="757"/>
        <v>5103.125</v>
      </c>
      <c r="SWG53" s="7">
        <f t="shared" si="757"/>
        <v>5103.125</v>
      </c>
      <c r="SWH53" s="7">
        <f t="shared" ref="SWH53:SYS53" si="758">SWH48+SWG53</f>
        <v>5103.125</v>
      </c>
      <c r="SWI53" s="7">
        <f t="shared" si="758"/>
        <v>5103.125</v>
      </c>
      <c r="SWJ53" s="7">
        <f t="shared" si="758"/>
        <v>5103.125</v>
      </c>
      <c r="SWK53" s="7">
        <f t="shared" si="758"/>
        <v>5103.125</v>
      </c>
      <c r="SWL53" s="7">
        <f t="shared" si="758"/>
        <v>5103.125</v>
      </c>
      <c r="SWM53" s="7">
        <f t="shared" si="758"/>
        <v>5103.125</v>
      </c>
      <c r="SWN53" s="7">
        <f t="shared" si="758"/>
        <v>5103.125</v>
      </c>
      <c r="SWO53" s="7">
        <f t="shared" si="758"/>
        <v>5103.125</v>
      </c>
      <c r="SWP53" s="7">
        <f t="shared" si="758"/>
        <v>5103.125</v>
      </c>
      <c r="SWQ53" s="7">
        <f t="shared" si="758"/>
        <v>5103.125</v>
      </c>
      <c r="SWR53" s="7">
        <f t="shared" si="758"/>
        <v>5103.125</v>
      </c>
      <c r="SWS53" s="7">
        <f t="shared" si="758"/>
        <v>5103.125</v>
      </c>
      <c r="SWT53" s="7">
        <f t="shared" si="758"/>
        <v>5103.125</v>
      </c>
      <c r="SWU53" s="7">
        <f t="shared" si="758"/>
        <v>5103.125</v>
      </c>
      <c r="SWV53" s="7">
        <f t="shared" si="758"/>
        <v>5103.125</v>
      </c>
      <c r="SWW53" s="7">
        <f t="shared" si="758"/>
        <v>5103.125</v>
      </c>
      <c r="SWX53" s="7">
        <f t="shared" si="758"/>
        <v>5103.125</v>
      </c>
      <c r="SWY53" s="7">
        <f t="shared" si="758"/>
        <v>5103.125</v>
      </c>
      <c r="SWZ53" s="7">
        <f t="shared" si="758"/>
        <v>5103.125</v>
      </c>
      <c r="SXA53" s="7">
        <f t="shared" si="758"/>
        <v>5103.125</v>
      </c>
      <c r="SXB53" s="7">
        <f t="shared" si="758"/>
        <v>5103.125</v>
      </c>
      <c r="SXC53" s="7">
        <f t="shared" si="758"/>
        <v>5103.125</v>
      </c>
      <c r="SXD53" s="7">
        <f t="shared" si="758"/>
        <v>5103.125</v>
      </c>
      <c r="SXE53" s="7">
        <f t="shared" si="758"/>
        <v>5103.125</v>
      </c>
      <c r="SXF53" s="7">
        <f t="shared" si="758"/>
        <v>5103.125</v>
      </c>
      <c r="SXG53" s="7">
        <f t="shared" si="758"/>
        <v>5103.125</v>
      </c>
      <c r="SXH53" s="7">
        <f t="shared" si="758"/>
        <v>5103.125</v>
      </c>
      <c r="SXI53" s="7">
        <f t="shared" si="758"/>
        <v>5103.125</v>
      </c>
      <c r="SXJ53" s="7">
        <f t="shared" si="758"/>
        <v>5103.125</v>
      </c>
      <c r="SXK53" s="7">
        <f t="shared" si="758"/>
        <v>5103.125</v>
      </c>
      <c r="SXL53" s="7">
        <f t="shared" si="758"/>
        <v>5103.125</v>
      </c>
      <c r="SXM53" s="7">
        <f t="shared" si="758"/>
        <v>5103.125</v>
      </c>
      <c r="SXN53" s="7">
        <f t="shared" si="758"/>
        <v>5103.125</v>
      </c>
      <c r="SXO53" s="7">
        <f t="shared" si="758"/>
        <v>5103.125</v>
      </c>
      <c r="SXP53" s="7">
        <f t="shared" si="758"/>
        <v>5103.125</v>
      </c>
      <c r="SXQ53" s="7">
        <f t="shared" si="758"/>
        <v>5103.125</v>
      </c>
      <c r="SXR53" s="7">
        <f t="shared" si="758"/>
        <v>5103.125</v>
      </c>
      <c r="SXS53" s="7">
        <f t="shared" si="758"/>
        <v>5103.125</v>
      </c>
      <c r="SXT53" s="7">
        <f t="shared" si="758"/>
        <v>5103.125</v>
      </c>
      <c r="SXU53" s="7">
        <f t="shared" si="758"/>
        <v>5103.125</v>
      </c>
      <c r="SXV53" s="7">
        <f t="shared" si="758"/>
        <v>5103.125</v>
      </c>
      <c r="SXW53" s="7">
        <f t="shared" si="758"/>
        <v>5103.125</v>
      </c>
      <c r="SXX53" s="7">
        <f t="shared" si="758"/>
        <v>5103.125</v>
      </c>
      <c r="SXY53" s="7">
        <f t="shared" si="758"/>
        <v>5103.125</v>
      </c>
      <c r="SXZ53" s="7">
        <f t="shared" si="758"/>
        <v>5103.125</v>
      </c>
      <c r="SYA53" s="7">
        <f t="shared" si="758"/>
        <v>5103.125</v>
      </c>
      <c r="SYB53" s="7">
        <f t="shared" si="758"/>
        <v>5103.125</v>
      </c>
      <c r="SYC53" s="7">
        <f t="shared" si="758"/>
        <v>5103.125</v>
      </c>
      <c r="SYD53" s="7">
        <f t="shared" si="758"/>
        <v>5103.125</v>
      </c>
      <c r="SYE53" s="7">
        <f t="shared" si="758"/>
        <v>5103.125</v>
      </c>
      <c r="SYF53" s="7">
        <f t="shared" si="758"/>
        <v>5103.125</v>
      </c>
      <c r="SYG53" s="7">
        <f t="shared" si="758"/>
        <v>5103.125</v>
      </c>
      <c r="SYH53" s="7">
        <f t="shared" si="758"/>
        <v>5103.125</v>
      </c>
      <c r="SYI53" s="7">
        <f t="shared" si="758"/>
        <v>5103.125</v>
      </c>
      <c r="SYJ53" s="7">
        <f t="shared" si="758"/>
        <v>5103.125</v>
      </c>
      <c r="SYK53" s="7">
        <f t="shared" si="758"/>
        <v>5103.125</v>
      </c>
      <c r="SYL53" s="7">
        <f t="shared" si="758"/>
        <v>5103.125</v>
      </c>
      <c r="SYM53" s="7">
        <f t="shared" si="758"/>
        <v>5103.125</v>
      </c>
      <c r="SYN53" s="7">
        <f t="shared" si="758"/>
        <v>5103.125</v>
      </c>
      <c r="SYO53" s="7">
        <f t="shared" si="758"/>
        <v>5103.125</v>
      </c>
      <c r="SYP53" s="7">
        <f t="shared" si="758"/>
        <v>5103.125</v>
      </c>
      <c r="SYQ53" s="7">
        <f t="shared" si="758"/>
        <v>5103.125</v>
      </c>
      <c r="SYR53" s="7">
        <f t="shared" si="758"/>
        <v>5103.125</v>
      </c>
      <c r="SYS53" s="7">
        <f t="shared" si="758"/>
        <v>5103.125</v>
      </c>
      <c r="SYT53" s="7">
        <f t="shared" ref="SYT53:TBE53" si="759">SYT48+SYS53</f>
        <v>5103.125</v>
      </c>
      <c r="SYU53" s="7">
        <f t="shared" si="759"/>
        <v>5103.125</v>
      </c>
      <c r="SYV53" s="7">
        <f t="shared" si="759"/>
        <v>5103.125</v>
      </c>
      <c r="SYW53" s="7">
        <f t="shared" si="759"/>
        <v>5103.125</v>
      </c>
      <c r="SYX53" s="7">
        <f t="shared" si="759"/>
        <v>5103.125</v>
      </c>
      <c r="SYY53" s="7">
        <f t="shared" si="759"/>
        <v>5103.125</v>
      </c>
      <c r="SYZ53" s="7">
        <f t="shared" si="759"/>
        <v>5103.125</v>
      </c>
      <c r="SZA53" s="7">
        <f t="shared" si="759"/>
        <v>5103.125</v>
      </c>
      <c r="SZB53" s="7">
        <f t="shared" si="759"/>
        <v>5103.125</v>
      </c>
      <c r="SZC53" s="7">
        <f t="shared" si="759"/>
        <v>5103.125</v>
      </c>
      <c r="SZD53" s="7">
        <f t="shared" si="759"/>
        <v>5103.125</v>
      </c>
      <c r="SZE53" s="7">
        <f t="shared" si="759"/>
        <v>5103.125</v>
      </c>
      <c r="SZF53" s="7">
        <f t="shared" si="759"/>
        <v>5103.125</v>
      </c>
      <c r="SZG53" s="7">
        <f t="shared" si="759"/>
        <v>5103.125</v>
      </c>
      <c r="SZH53" s="7">
        <f t="shared" si="759"/>
        <v>5103.125</v>
      </c>
      <c r="SZI53" s="7">
        <f t="shared" si="759"/>
        <v>5103.125</v>
      </c>
      <c r="SZJ53" s="7">
        <f t="shared" si="759"/>
        <v>5103.125</v>
      </c>
      <c r="SZK53" s="7">
        <f t="shared" si="759"/>
        <v>5103.125</v>
      </c>
      <c r="SZL53" s="7">
        <f t="shared" si="759"/>
        <v>5103.125</v>
      </c>
      <c r="SZM53" s="7">
        <f t="shared" si="759"/>
        <v>5103.125</v>
      </c>
      <c r="SZN53" s="7">
        <f t="shared" si="759"/>
        <v>5103.125</v>
      </c>
      <c r="SZO53" s="7">
        <f t="shared" si="759"/>
        <v>5103.125</v>
      </c>
      <c r="SZP53" s="7">
        <f t="shared" si="759"/>
        <v>5103.125</v>
      </c>
      <c r="SZQ53" s="7">
        <f t="shared" si="759"/>
        <v>5103.125</v>
      </c>
      <c r="SZR53" s="7">
        <f t="shared" si="759"/>
        <v>5103.125</v>
      </c>
      <c r="SZS53" s="7">
        <f t="shared" si="759"/>
        <v>5103.125</v>
      </c>
      <c r="SZT53" s="7">
        <f t="shared" si="759"/>
        <v>5103.125</v>
      </c>
      <c r="SZU53" s="7">
        <f t="shared" si="759"/>
        <v>5103.125</v>
      </c>
      <c r="SZV53" s="7">
        <f t="shared" si="759"/>
        <v>5103.125</v>
      </c>
      <c r="SZW53" s="7">
        <f t="shared" si="759"/>
        <v>5103.125</v>
      </c>
      <c r="SZX53" s="7">
        <f t="shared" si="759"/>
        <v>5103.125</v>
      </c>
      <c r="SZY53" s="7">
        <f t="shared" si="759"/>
        <v>5103.125</v>
      </c>
      <c r="SZZ53" s="7">
        <f t="shared" si="759"/>
        <v>5103.125</v>
      </c>
      <c r="TAA53" s="7">
        <f t="shared" si="759"/>
        <v>5103.125</v>
      </c>
      <c r="TAB53" s="7">
        <f t="shared" si="759"/>
        <v>5103.125</v>
      </c>
      <c r="TAC53" s="7">
        <f t="shared" si="759"/>
        <v>5103.125</v>
      </c>
      <c r="TAD53" s="7">
        <f t="shared" si="759"/>
        <v>5103.125</v>
      </c>
      <c r="TAE53" s="7">
        <f t="shared" si="759"/>
        <v>5103.125</v>
      </c>
      <c r="TAF53" s="7">
        <f t="shared" si="759"/>
        <v>5103.125</v>
      </c>
      <c r="TAG53" s="7">
        <f t="shared" si="759"/>
        <v>5103.125</v>
      </c>
      <c r="TAH53" s="7">
        <f t="shared" si="759"/>
        <v>5103.125</v>
      </c>
      <c r="TAI53" s="7">
        <f t="shared" si="759"/>
        <v>5103.125</v>
      </c>
      <c r="TAJ53" s="7">
        <f t="shared" si="759"/>
        <v>5103.125</v>
      </c>
      <c r="TAK53" s="7">
        <f t="shared" si="759"/>
        <v>5103.125</v>
      </c>
      <c r="TAL53" s="7">
        <f t="shared" si="759"/>
        <v>5103.125</v>
      </c>
      <c r="TAM53" s="7">
        <f t="shared" si="759"/>
        <v>5103.125</v>
      </c>
      <c r="TAN53" s="7">
        <f t="shared" si="759"/>
        <v>5103.125</v>
      </c>
      <c r="TAO53" s="7">
        <f t="shared" si="759"/>
        <v>5103.125</v>
      </c>
      <c r="TAP53" s="7">
        <f t="shared" si="759"/>
        <v>5103.125</v>
      </c>
      <c r="TAQ53" s="7">
        <f t="shared" si="759"/>
        <v>5103.125</v>
      </c>
      <c r="TAR53" s="7">
        <f t="shared" si="759"/>
        <v>5103.125</v>
      </c>
      <c r="TAS53" s="7">
        <f t="shared" si="759"/>
        <v>5103.125</v>
      </c>
      <c r="TAT53" s="7">
        <f t="shared" si="759"/>
        <v>5103.125</v>
      </c>
      <c r="TAU53" s="7">
        <f t="shared" si="759"/>
        <v>5103.125</v>
      </c>
      <c r="TAV53" s="7">
        <f t="shared" si="759"/>
        <v>5103.125</v>
      </c>
      <c r="TAW53" s="7">
        <f t="shared" si="759"/>
        <v>5103.125</v>
      </c>
      <c r="TAX53" s="7">
        <f t="shared" si="759"/>
        <v>5103.125</v>
      </c>
      <c r="TAY53" s="7">
        <f t="shared" si="759"/>
        <v>5103.125</v>
      </c>
      <c r="TAZ53" s="7">
        <f t="shared" si="759"/>
        <v>5103.125</v>
      </c>
      <c r="TBA53" s="7">
        <f t="shared" si="759"/>
        <v>5103.125</v>
      </c>
      <c r="TBB53" s="7">
        <f t="shared" si="759"/>
        <v>5103.125</v>
      </c>
      <c r="TBC53" s="7">
        <f t="shared" si="759"/>
        <v>5103.125</v>
      </c>
      <c r="TBD53" s="7">
        <f t="shared" si="759"/>
        <v>5103.125</v>
      </c>
      <c r="TBE53" s="7">
        <f t="shared" si="759"/>
        <v>5103.125</v>
      </c>
      <c r="TBF53" s="7">
        <f t="shared" ref="TBF53:TDQ53" si="760">TBF48+TBE53</f>
        <v>5103.125</v>
      </c>
      <c r="TBG53" s="7">
        <f t="shared" si="760"/>
        <v>5103.125</v>
      </c>
      <c r="TBH53" s="7">
        <f t="shared" si="760"/>
        <v>5103.125</v>
      </c>
      <c r="TBI53" s="7">
        <f t="shared" si="760"/>
        <v>5103.125</v>
      </c>
      <c r="TBJ53" s="7">
        <f t="shared" si="760"/>
        <v>5103.125</v>
      </c>
      <c r="TBK53" s="7">
        <f t="shared" si="760"/>
        <v>5103.125</v>
      </c>
      <c r="TBL53" s="7">
        <f t="shared" si="760"/>
        <v>5103.125</v>
      </c>
      <c r="TBM53" s="7">
        <f t="shared" si="760"/>
        <v>5103.125</v>
      </c>
      <c r="TBN53" s="7">
        <f t="shared" si="760"/>
        <v>5103.125</v>
      </c>
      <c r="TBO53" s="7">
        <f t="shared" si="760"/>
        <v>5103.125</v>
      </c>
      <c r="TBP53" s="7">
        <f t="shared" si="760"/>
        <v>5103.125</v>
      </c>
      <c r="TBQ53" s="7">
        <f t="shared" si="760"/>
        <v>5103.125</v>
      </c>
      <c r="TBR53" s="7">
        <f t="shared" si="760"/>
        <v>5103.125</v>
      </c>
      <c r="TBS53" s="7">
        <f t="shared" si="760"/>
        <v>5103.125</v>
      </c>
      <c r="TBT53" s="7">
        <f t="shared" si="760"/>
        <v>5103.125</v>
      </c>
      <c r="TBU53" s="7">
        <f t="shared" si="760"/>
        <v>5103.125</v>
      </c>
      <c r="TBV53" s="7">
        <f t="shared" si="760"/>
        <v>5103.125</v>
      </c>
      <c r="TBW53" s="7">
        <f t="shared" si="760"/>
        <v>5103.125</v>
      </c>
      <c r="TBX53" s="7">
        <f t="shared" si="760"/>
        <v>5103.125</v>
      </c>
      <c r="TBY53" s="7">
        <f t="shared" si="760"/>
        <v>5103.125</v>
      </c>
      <c r="TBZ53" s="7">
        <f t="shared" si="760"/>
        <v>5103.125</v>
      </c>
      <c r="TCA53" s="7">
        <f t="shared" si="760"/>
        <v>5103.125</v>
      </c>
      <c r="TCB53" s="7">
        <f t="shared" si="760"/>
        <v>5103.125</v>
      </c>
      <c r="TCC53" s="7">
        <f t="shared" si="760"/>
        <v>5103.125</v>
      </c>
      <c r="TCD53" s="7">
        <f t="shared" si="760"/>
        <v>5103.125</v>
      </c>
      <c r="TCE53" s="7">
        <f t="shared" si="760"/>
        <v>5103.125</v>
      </c>
      <c r="TCF53" s="7">
        <f t="shared" si="760"/>
        <v>5103.125</v>
      </c>
      <c r="TCG53" s="7">
        <f t="shared" si="760"/>
        <v>5103.125</v>
      </c>
      <c r="TCH53" s="7">
        <f t="shared" si="760"/>
        <v>5103.125</v>
      </c>
      <c r="TCI53" s="7">
        <f t="shared" si="760"/>
        <v>5103.125</v>
      </c>
      <c r="TCJ53" s="7">
        <f t="shared" si="760"/>
        <v>5103.125</v>
      </c>
      <c r="TCK53" s="7">
        <f t="shared" si="760"/>
        <v>5103.125</v>
      </c>
      <c r="TCL53" s="7">
        <f t="shared" si="760"/>
        <v>5103.125</v>
      </c>
      <c r="TCM53" s="7">
        <f t="shared" si="760"/>
        <v>5103.125</v>
      </c>
      <c r="TCN53" s="7">
        <f t="shared" si="760"/>
        <v>5103.125</v>
      </c>
      <c r="TCO53" s="7">
        <f t="shared" si="760"/>
        <v>5103.125</v>
      </c>
      <c r="TCP53" s="7">
        <f t="shared" si="760"/>
        <v>5103.125</v>
      </c>
      <c r="TCQ53" s="7">
        <f t="shared" si="760"/>
        <v>5103.125</v>
      </c>
      <c r="TCR53" s="7">
        <f t="shared" si="760"/>
        <v>5103.125</v>
      </c>
      <c r="TCS53" s="7">
        <f t="shared" si="760"/>
        <v>5103.125</v>
      </c>
      <c r="TCT53" s="7">
        <f t="shared" si="760"/>
        <v>5103.125</v>
      </c>
      <c r="TCU53" s="7">
        <f t="shared" si="760"/>
        <v>5103.125</v>
      </c>
      <c r="TCV53" s="7">
        <f t="shared" si="760"/>
        <v>5103.125</v>
      </c>
      <c r="TCW53" s="7">
        <f t="shared" si="760"/>
        <v>5103.125</v>
      </c>
      <c r="TCX53" s="7">
        <f t="shared" si="760"/>
        <v>5103.125</v>
      </c>
      <c r="TCY53" s="7">
        <f t="shared" si="760"/>
        <v>5103.125</v>
      </c>
      <c r="TCZ53" s="7">
        <f t="shared" si="760"/>
        <v>5103.125</v>
      </c>
      <c r="TDA53" s="7">
        <f t="shared" si="760"/>
        <v>5103.125</v>
      </c>
      <c r="TDB53" s="7">
        <f t="shared" si="760"/>
        <v>5103.125</v>
      </c>
      <c r="TDC53" s="7">
        <f t="shared" si="760"/>
        <v>5103.125</v>
      </c>
      <c r="TDD53" s="7">
        <f t="shared" si="760"/>
        <v>5103.125</v>
      </c>
      <c r="TDE53" s="7">
        <f t="shared" si="760"/>
        <v>5103.125</v>
      </c>
      <c r="TDF53" s="7">
        <f t="shared" si="760"/>
        <v>5103.125</v>
      </c>
      <c r="TDG53" s="7">
        <f t="shared" si="760"/>
        <v>5103.125</v>
      </c>
      <c r="TDH53" s="7">
        <f t="shared" si="760"/>
        <v>5103.125</v>
      </c>
      <c r="TDI53" s="7">
        <f t="shared" si="760"/>
        <v>5103.125</v>
      </c>
      <c r="TDJ53" s="7">
        <f t="shared" si="760"/>
        <v>5103.125</v>
      </c>
      <c r="TDK53" s="7">
        <f t="shared" si="760"/>
        <v>5103.125</v>
      </c>
      <c r="TDL53" s="7">
        <f t="shared" si="760"/>
        <v>5103.125</v>
      </c>
      <c r="TDM53" s="7">
        <f t="shared" si="760"/>
        <v>5103.125</v>
      </c>
      <c r="TDN53" s="7">
        <f t="shared" si="760"/>
        <v>5103.125</v>
      </c>
      <c r="TDO53" s="7">
        <f t="shared" si="760"/>
        <v>5103.125</v>
      </c>
      <c r="TDP53" s="7">
        <f t="shared" si="760"/>
        <v>5103.125</v>
      </c>
      <c r="TDQ53" s="7">
        <f t="shared" si="760"/>
        <v>5103.125</v>
      </c>
      <c r="TDR53" s="7">
        <f t="shared" ref="TDR53:TGC53" si="761">TDR48+TDQ53</f>
        <v>5103.125</v>
      </c>
      <c r="TDS53" s="7">
        <f t="shared" si="761"/>
        <v>5103.125</v>
      </c>
      <c r="TDT53" s="7">
        <f t="shared" si="761"/>
        <v>5103.125</v>
      </c>
      <c r="TDU53" s="7">
        <f t="shared" si="761"/>
        <v>5103.125</v>
      </c>
      <c r="TDV53" s="7">
        <f t="shared" si="761"/>
        <v>5103.125</v>
      </c>
      <c r="TDW53" s="7">
        <f t="shared" si="761"/>
        <v>5103.125</v>
      </c>
      <c r="TDX53" s="7">
        <f t="shared" si="761"/>
        <v>5103.125</v>
      </c>
      <c r="TDY53" s="7">
        <f t="shared" si="761"/>
        <v>5103.125</v>
      </c>
      <c r="TDZ53" s="7">
        <f t="shared" si="761"/>
        <v>5103.125</v>
      </c>
      <c r="TEA53" s="7">
        <f t="shared" si="761"/>
        <v>5103.125</v>
      </c>
      <c r="TEB53" s="7">
        <f t="shared" si="761"/>
        <v>5103.125</v>
      </c>
      <c r="TEC53" s="7">
        <f t="shared" si="761"/>
        <v>5103.125</v>
      </c>
      <c r="TED53" s="7">
        <f t="shared" si="761"/>
        <v>5103.125</v>
      </c>
      <c r="TEE53" s="7">
        <f t="shared" si="761"/>
        <v>5103.125</v>
      </c>
      <c r="TEF53" s="7">
        <f t="shared" si="761"/>
        <v>5103.125</v>
      </c>
      <c r="TEG53" s="7">
        <f t="shared" si="761"/>
        <v>5103.125</v>
      </c>
      <c r="TEH53" s="7">
        <f t="shared" si="761"/>
        <v>5103.125</v>
      </c>
      <c r="TEI53" s="7">
        <f t="shared" si="761"/>
        <v>5103.125</v>
      </c>
      <c r="TEJ53" s="7">
        <f t="shared" si="761"/>
        <v>5103.125</v>
      </c>
      <c r="TEK53" s="7">
        <f t="shared" si="761"/>
        <v>5103.125</v>
      </c>
      <c r="TEL53" s="7">
        <f t="shared" si="761"/>
        <v>5103.125</v>
      </c>
      <c r="TEM53" s="7">
        <f t="shared" si="761"/>
        <v>5103.125</v>
      </c>
      <c r="TEN53" s="7">
        <f t="shared" si="761"/>
        <v>5103.125</v>
      </c>
      <c r="TEO53" s="7">
        <f t="shared" si="761"/>
        <v>5103.125</v>
      </c>
      <c r="TEP53" s="7">
        <f t="shared" si="761"/>
        <v>5103.125</v>
      </c>
      <c r="TEQ53" s="7">
        <f t="shared" si="761"/>
        <v>5103.125</v>
      </c>
      <c r="TER53" s="7">
        <f t="shared" si="761"/>
        <v>5103.125</v>
      </c>
      <c r="TES53" s="7">
        <f t="shared" si="761"/>
        <v>5103.125</v>
      </c>
      <c r="TET53" s="7">
        <f t="shared" si="761"/>
        <v>5103.125</v>
      </c>
      <c r="TEU53" s="7">
        <f t="shared" si="761"/>
        <v>5103.125</v>
      </c>
      <c r="TEV53" s="7">
        <f t="shared" si="761"/>
        <v>5103.125</v>
      </c>
      <c r="TEW53" s="7">
        <f t="shared" si="761"/>
        <v>5103.125</v>
      </c>
      <c r="TEX53" s="7">
        <f t="shared" si="761"/>
        <v>5103.125</v>
      </c>
      <c r="TEY53" s="7">
        <f t="shared" si="761"/>
        <v>5103.125</v>
      </c>
      <c r="TEZ53" s="7">
        <f t="shared" si="761"/>
        <v>5103.125</v>
      </c>
      <c r="TFA53" s="7">
        <f t="shared" si="761"/>
        <v>5103.125</v>
      </c>
      <c r="TFB53" s="7">
        <f t="shared" si="761"/>
        <v>5103.125</v>
      </c>
      <c r="TFC53" s="7">
        <f t="shared" si="761"/>
        <v>5103.125</v>
      </c>
      <c r="TFD53" s="7">
        <f t="shared" si="761"/>
        <v>5103.125</v>
      </c>
      <c r="TFE53" s="7">
        <f t="shared" si="761"/>
        <v>5103.125</v>
      </c>
      <c r="TFF53" s="7">
        <f t="shared" si="761"/>
        <v>5103.125</v>
      </c>
      <c r="TFG53" s="7">
        <f t="shared" si="761"/>
        <v>5103.125</v>
      </c>
      <c r="TFH53" s="7">
        <f t="shared" si="761"/>
        <v>5103.125</v>
      </c>
      <c r="TFI53" s="7">
        <f t="shared" si="761"/>
        <v>5103.125</v>
      </c>
      <c r="TFJ53" s="7">
        <f t="shared" si="761"/>
        <v>5103.125</v>
      </c>
      <c r="TFK53" s="7">
        <f t="shared" si="761"/>
        <v>5103.125</v>
      </c>
      <c r="TFL53" s="7">
        <f t="shared" si="761"/>
        <v>5103.125</v>
      </c>
      <c r="TFM53" s="7">
        <f t="shared" si="761"/>
        <v>5103.125</v>
      </c>
      <c r="TFN53" s="7">
        <f t="shared" si="761"/>
        <v>5103.125</v>
      </c>
      <c r="TFO53" s="7">
        <f t="shared" si="761"/>
        <v>5103.125</v>
      </c>
      <c r="TFP53" s="7">
        <f t="shared" si="761"/>
        <v>5103.125</v>
      </c>
      <c r="TFQ53" s="7">
        <f t="shared" si="761"/>
        <v>5103.125</v>
      </c>
      <c r="TFR53" s="7">
        <f t="shared" si="761"/>
        <v>5103.125</v>
      </c>
      <c r="TFS53" s="7">
        <f t="shared" si="761"/>
        <v>5103.125</v>
      </c>
      <c r="TFT53" s="7">
        <f t="shared" si="761"/>
        <v>5103.125</v>
      </c>
      <c r="TFU53" s="7">
        <f t="shared" si="761"/>
        <v>5103.125</v>
      </c>
      <c r="TFV53" s="7">
        <f t="shared" si="761"/>
        <v>5103.125</v>
      </c>
      <c r="TFW53" s="7">
        <f t="shared" si="761"/>
        <v>5103.125</v>
      </c>
      <c r="TFX53" s="7">
        <f t="shared" si="761"/>
        <v>5103.125</v>
      </c>
      <c r="TFY53" s="7">
        <f t="shared" si="761"/>
        <v>5103.125</v>
      </c>
      <c r="TFZ53" s="7">
        <f t="shared" si="761"/>
        <v>5103.125</v>
      </c>
      <c r="TGA53" s="7">
        <f t="shared" si="761"/>
        <v>5103.125</v>
      </c>
      <c r="TGB53" s="7">
        <f t="shared" si="761"/>
        <v>5103.125</v>
      </c>
      <c r="TGC53" s="7">
        <f t="shared" si="761"/>
        <v>5103.125</v>
      </c>
      <c r="TGD53" s="7">
        <f t="shared" ref="TGD53:TIO53" si="762">TGD48+TGC53</f>
        <v>5103.125</v>
      </c>
      <c r="TGE53" s="7">
        <f t="shared" si="762"/>
        <v>5103.125</v>
      </c>
      <c r="TGF53" s="7">
        <f t="shared" si="762"/>
        <v>5103.125</v>
      </c>
      <c r="TGG53" s="7">
        <f t="shared" si="762"/>
        <v>5103.125</v>
      </c>
      <c r="TGH53" s="7">
        <f t="shared" si="762"/>
        <v>5103.125</v>
      </c>
      <c r="TGI53" s="7">
        <f t="shared" si="762"/>
        <v>5103.125</v>
      </c>
      <c r="TGJ53" s="7">
        <f t="shared" si="762"/>
        <v>5103.125</v>
      </c>
      <c r="TGK53" s="7">
        <f t="shared" si="762"/>
        <v>5103.125</v>
      </c>
      <c r="TGL53" s="7">
        <f t="shared" si="762"/>
        <v>5103.125</v>
      </c>
      <c r="TGM53" s="7">
        <f t="shared" si="762"/>
        <v>5103.125</v>
      </c>
      <c r="TGN53" s="7">
        <f t="shared" si="762"/>
        <v>5103.125</v>
      </c>
      <c r="TGO53" s="7">
        <f t="shared" si="762"/>
        <v>5103.125</v>
      </c>
      <c r="TGP53" s="7">
        <f t="shared" si="762"/>
        <v>5103.125</v>
      </c>
      <c r="TGQ53" s="7">
        <f t="shared" si="762"/>
        <v>5103.125</v>
      </c>
      <c r="TGR53" s="7">
        <f t="shared" si="762"/>
        <v>5103.125</v>
      </c>
      <c r="TGS53" s="7">
        <f t="shared" si="762"/>
        <v>5103.125</v>
      </c>
      <c r="TGT53" s="7">
        <f t="shared" si="762"/>
        <v>5103.125</v>
      </c>
      <c r="TGU53" s="7">
        <f t="shared" si="762"/>
        <v>5103.125</v>
      </c>
      <c r="TGV53" s="7">
        <f t="shared" si="762"/>
        <v>5103.125</v>
      </c>
      <c r="TGW53" s="7">
        <f t="shared" si="762"/>
        <v>5103.125</v>
      </c>
      <c r="TGX53" s="7">
        <f t="shared" si="762"/>
        <v>5103.125</v>
      </c>
      <c r="TGY53" s="7">
        <f t="shared" si="762"/>
        <v>5103.125</v>
      </c>
      <c r="TGZ53" s="7">
        <f t="shared" si="762"/>
        <v>5103.125</v>
      </c>
      <c r="THA53" s="7">
        <f t="shared" si="762"/>
        <v>5103.125</v>
      </c>
      <c r="THB53" s="7">
        <f t="shared" si="762"/>
        <v>5103.125</v>
      </c>
      <c r="THC53" s="7">
        <f t="shared" si="762"/>
        <v>5103.125</v>
      </c>
      <c r="THD53" s="7">
        <f t="shared" si="762"/>
        <v>5103.125</v>
      </c>
      <c r="THE53" s="7">
        <f t="shared" si="762"/>
        <v>5103.125</v>
      </c>
      <c r="THF53" s="7">
        <f t="shared" si="762"/>
        <v>5103.125</v>
      </c>
      <c r="THG53" s="7">
        <f t="shared" si="762"/>
        <v>5103.125</v>
      </c>
      <c r="THH53" s="7">
        <f t="shared" si="762"/>
        <v>5103.125</v>
      </c>
      <c r="THI53" s="7">
        <f t="shared" si="762"/>
        <v>5103.125</v>
      </c>
      <c r="THJ53" s="7">
        <f t="shared" si="762"/>
        <v>5103.125</v>
      </c>
      <c r="THK53" s="7">
        <f t="shared" si="762"/>
        <v>5103.125</v>
      </c>
      <c r="THL53" s="7">
        <f t="shared" si="762"/>
        <v>5103.125</v>
      </c>
      <c r="THM53" s="7">
        <f t="shared" si="762"/>
        <v>5103.125</v>
      </c>
      <c r="THN53" s="7">
        <f t="shared" si="762"/>
        <v>5103.125</v>
      </c>
      <c r="THO53" s="7">
        <f t="shared" si="762"/>
        <v>5103.125</v>
      </c>
      <c r="THP53" s="7">
        <f t="shared" si="762"/>
        <v>5103.125</v>
      </c>
      <c r="THQ53" s="7">
        <f t="shared" si="762"/>
        <v>5103.125</v>
      </c>
      <c r="THR53" s="7">
        <f t="shared" si="762"/>
        <v>5103.125</v>
      </c>
      <c r="THS53" s="7">
        <f t="shared" si="762"/>
        <v>5103.125</v>
      </c>
      <c r="THT53" s="7">
        <f t="shared" si="762"/>
        <v>5103.125</v>
      </c>
      <c r="THU53" s="7">
        <f t="shared" si="762"/>
        <v>5103.125</v>
      </c>
      <c r="THV53" s="7">
        <f t="shared" si="762"/>
        <v>5103.125</v>
      </c>
      <c r="THW53" s="7">
        <f t="shared" si="762"/>
        <v>5103.125</v>
      </c>
      <c r="THX53" s="7">
        <f t="shared" si="762"/>
        <v>5103.125</v>
      </c>
      <c r="THY53" s="7">
        <f t="shared" si="762"/>
        <v>5103.125</v>
      </c>
      <c r="THZ53" s="7">
        <f t="shared" si="762"/>
        <v>5103.125</v>
      </c>
      <c r="TIA53" s="7">
        <f t="shared" si="762"/>
        <v>5103.125</v>
      </c>
      <c r="TIB53" s="7">
        <f t="shared" si="762"/>
        <v>5103.125</v>
      </c>
      <c r="TIC53" s="7">
        <f t="shared" si="762"/>
        <v>5103.125</v>
      </c>
      <c r="TID53" s="7">
        <f t="shared" si="762"/>
        <v>5103.125</v>
      </c>
      <c r="TIE53" s="7">
        <f t="shared" si="762"/>
        <v>5103.125</v>
      </c>
      <c r="TIF53" s="7">
        <f t="shared" si="762"/>
        <v>5103.125</v>
      </c>
      <c r="TIG53" s="7">
        <f t="shared" si="762"/>
        <v>5103.125</v>
      </c>
      <c r="TIH53" s="7">
        <f t="shared" si="762"/>
        <v>5103.125</v>
      </c>
      <c r="TII53" s="7">
        <f t="shared" si="762"/>
        <v>5103.125</v>
      </c>
      <c r="TIJ53" s="7">
        <f t="shared" si="762"/>
        <v>5103.125</v>
      </c>
      <c r="TIK53" s="7">
        <f t="shared" si="762"/>
        <v>5103.125</v>
      </c>
      <c r="TIL53" s="7">
        <f t="shared" si="762"/>
        <v>5103.125</v>
      </c>
      <c r="TIM53" s="7">
        <f t="shared" si="762"/>
        <v>5103.125</v>
      </c>
      <c r="TIN53" s="7">
        <f t="shared" si="762"/>
        <v>5103.125</v>
      </c>
      <c r="TIO53" s="7">
        <f t="shared" si="762"/>
        <v>5103.125</v>
      </c>
      <c r="TIP53" s="7">
        <f t="shared" ref="TIP53:TLA53" si="763">TIP48+TIO53</f>
        <v>5103.125</v>
      </c>
      <c r="TIQ53" s="7">
        <f t="shared" si="763"/>
        <v>5103.125</v>
      </c>
      <c r="TIR53" s="7">
        <f t="shared" si="763"/>
        <v>5103.125</v>
      </c>
      <c r="TIS53" s="7">
        <f t="shared" si="763"/>
        <v>5103.125</v>
      </c>
      <c r="TIT53" s="7">
        <f t="shared" si="763"/>
        <v>5103.125</v>
      </c>
      <c r="TIU53" s="7">
        <f t="shared" si="763"/>
        <v>5103.125</v>
      </c>
      <c r="TIV53" s="7">
        <f t="shared" si="763"/>
        <v>5103.125</v>
      </c>
      <c r="TIW53" s="7">
        <f t="shared" si="763"/>
        <v>5103.125</v>
      </c>
      <c r="TIX53" s="7">
        <f t="shared" si="763"/>
        <v>5103.125</v>
      </c>
      <c r="TIY53" s="7">
        <f t="shared" si="763"/>
        <v>5103.125</v>
      </c>
      <c r="TIZ53" s="7">
        <f t="shared" si="763"/>
        <v>5103.125</v>
      </c>
      <c r="TJA53" s="7">
        <f t="shared" si="763"/>
        <v>5103.125</v>
      </c>
      <c r="TJB53" s="7">
        <f t="shared" si="763"/>
        <v>5103.125</v>
      </c>
      <c r="TJC53" s="7">
        <f t="shared" si="763"/>
        <v>5103.125</v>
      </c>
      <c r="TJD53" s="7">
        <f t="shared" si="763"/>
        <v>5103.125</v>
      </c>
      <c r="TJE53" s="7">
        <f t="shared" si="763"/>
        <v>5103.125</v>
      </c>
      <c r="TJF53" s="7">
        <f t="shared" si="763"/>
        <v>5103.125</v>
      </c>
      <c r="TJG53" s="7">
        <f t="shared" si="763"/>
        <v>5103.125</v>
      </c>
      <c r="TJH53" s="7">
        <f t="shared" si="763"/>
        <v>5103.125</v>
      </c>
      <c r="TJI53" s="7">
        <f t="shared" si="763"/>
        <v>5103.125</v>
      </c>
      <c r="TJJ53" s="7">
        <f t="shared" si="763"/>
        <v>5103.125</v>
      </c>
      <c r="TJK53" s="7">
        <f t="shared" si="763"/>
        <v>5103.125</v>
      </c>
      <c r="TJL53" s="7">
        <f t="shared" si="763"/>
        <v>5103.125</v>
      </c>
      <c r="TJM53" s="7">
        <f t="shared" si="763"/>
        <v>5103.125</v>
      </c>
      <c r="TJN53" s="7">
        <f t="shared" si="763"/>
        <v>5103.125</v>
      </c>
      <c r="TJO53" s="7">
        <f t="shared" si="763"/>
        <v>5103.125</v>
      </c>
      <c r="TJP53" s="7">
        <f t="shared" si="763"/>
        <v>5103.125</v>
      </c>
      <c r="TJQ53" s="7">
        <f t="shared" si="763"/>
        <v>5103.125</v>
      </c>
      <c r="TJR53" s="7">
        <f t="shared" si="763"/>
        <v>5103.125</v>
      </c>
      <c r="TJS53" s="7">
        <f t="shared" si="763"/>
        <v>5103.125</v>
      </c>
      <c r="TJT53" s="7">
        <f t="shared" si="763"/>
        <v>5103.125</v>
      </c>
      <c r="TJU53" s="7">
        <f t="shared" si="763"/>
        <v>5103.125</v>
      </c>
      <c r="TJV53" s="7">
        <f t="shared" si="763"/>
        <v>5103.125</v>
      </c>
      <c r="TJW53" s="7">
        <f t="shared" si="763"/>
        <v>5103.125</v>
      </c>
      <c r="TJX53" s="7">
        <f t="shared" si="763"/>
        <v>5103.125</v>
      </c>
      <c r="TJY53" s="7">
        <f t="shared" si="763"/>
        <v>5103.125</v>
      </c>
      <c r="TJZ53" s="7">
        <f t="shared" si="763"/>
        <v>5103.125</v>
      </c>
      <c r="TKA53" s="7">
        <f t="shared" si="763"/>
        <v>5103.125</v>
      </c>
      <c r="TKB53" s="7">
        <f t="shared" si="763"/>
        <v>5103.125</v>
      </c>
      <c r="TKC53" s="7">
        <f t="shared" si="763"/>
        <v>5103.125</v>
      </c>
      <c r="TKD53" s="7">
        <f t="shared" si="763"/>
        <v>5103.125</v>
      </c>
      <c r="TKE53" s="7">
        <f t="shared" si="763"/>
        <v>5103.125</v>
      </c>
      <c r="TKF53" s="7">
        <f t="shared" si="763"/>
        <v>5103.125</v>
      </c>
      <c r="TKG53" s="7">
        <f t="shared" si="763"/>
        <v>5103.125</v>
      </c>
      <c r="TKH53" s="7">
        <f t="shared" si="763"/>
        <v>5103.125</v>
      </c>
      <c r="TKI53" s="7">
        <f t="shared" si="763"/>
        <v>5103.125</v>
      </c>
      <c r="TKJ53" s="7">
        <f t="shared" si="763"/>
        <v>5103.125</v>
      </c>
      <c r="TKK53" s="7">
        <f t="shared" si="763"/>
        <v>5103.125</v>
      </c>
      <c r="TKL53" s="7">
        <f t="shared" si="763"/>
        <v>5103.125</v>
      </c>
      <c r="TKM53" s="7">
        <f t="shared" si="763"/>
        <v>5103.125</v>
      </c>
      <c r="TKN53" s="7">
        <f t="shared" si="763"/>
        <v>5103.125</v>
      </c>
      <c r="TKO53" s="7">
        <f t="shared" si="763"/>
        <v>5103.125</v>
      </c>
      <c r="TKP53" s="7">
        <f t="shared" si="763"/>
        <v>5103.125</v>
      </c>
      <c r="TKQ53" s="7">
        <f t="shared" si="763"/>
        <v>5103.125</v>
      </c>
      <c r="TKR53" s="7">
        <f t="shared" si="763"/>
        <v>5103.125</v>
      </c>
      <c r="TKS53" s="7">
        <f t="shared" si="763"/>
        <v>5103.125</v>
      </c>
      <c r="TKT53" s="7">
        <f t="shared" si="763"/>
        <v>5103.125</v>
      </c>
      <c r="TKU53" s="7">
        <f t="shared" si="763"/>
        <v>5103.125</v>
      </c>
      <c r="TKV53" s="7">
        <f t="shared" si="763"/>
        <v>5103.125</v>
      </c>
      <c r="TKW53" s="7">
        <f t="shared" si="763"/>
        <v>5103.125</v>
      </c>
      <c r="TKX53" s="7">
        <f t="shared" si="763"/>
        <v>5103.125</v>
      </c>
      <c r="TKY53" s="7">
        <f t="shared" si="763"/>
        <v>5103.125</v>
      </c>
      <c r="TKZ53" s="7">
        <f t="shared" si="763"/>
        <v>5103.125</v>
      </c>
      <c r="TLA53" s="7">
        <f t="shared" si="763"/>
        <v>5103.125</v>
      </c>
      <c r="TLB53" s="7">
        <f t="shared" ref="TLB53:TNM53" si="764">TLB48+TLA53</f>
        <v>5103.125</v>
      </c>
      <c r="TLC53" s="7">
        <f t="shared" si="764"/>
        <v>5103.125</v>
      </c>
      <c r="TLD53" s="7">
        <f t="shared" si="764"/>
        <v>5103.125</v>
      </c>
      <c r="TLE53" s="7">
        <f t="shared" si="764"/>
        <v>5103.125</v>
      </c>
      <c r="TLF53" s="7">
        <f t="shared" si="764"/>
        <v>5103.125</v>
      </c>
      <c r="TLG53" s="7">
        <f t="shared" si="764"/>
        <v>5103.125</v>
      </c>
      <c r="TLH53" s="7">
        <f t="shared" si="764"/>
        <v>5103.125</v>
      </c>
      <c r="TLI53" s="7">
        <f t="shared" si="764"/>
        <v>5103.125</v>
      </c>
      <c r="TLJ53" s="7">
        <f t="shared" si="764"/>
        <v>5103.125</v>
      </c>
      <c r="TLK53" s="7">
        <f t="shared" si="764"/>
        <v>5103.125</v>
      </c>
      <c r="TLL53" s="7">
        <f t="shared" si="764"/>
        <v>5103.125</v>
      </c>
      <c r="TLM53" s="7">
        <f t="shared" si="764"/>
        <v>5103.125</v>
      </c>
      <c r="TLN53" s="7">
        <f t="shared" si="764"/>
        <v>5103.125</v>
      </c>
      <c r="TLO53" s="7">
        <f t="shared" si="764"/>
        <v>5103.125</v>
      </c>
      <c r="TLP53" s="7">
        <f t="shared" si="764"/>
        <v>5103.125</v>
      </c>
      <c r="TLQ53" s="7">
        <f t="shared" si="764"/>
        <v>5103.125</v>
      </c>
      <c r="TLR53" s="7">
        <f t="shared" si="764"/>
        <v>5103.125</v>
      </c>
      <c r="TLS53" s="7">
        <f t="shared" si="764"/>
        <v>5103.125</v>
      </c>
      <c r="TLT53" s="7">
        <f t="shared" si="764"/>
        <v>5103.125</v>
      </c>
      <c r="TLU53" s="7">
        <f t="shared" si="764"/>
        <v>5103.125</v>
      </c>
      <c r="TLV53" s="7">
        <f t="shared" si="764"/>
        <v>5103.125</v>
      </c>
      <c r="TLW53" s="7">
        <f t="shared" si="764"/>
        <v>5103.125</v>
      </c>
      <c r="TLX53" s="7">
        <f t="shared" si="764"/>
        <v>5103.125</v>
      </c>
      <c r="TLY53" s="7">
        <f t="shared" si="764"/>
        <v>5103.125</v>
      </c>
      <c r="TLZ53" s="7">
        <f t="shared" si="764"/>
        <v>5103.125</v>
      </c>
      <c r="TMA53" s="7">
        <f t="shared" si="764"/>
        <v>5103.125</v>
      </c>
      <c r="TMB53" s="7">
        <f t="shared" si="764"/>
        <v>5103.125</v>
      </c>
      <c r="TMC53" s="7">
        <f t="shared" si="764"/>
        <v>5103.125</v>
      </c>
      <c r="TMD53" s="7">
        <f t="shared" si="764"/>
        <v>5103.125</v>
      </c>
      <c r="TME53" s="7">
        <f t="shared" si="764"/>
        <v>5103.125</v>
      </c>
      <c r="TMF53" s="7">
        <f t="shared" si="764"/>
        <v>5103.125</v>
      </c>
      <c r="TMG53" s="7">
        <f t="shared" si="764"/>
        <v>5103.125</v>
      </c>
      <c r="TMH53" s="7">
        <f t="shared" si="764"/>
        <v>5103.125</v>
      </c>
      <c r="TMI53" s="7">
        <f t="shared" si="764"/>
        <v>5103.125</v>
      </c>
      <c r="TMJ53" s="7">
        <f t="shared" si="764"/>
        <v>5103.125</v>
      </c>
      <c r="TMK53" s="7">
        <f t="shared" si="764"/>
        <v>5103.125</v>
      </c>
      <c r="TML53" s="7">
        <f t="shared" si="764"/>
        <v>5103.125</v>
      </c>
      <c r="TMM53" s="7">
        <f t="shared" si="764"/>
        <v>5103.125</v>
      </c>
      <c r="TMN53" s="7">
        <f t="shared" si="764"/>
        <v>5103.125</v>
      </c>
      <c r="TMO53" s="7">
        <f t="shared" si="764"/>
        <v>5103.125</v>
      </c>
      <c r="TMP53" s="7">
        <f t="shared" si="764"/>
        <v>5103.125</v>
      </c>
      <c r="TMQ53" s="7">
        <f t="shared" si="764"/>
        <v>5103.125</v>
      </c>
      <c r="TMR53" s="7">
        <f t="shared" si="764"/>
        <v>5103.125</v>
      </c>
      <c r="TMS53" s="7">
        <f t="shared" si="764"/>
        <v>5103.125</v>
      </c>
      <c r="TMT53" s="7">
        <f t="shared" si="764"/>
        <v>5103.125</v>
      </c>
      <c r="TMU53" s="7">
        <f t="shared" si="764"/>
        <v>5103.125</v>
      </c>
      <c r="TMV53" s="7">
        <f t="shared" si="764"/>
        <v>5103.125</v>
      </c>
      <c r="TMW53" s="7">
        <f t="shared" si="764"/>
        <v>5103.125</v>
      </c>
      <c r="TMX53" s="7">
        <f t="shared" si="764"/>
        <v>5103.125</v>
      </c>
      <c r="TMY53" s="7">
        <f t="shared" si="764"/>
        <v>5103.125</v>
      </c>
      <c r="TMZ53" s="7">
        <f t="shared" si="764"/>
        <v>5103.125</v>
      </c>
      <c r="TNA53" s="7">
        <f t="shared" si="764"/>
        <v>5103.125</v>
      </c>
      <c r="TNB53" s="7">
        <f t="shared" si="764"/>
        <v>5103.125</v>
      </c>
      <c r="TNC53" s="7">
        <f t="shared" si="764"/>
        <v>5103.125</v>
      </c>
      <c r="TND53" s="7">
        <f t="shared" si="764"/>
        <v>5103.125</v>
      </c>
      <c r="TNE53" s="7">
        <f t="shared" si="764"/>
        <v>5103.125</v>
      </c>
      <c r="TNF53" s="7">
        <f t="shared" si="764"/>
        <v>5103.125</v>
      </c>
      <c r="TNG53" s="7">
        <f t="shared" si="764"/>
        <v>5103.125</v>
      </c>
      <c r="TNH53" s="7">
        <f t="shared" si="764"/>
        <v>5103.125</v>
      </c>
      <c r="TNI53" s="7">
        <f t="shared" si="764"/>
        <v>5103.125</v>
      </c>
      <c r="TNJ53" s="7">
        <f t="shared" si="764"/>
        <v>5103.125</v>
      </c>
      <c r="TNK53" s="7">
        <f t="shared" si="764"/>
        <v>5103.125</v>
      </c>
      <c r="TNL53" s="7">
        <f t="shared" si="764"/>
        <v>5103.125</v>
      </c>
      <c r="TNM53" s="7">
        <f t="shared" si="764"/>
        <v>5103.125</v>
      </c>
      <c r="TNN53" s="7">
        <f t="shared" ref="TNN53:TPY53" si="765">TNN48+TNM53</f>
        <v>5103.125</v>
      </c>
      <c r="TNO53" s="7">
        <f t="shared" si="765"/>
        <v>5103.125</v>
      </c>
      <c r="TNP53" s="7">
        <f t="shared" si="765"/>
        <v>5103.125</v>
      </c>
      <c r="TNQ53" s="7">
        <f t="shared" si="765"/>
        <v>5103.125</v>
      </c>
      <c r="TNR53" s="7">
        <f t="shared" si="765"/>
        <v>5103.125</v>
      </c>
      <c r="TNS53" s="7">
        <f t="shared" si="765"/>
        <v>5103.125</v>
      </c>
      <c r="TNT53" s="7">
        <f t="shared" si="765"/>
        <v>5103.125</v>
      </c>
      <c r="TNU53" s="7">
        <f t="shared" si="765"/>
        <v>5103.125</v>
      </c>
      <c r="TNV53" s="7">
        <f t="shared" si="765"/>
        <v>5103.125</v>
      </c>
      <c r="TNW53" s="7">
        <f t="shared" si="765"/>
        <v>5103.125</v>
      </c>
      <c r="TNX53" s="7">
        <f t="shared" si="765"/>
        <v>5103.125</v>
      </c>
      <c r="TNY53" s="7">
        <f t="shared" si="765"/>
        <v>5103.125</v>
      </c>
      <c r="TNZ53" s="7">
        <f t="shared" si="765"/>
        <v>5103.125</v>
      </c>
      <c r="TOA53" s="7">
        <f t="shared" si="765"/>
        <v>5103.125</v>
      </c>
      <c r="TOB53" s="7">
        <f t="shared" si="765"/>
        <v>5103.125</v>
      </c>
      <c r="TOC53" s="7">
        <f t="shared" si="765"/>
        <v>5103.125</v>
      </c>
      <c r="TOD53" s="7">
        <f t="shared" si="765"/>
        <v>5103.125</v>
      </c>
      <c r="TOE53" s="7">
        <f t="shared" si="765"/>
        <v>5103.125</v>
      </c>
      <c r="TOF53" s="7">
        <f t="shared" si="765"/>
        <v>5103.125</v>
      </c>
      <c r="TOG53" s="7">
        <f t="shared" si="765"/>
        <v>5103.125</v>
      </c>
      <c r="TOH53" s="7">
        <f t="shared" si="765"/>
        <v>5103.125</v>
      </c>
      <c r="TOI53" s="7">
        <f t="shared" si="765"/>
        <v>5103.125</v>
      </c>
      <c r="TOJ53" s="7">
        <f t="shared" si="765"/>
        <v>5103.125</v>
      </c>
      <c r="TOK53" s="7">
        <f t="shared" si="765"/>
        <v>5103.125</v>
      </c>
      <c r="TOL53" s="7">
        <f t="shared" si="765"/>
        <v>5103.125</v>
      </c>
      <c r="TOM53" s="7">
        <f t="shared" si="765"/>
        <v>5103.125</v>
      </c>
      <c r="TON53" s="7">
        <f t="shared" si="765"/>
        <v>5103.125</v>
      </c>
      <c r="TOO53" s="7">
        <f t="shared" si="765"/>
        <v>5103.125</v>
      </c>
      <c r="TOP53" s="7">
        <f t="shared" si="765"/>
        <v>5103.125</v>
      </c>
      <c r="TOQ53" s="7">
        <f t="shared" si="765"/>
        <v>5103.125</v>
      </c>
      <c r="TOR53" s="7">
        <f t="shared" si="765"/>
        <v>5103.125</v>
      </c>
      <c r="TOS53" s="7">
        <f t="shared" si="765"/>
        <v>5103.125</v>
      </c>
      <c r="TOT53" s="7">
        <f t="shared" si="765"/>
        <v>5103.125</v>
      </c>
      <c r="TOU53" s="7">
        <f t="shared" si="765"/>
        <v>5103.125</v>
      </c>
      <c r="TOV53" s="7">
        <f t="shared" si="765"/>
        <v>5103.125</v>
      </c>
      <c r="TOW53" s="7">
        <f t="shared" si="765"/>
        <v>5103.125</v>
      </c>
      <c r="TOX53" s="7">
        <f t="shared" si="765"/>
        <v>5103.125</v>
      </c>
      <c r="TOY53" s="7">
        <f t="shared" si="765"/>
        <v>5103.125</v>
      </c>
      <c r="TOZ53" s="7">
        <f t="shared" si="765"/>
        <v>5103.125</v>
      </c>
      <c r="TPA53" s="7">
        <f t="shared" si="765"/>
        <v>5103.125</v>
      </c>
      <c r="TPB53" s="7">
        <f t="shared" si="765"/>
        <v>5103.125</v>
      </c>
      <c r="TPC53" s="7">
        <f t="shared" si="765"/>
        <v>5103.125</v>
      </c>
      <c r="TPD53" s="7">
        <f t="shared" si="765"/>
        <v>5103.125</v>
      </c>
      <c r="TPE53" s="7">
        <f t="shared" si="765"/>
        <v>5103.125</v>
      </c>
      <c r="TPF53" s="7">
        <f t="shared" si="765"/>
        <v>5103.125</v>
      </c>
      <c r="TPG53" s="7">
        <f t="shared" si="765"/>
        <v>5103.125</v>
      </c>
      <c r="TPH53" s="7">
        <f t="shared" si="765"/>
        <v>5103.125</v>
      </c>
      <c r="TPI53" s="7">
        <f t="shared" si="765"/>
        <v>5103.125</v>
      </c>
      <c r="TPJ53" s="7">
        <f t="shared" si="765"/>
        <v>5103.125</v>
      </c>
      <c r="TPK53" s="7">
        <f t="shared" si="765"/>
        <v>5103.125</v>
      </c>
      <c r="TPL53" s="7">
        <f t="shared" si="765"/>
        <v>5103.125</v>
      </c>
      <c r="TPM53" s="7">
        <f t="shared" si="765"/>
        <v>5103.125</v>
      </c>
      <c r="TPN53" s="7">
        <f t="shared" si="765"/>
        <v>5103.125</v>
      </c>
      <c r="TPO53" s="7">
        <f t="shared" si="765"/>
        <v>5103.125</v>
      </c>
      <c r="TPP53" s="7">
        <f t="shared" si="765"/>
        <v>5103.125</v>
      </c>
      <c r="TPQ53" s="7">
        <f t="shared" si="765"/>
        <v>5103.125</v>
      </c>
      <c r="TPR53" s="7">
        <f t="shared" si="765"/>
        <v>5103.125</v>
      </c>
      <c r="TPS53" s="7">
        <f t="shared" si="765"/>
        <v>5103.125</v>
      </c>
      <c r="TPT53" s="7">
        <f t="shared" si="765"/>
        <v>5103.125</v>
      </c>
      <c r="TPU53" s="7">
        <f t="shared" si="765"/>
        <v>5103.125</v>
      </c>
      <c r="TPV53" s="7">
        <f t="shared" si="765"/>
        <v>5103.125</v>
      </c>
      <c r="TPW53" s="7">
        <f t="shared" si="765"/>
        <v>5103.125</v>
      </c>
      <c r="TPX53" s="7">
        <f t="shared" si="765"/>
        <v>5103.125</v>
      </c>
      <c r="TPY53" s="7">
        <f t="shared" si="765"/>
        <v>5103.125</v>
      </c>
      <c r="TPZ53" s="7">
        <f t="shared" ref="TPZ53:TSK53" si="766">TPZ48+TPY53</f>
        <v>5103.125</v>
      </c>
      <c r="TQA53" s="7">
        <f t="shared" si="766"/>
        <v>5103.125</v>
      </c>
      <c r="TQB53" s="7">
        <f t="shared" si="766"/>
        <v>5103.125</v>
      </c>
      <c r="TQC53" s="7">
        <f t="shared" si="766"/>
        <v>5103.125</v>
      </c>
      <c r="TQD53" s="7">
        <f t="shared" si="766"/>
        <v>5103.125</v>
      </c>
      <c r="TQE53" s="7">
        <f t="shared" si="766"/>
        <v>5103.125</v>
      </c>
      <c r="TQF53" s="7">
        <f t="shared" si="766"/>
        <v>5103.125</v>
      </c>
      <c r="TQG53" s="7">
        <f t="shared" si="766"/>
        <v>5103.125</v>
      </c>
      <c r="TQH53" s="7">
        <f t="shared" si="766"/>
        <v>5103.125</v>
      </c>
      <c r="TQI53" s="7">
        <f t="shared" si="766"/>
        <v>5103.125</v>
      </c>
      <c r="TQJ53" s="7">
        <f t="shared" si="766"/>
        <v>5103.125</v>
      </c>
      <c r="TQK53" s="7">
        <f t="shared" si="766"/>
        <v>5103.125</v>
      </c>
      <c r="TQL53" s="7">
        <f t="shared" si="766"/>
        <v>5103.125</v>
      </c>
      <c r="TQM53" s="7">
        <f t="shared" si="766"/>
        <v>5103.125</v>
      </c>
      <c r="TQN53" s="7">
        <f t="shared" si="766"/>
        <v>5103.125</v>
      </c>
      <c r="TQO53" s="7">
        <f t="shared" si="766"/>
        <v>5103.125</v>
      </c>
      <c r="TQP53" s="7">
        <f t="shared" si="766"/>
        <v>5103.125</v>
      </c>
      <c r="TQQ53" s="7">
        <f t="shared" si="766"/>
        <v>5103.125</v>
      </c>
      <c r="TQR53" s="7">
        <f t="shared" si="766"/>
        <v>5103.125</v>
      </c>
      <c r="TQS53" s="7">
        <f t="shared" si="766"/>
        <v>5103.125</v>
      </c>
      <c r="TQT53" s="7">
        <f t="shared" si="766"/>
        <v>5103.125</v>
      </c>
      <c r="TQU53" s="7">
        <f t="shared" si="766"/>
        <v>5103.125</v>
      </c>
      <c r="TQV53" s="7">
        <f t="shared" si="766"/>
        <v>5103.125</v>
      </c>
      <c r="TQW53" s="7">
        <f t="shared" si="766"/>
        <v>5103.125</v>
      </c>
      <c r="TQX53" s="7">
        <f t="shared" si="766"/>
        <v>5103.125</v>
      </c>
      <c r="TQY53" s="7">
        <f t="shared" si="766"/>
        <v>5103.125</v>
      </c>
      <c r="TQZ53" s="7">
        <f t="shared" si="766"/>
        <v>5103.125</v>
      </c>
      <c r="TRA53" s="7">
        <f t="shared" si="766"/>
        <v>5103.125</v>
      </c>
      <c r="TRB53" s="7">
        <f t="shared" si="766"/>
        <v>5103.125</v>
      </c>
      <c r="TRC53" s="7">
        <f t="shared" si="766"/>
        <v>5103.125</v>
      </c>
      <c r="TRD53" s="7">
        <f t="shared" si="766"/>
        <v>5103.125</v>
      </c>
      <c r="TRE53" s="7">
        <f t="shared" si="766"/>
        <v>5103.125</v>
      </c>
      <c r="TRF53" s="7">
        <f t="shared" si="766"/>
        <v>5103.125</v>
      </c>
      <c r="TRG53" s="7">
        <f t="shared" si="766"/>
        <v>5103.125</v>
      </c>
      <c r="TRH53" s="7">
        <f t="shared" si="766"/>
        <v>5103.125</v>
      </c>
      <c r="TRI53" s="7">
        <f t="shared" si="766"/>
        <v>5103.125</v>
      </c>
      <c r="TRJ53" s="7">
        <f t="shared" si="766"/>
        <v>5103.125</v>
      </c>
      <c r="TRK53" s="7">
        <f t="shared" si="766"/>
        <v>5103.125</v>
      </c>
      <c r="TRL53" s="7">
        <f t="shared" si="766"/>
        <v>5103.125</v>
      </c>
      <c r="TRM53" s="7">
        <f t="shared" si="766"/>
        <v>5103.125</v>
      </c>
      <c r="TRN53" s="7">
        <f t="shared" si="766"/>
        <v>5103.125</v>
      </c>
      <c r="TRO53" s="7">
        <f t="shared" si="766"/>
        <v>5103.125</v>
      </c>
      <c r="TRP53" s="7">
        <f t="shared" si="766"/>
        <v>5103.125</v>
      </c>
      <c r="TRQ53" s="7">
        <f t="shared" si="766"/>
        <v>5103.125</v>
      </c>
      <c r="TRR53" s="7">
        <f t="shared" si="766"/>
        <v>5103.125</v>
      </c>
      <c r="TRS53" s="7">
        <f t="shared" si="766"/>
        <v>5103.125</v>
      </c>
      <c r="TRT53" s="7">
        <f t="shared" si="766"/>
        <v>5103.125</v>
      </c>
      <c r="TRU53" s="7">
        <f t="shared" si="766"/>
        <v>5103.125</v>
      </c>
      <c r="TRV53" s="7">
        <f t="shared" si="766"/>
        <v>5103.125</v>
      </c>
      <c r="TRW53" s="7">
        <f t="shared" si="766"/>
        <v>5103.125</v>
      </c>
      <c r="TRX53" s="7">
        <f t="shared" si="766"/>
        <v>5103.125</v>
      </c>
      <c r="TRY53" s="7">
        <f t="shared" si="766"/>
        <v>5103.125</v>
      </c>
      <c r="TRZ53" s="7">
        <f t="shared" si="766"/>
        <v>5103.125</v>
      </c>
      <c r="TSA53" s="7">
        <f t="shared" si="766"/>
        <v>5103.125</v>
      </c>
      <c r="TSB53" s="7">
        <f t="shared" si="766"/>
        <v>5103.125</v>
      </c>
      <c r="TSC53" s="7">
        <f t="shared" si="766"/>
        <v>5103.125</v>
      </c>
      <c r="TSD53" s="7">
        <f t="shared" si="766"/>
        <v>5103.125</v>
      </c>
      <c r="TSE53" s="7">
        <f t="shared" si="766"/>
        <v>5103.125</v>
      </c>
      <c r="TSF53" s="7">
        <f t="shared" si="766"/>
        <v>5103.125</v>
      </c>
      <c r="TSG53" s="7">
        <f t="shared" si="766"/>
        <v>5103.125</v>
      </c>
      <c r="TSH53" s="7">
        <f t="shared" si="766"/>
        <v>5103.125</v>
      </c>
      <c r="TSI53" s="7">
        <f t="shared" si="766"/>
        <v>5103.125</v>
      </c>
      <c r="TSJ53" s="7">
        <f t="shared" si="766"/>
        <v>5103.125</v>
      </c>
      <c r="TSK53" s="7">
        <f t="shared" si="766"/>
        <v>5103.125</v>
      </c>
      <c r="TSL53" s="7">
        <f t="shared" ref="TSL53:TUW53" si="767">TSL48+TSK53</f>
        <v>5103.125</v>
      </c>
      <c r="TSM53" s="7">
        <f t="shared" si="767"/>
        <v>5103.125</v>
      </c>
      <c r="TSN53" s="7">
        <f t="shared" si="767"/>
        <v>5103.125</v>
      </c>
      <c r="TSO53" s="7">
        <f t="shared" si="767"/>
        <v>5103.125</v>
      </c>
      <c r="TSP53" s="7">
        <f t="shared" si="767"/>
        <v>5103.125</v>
      </c>
      <c r="TSQ53" s="7">
        <f t="shared" si="767"/>
        <v>5103.125</v>
      </c>
      <c r="TSR53" s="7">
        <f t="shared" si="767"/>
        <v>5103.125</v>
      </c>
      <c r="TSS53" s="7">
        <f t="shared" si="767"/>
        <v>5103.125</v>
      </c>
      <c r="TST53" s="7">
        <f t="shared" si="767"/>
        <v>5103.125</v>
      </c>
      <c r="TSU53" s="7">
        <f t="shared" si="767"/>
        <v>5103.125</v>
      </c>
      <c r="TSV53" s="7">
        <f t="shared" si="767"/>
        <v>5103.125</v>
      </c>
      <c r="TSW53" s="7">
        <f t="shared" si="767"/>
        <v>5103.125</v>
      </c>
      <c r="TSX53" s="7">
        <f t="shared" si="767"/>
        <v>5103.125</v>
      </c>
      <c r="TSY53" s="7">
        <f t="shared" si="767"/>
        <v>5103.125</v>
      </c>
      <c r="TSZ53" s="7">
        <f t="shared" si="767"/>
        <v>5103.125</v>
      </c>
      <c r="TTA53" s="7">
        <f t="shared" si="767"/>
        <v>5103.125</v>
      </c>
      <c r="TTB53" s="7">
        <f t="shared" si="767"/>
        <v>5103.125</v>
      </c>
      <c r="TTC53" s="7">
        <f t="shared" si="767"/>
        <v>5103.125</v>
      </c>
      <c r="TTD53" s="7">
        <f t="shared" si="767"/>
        <v>5103.125</v>
      </c>
      <c r="TTE53" s="7">
        <f t="shared" si="767"/>
        <v>5103.125</v>
      </c>
      <c r="TTF53" s="7">
        <f t="shared" si="767"/>
        <v>5103.125</v>
      </c>
      <c r="TTG53" s="7">
        <f t="shared" si="767"/>
        <v>5103.125</v>
      </c>
      <c r="TTH53" s="7">
        <f t="shared" si="767"/>
        <v>5103.125</v>
      </c>
      <c r="TTI53" s="7">
        <f t="shared" si="767"/>
        <v>5103.125</v>
      </c>
      <c r="TTJ53" s="7">
        <f t="shared" si="767"/>
        <v>5103.125</v>
      </c>
      <c r="TTK53" s="7">
        <f t="shared" si="767"/>
        <v>5103.125</v>
      </c>
      <c r="TTL53" s="7">
        <f t="shared" si="767"/>
        <v>5103.125</v>
      </c>
      <c r="TTM53" s="7">
        <f t="shared" si="767"/>
        <v>5103.125</v>
      </c>
      <c r="TTN53" s="7">
        <f t="shared" si="767"/>
        <v>5103.125</v>
      </c>
      <c r="TTO53" s="7">
        <f t="shared" si="767"/>
        <v>5103.125</v>
      </c>
      <c r="TTP53" s="7">
        <f t="shared" si="767"/>
        <v>5103.125</v>
      </c>
      <c r="TTQ53" s="7">
        <f t="shared" si="767"/>
        <v>5103.125</v>
      </c>
      <c r="TTR53" s="7">
        <f t="shared" si="767"/>
        <v>5103.125</v>
      </c>
      <c r="TTS53" s="7">
        <f t="shared" si="767"/>
        <v>5103.125</v>
      </c>
      <c r="TTT53" s="7">
        <f t="shared" si="767"/>
        <v>5103.125</v>
      </c>
      <c r="TTU53" s="7">
        <f t="shared" si="767"/>
        <v>5103.125</v>
      </c>
      <c r="TTV53" s="7">
        <f t="shared" si="767"/>
        <v>5103.125</v>
      </c>
      <c r="TTW53" s="7">
        <f t="shared" si="767"/>
        <v>5103.125</v>
      </c>
      <c r="TTX53" s="7">
        <f t="shared" si="767"/>
        <v>5103.125</v>
      </c>
      <c r="TTY53" s="7">
        <f t="shared" si="767"/>
        <v>5103.125</v>
      </c>
      <c r="TTZ53" s="7">
        <f t="shared" si="767"/>
        <v>5103.125</v>
      </c>
      <c r="TUA53" s="7">
        <f t="shared" si="767"/>
        <v>5103.125</v>
      </c>
      <c r="TUB53" s="7">
        <f t="shared" si="767"/>
        <v>5103.125</v>
      </c>
      <c r="TUC53" s="7">
        <f t="shared" si="767"/>
        <v>5103.125</v>
      </c>
      <c r="TUD53" s="7">
        <f t="shared" si="767"/>
        <v>5103.125</v>
      </c>
      <c r="TUE53" s="7">
        <f t="shared" si="767"/>
        <v>5103.125</v>
      </c>
      <c r="TUF53" s="7">
        <f t="shared" si="767"/>
        <v>5103.125</v>
      </c>
      <c r="TUG53" s="7">
        <f t="shared" si="767"/>
        <v>5103.125</v>
      </c>
      <c r="TUH53" s="7">
        <f t="shared" si="767"/>
        <v>5103.125</v>
      </c>
      <c r="TUI53" s="7">
        <f t="shared" si="767"/>
        <v>5103.125</v>
      </c>
      <c r="TUJ53" s="7">
        <f t="shared" si="767"/>
        <v>5103.125</v>
      </c>
      <c r="TUK53" s="7">
        <f t="shared" si="767"/>
        <v>5103.125</v>
      </c>
      <c r="TUL53" s="7">
        <f t="shared" si="767"/>
        <v>5103.125</v>
      </c>
      <c r="TUM53" s="7">
        <f t="shared" si="767"/>
        <v>5103.125</v>
      </c>
      <c r="TUN53" s="7">
        <f t="shared" si="767"/>
        <v>5103.125</v>
      </c>
      <c r="TUO53" s="7">
        <f t="shared" si="767"/>
        <v>5103.125</v>
      </c>
      <c r="TUP53" s="7">
        <f t="shared" si="767"/>
        <v>5103.125</v>
      </c>
      <c r="TUQ53" s="7">
        <f t="shared" si="767"/>
        <v>5103.125</v>
      </c>
      <c r="TUR53" s="7">
        <f t="shared" si="767"/>
        <v>5103.125</v>
      </c>
      <c r="TUS53" s="7">
        <f t="shared" si="767"/>
        <v>5103.125</v>
      </c>
      <c r="TUT53" s="7">
        <f t="shared" si="767"/>
        <v>5103.125</v>
      </c>
      <c r="TUU53" s="7">
        <f t="shared" si="767"/>
        <v>5103.125</v>
      </c>
      <c r="TUV53" s="7">
        <f t="shared" si="767"/>
        <v>5103.125</v>
      </c>
      <c r="TUW53" s="7">
        <f t="shared" si="767"/>
        <v>5103.125</v>
      </c>
      <c r="TUX53" s="7">
        <f t="shared" ref="TUX53:TXI53" si="768">TUX48+TUW53</f>
        <v>5103.125</v>
      </c>
      <c r="TUY53" s="7">
        <f t="shared" si="768"/>
        <v>5103.125</v>
      </c>
      <c r="TUZ53" s="7">
        <f t="shared" si="768"/>
        <v>5103.125</v>
      </c>
      <c r="TVA53" s="7">
        <f t="shared" si="768"/>
        <v>5103.125</v>
      </c>
      <c r="TVB53" s="7">
        <f t="shared" si="768"/>
        <v>5103.125</v>
      </c>
      <c r="TVC53" s="7">
        <f t="shared" si="768"/>
        <v>5103.125</v>
      </c>
      <c r="TVD53" s="7">
        <f t="shared" si="768"/>
        <v>5103.125</v>
      </c>
      <c r="TVE53" s="7">
        <f t="shared" si="768"/>
        <v>5103.125</v>
      </c>
      <c r="TVF53" s="7">
        <f t="shared" si="768"/>
        <v>5103.125</v>
      </c>
      <c r="TVG53" s="7">
        <f t="shared" si="768"/>
        <v>5103.125</v>
      </c>
      <c r="TVH53" s="7">
        <f t="shared" si="768"/>
        <v>5103.125</v>
      </c>
      <c r="TVI53" s="7">
        <f t="shared" si="768"/>
        <v>5103.125</v>
      </c>
      <c r="TVJ53" s="7">
        <f t="shared" si="768"/>
        <v>5103.125</v>
      </c>
      <c r="TVK53" s="7">
        <f t="shared" si="768"/>
        <v>5103.125</v>
      </c>
      <c r="TVL53" s="7">
        <f t="shared" si="768"/>
        <v>5103.125</v>
      </c>
      <c r="TVM53" s="7">
        <f t="shared" si="768"/>
        <v>5103.125</v>
      </c>
      <c r="TVN53" s="7">
        <f t="shared" si="768"/>
        <v>5103.125</v>
      </c>
      <c r="TVO53" s="7">
        <f t="shared" si="768"/>
        <v>5103.125</v>
      </c>
      <c r="TVP53" s="7">
        <f t="shared" si="768"/>
        <v>5103.125</v>
      </c>
      <c r="TVQ53" s="7">
        <f t="shared" si="768"/>
        <v>5103.125</v>
      </c>
      <c r="TVR53" s="7">
        <f t="shared" si="768"/>
        <v>5103.125</v>
      </c>
      <c r="TVS53" s="7">
        <f t="shared" si="768"/>
        <v>5103.125</v>
      </c>
      <c r="TVT53" s="7">
        <f t="shared" si="768"/>
        <v>5103.125</v>
      </c>
      <c r="TVU53" s="7">
        <f t="shared" si="768"/>
        <v>5103.125</v>
      </c>
      <c r="TVV53" s="7">
        <f t="shared" si="768"/>
        <v>5103.125</v>
      </c>
      <c r="TVW53" s="7">
        <f t="shared" si="768"/>
        <v>5103.125</v>
      </c>
      <c r="TVX53" s="7">
        <f t="shared" si="768"/>
        <v>5103.125</v>
      </c>
      <c r="TVY53" s="7">
        <f t="shared" si="768"/>
        <v>5103.125</v>
      </c>
      <c r="TVZ53" s="7">
        <f t="shared" si="768"/>
        <v>5103.125</v>
      </c>
      <c r="TWA53" s="7">
        <f t="shared" si="768"/>
        <v>5103.125</v>
      </c>
      <c r="TWB53" s="7">
        <f t="shared" si="768"/>
        <v>5103.125</v>
      </c>
      <c r="TWC53" s="7">
        <f t="shared" si="768"/>
        <v>5103.125</v>
      </c>
      <c r="TWD53" s="7">
        <f t="shared" si="768"/>
        <v>5103.125</v>
      </c>
      <c r="TWE53" s="7">
        <f t="shared" si="768"/>
        <v>5103.125</v>
      </c>
      <c r="TWF53" s="7">
        <f t="shared" si="768"/>
        <v>5103.125</v>
      </c>
      <c r="TWG53" s="7">
        <f t="shared" si="768"/>
        <v>5103.125</v>
      </c>
      <c r="TWH53" s="7">
        <f t="shared" si="768"/>
        <v>5103.125</v>
      </c>
      <c r="TWI53" s="7">
        <f t="shared" si="768"/>
        <v>5103.125</v>
      </c>
      <c r="TWJ53" s="7">
        <f t="shared" si="768"/>
        <v>5103.125</v>
      </c>
      <c r="TWK53" s="7">
        <f t="shared" si="768"/>
        <v>5103.125</v>
      </c>
      <c r="TWL53" s="7">
        <f t="shared" si="768"/>
        <v>5103.125</v>
      </c>
      <c r="TWM53" s="7">
        <f t="shared" si="768"/>
        <v>5103.125</v>
      </c>
      <c r="TWN53" s="7">
        <f t="shared" si="768"/>
        <v>5103.125</v>
      </c>
      <c r="TWO53" s="7">
        <f t="shared" si="768"/>
        <v>5103.125</v>
      </c>
      <c r="TWP53" s="7">
        <f t="shared" si="768"/>
        <v>5103.125</v>
      </c>
      <c r="TWQ53" s="7">
        <f t="shared" si="768"/>
        <v>5103.125</v>
      </c>
      <c r="TWR53" s="7">
        <f t="shared" si="768"/>
        <v>5103.125</v>
      </c>
      <c r="TWS53" s="7">
        <f t="shared" si="768"/>
        <v>5103.125</v>
      </c>
      <c r="TWT53" s="7">
        <f t="shared" si="768"/>
        <v>5103.125</v>
      </c>
      <c r="TWU53" s="7">
        <f t="shared" si="768"/>
        <v>5103.125</v>
      </c>
      <c r="TWV53" s="7">
        <f t="shared" si="768"/>
        <v>5103.125</v>
      </c>
      <c r="TWW53" s="7">
        <f t="shared" si="768"/>
        <v>5103.125</v>
      </c>
      <c r="TWX53" s="7">
        <f t="shared" si="768"/>
        <v>5103.125</v>
      </c>
      <c r="TWY53" s="7">
        <f t="shared" si="768"/>
        <v>5103.125</v>
      </c>
      <c r="TWZ53" s="7">
        <f t="shared" si="768"/>
        <v>5103.125</v>
      </c>
      <c r="TXA53" s="7">
        <f t="shared" si="768"/>
        <v>5103.125</v>
      </c>
      <c r="TXB53" s="7">
        <f t="shared" si="768"/>
        <v>5103.125</v>
      </c>
      <c r="TXC53" s="7">
        <f t="shared" si="768"/>
        <v>5103.125</v>
      </c>
      <c r="TXD53" s="7">
        <f t="shared" si="768"/>
        <v>5103.125</v>
      </c>
      <c r="TXE53" s="7">
        <f t="shared" si="768"/>
        <v>5103.125</v>
      </c>
      <c r="TXF53" s="7">
        <f t="shared" si="768"/>
        <v>5103.125</v>
      </c>
      <c r="TXG53" s="7">
        <f t="shared" si="768"/>
        <v>5103.125</v>
      </c>
      <c r="TXH53" s="7">
        <f t="shared" si="768"/>
        <v>5103.125</v>
      </c>
      <c r="TXI53" s="7">
        <f t="shared" si="768"/>
        <v>5103.125</v>
      </c>
      <c r="TXJ53" s="7">
        <f t="shared" ref="TXJ53:TZU53" si="769">TXJ48+TXI53</f>
        <v>5103.125</v>
      </c>
      <c r="TXK53" s="7">
        <f t="shared" si="769"/>
        <v>5103.125</v>
      </c>
      <c r="TXL53" s="7">
        <f t="shared" si="769"/>
        <v>5103.125</v>
      </c>
      <c r="TXM53" s="7">
        <f t="shared" si="769"/>
        <v>5103.125</v>
      </c>
      <c r="TXN53" s="7">
        <f t="shared" si="769"/>
        <v>5103.125</v>
      </c>
      <c r="TXO53" s="7">
        <f t="shared" si="769"/>
        <v>5103.125</v>
      </c>
      <c r="TXP53" s="7">
        <f t="shared" si="769"/>
        <v>5103.125</v>
      </c>
      <c r="TXQ53" s="7">
        <f t="shared" si="769"/>
        <v>5103.125</v>
      </c>
      <c r="TXR53" s="7">
        <f t="shared" si="769"/>
        <v>5103.125</v>
      </c>
      <c r="TXS53" s="7">
        <f t="shared" si="769"/>
        <v>5103.125</v>
      </c>
      <c r="TXT53" s="7">
        <f t="shared" si="769"/>
        <v>5103.125</v>
      </c>
      <c r="TXU53" s="7">
        <f t="shared" si="769"/>
        <v>5103.125</v>
      </c>
      <c r="TXV53" s="7">
        <f t="shared" si="769"/>
        <v>5103.125</v>
      </c>
      <c r="TXW53" s="7">
        <f t="shared" si="769"/>
        <v>5103.125</v>
      </c>
      <c r="TXX53" s="7">
        <f t="shared" si="769"/>
        <v>5103.125</v>
      </c>
      <c r="TXY53" s="7">
        <f t="shared" si="769"/>
        <v>5103.125</v>
      </c>
      <c r="TXZ53" s="7">
        <f t="shared" si="769"/>
        <v>5103.125</v>
      </c>
      <c r="TYA53" s="7">
        <f t="shared" si="769"/>
        <v>5103.125</v>
      </c>
      <c r="TYB53" s="7">
        <f t="shared" si="769"/>
        <v>5103.125</v>
      </c>
      <c r="TYC53" s="7">
        <f t="shared" si="769"/>
        <v>5103.125</v>
      </c>
      <c r="TYD53" s="7">
        <f t="shared" si="769"/>
        <v>5103.125</v>
      </c>
      <c r="TYE53" s="7">
        <f t="shared" si="769"/>
        <v>5103.125</v>
      </c>
      <c r="TYF53" s="7">
        <f t="shared" si="769"/>
        <v>5103.125</v>
      </c>
      <c r="TYG53" s="7">
        <f t="shared" si="769"/>
        <v>5103.125</v>
      </c>
      <c r="TYH53" s="7">
        <f t="shared" si="769"/>
        <v>5103.125</v>
      </c>
      <c r="TYI53" s="7">
        <f t="shared" si="769"/>
        <v>5103.125</v>
      </c>
      <c r="TYJ53" s="7">
        <f t="shared" si="769"/>
        <v>5103.125</v>
      </c>
      <c r="TYK53" s="7">
        <f t="shared" si="769"/>
        <v>5103.125</v>
      </c>
      <c r="TYL53" s="7">
        <f t="shared" si="769"/>
        <v>5103.125</v>
      </c>
      <c r="TYM53" s="7">
        <f t="shared" si="769"/>
        <v>5103.125</v>
      </c>
      <c r="TYN53" s="7">
        <f t="shared" si="769"/>
        <v>5103.125</v>
      </c>
      <c r="TYO53" s="7">
        <f t="shared" si="769"/>
        <v>5103.125</v>
      </c>
      <c r="TYP53" s="7">
        <f t="shared" si="769"/>
        <v>5103.125</v>
      </c>
      <c r="TYQ53" s="7">
        <f t="shared" si="769"/>
        <v>5103.125</v>
      </c>
      <c r="TYR53" s="7">
        <f t="shared" si="769"/>
        <v>5103.125</v>
      </c>
      <c r="TYS53" s="7">
        <f t="shared" si="769"/>
        <v>5103.125</v>
      </c>
      <c r="TYT53" s="7">
        <f t="shared" si="769"/>
        <v>5103.125</v>
      </c>
      <c r="TYU53" s="7">
        <f t="shared" si="769"/>
        <v>5103.125</v>
      </c>
      <c r="TYV53" s="7">
        <f t="shared" si="769"/>
        <v>5103.125</v>
      </c>
      <c r="TYW53" s="7">
        <f t="shared" si="769"/>
        <v>5103.125</v>
      </c>
      <c r="TYX53" s="7">
        <f t="shared" si="769"/>
        <v>5103.125</v>
      </c>
      <c r="TYY53" s="7">
        <f t="shared" si="769"/>
        <v>5103.125</v>
      </c>
      <c r="TYZ53" s="7">
        <f t="shared" si="769"/>
        <v>5103.125</v>
      </c>
      <c r="TZA53" s="7">
        <f t="shared" si="769"/>
        <v>5103.125</v>
      </c>
      <c r="TZB53" s="7">
        <f t="shared" si="769"/>
        <v>5103.125</v>
      </c>
      <c r="TZC53" s="7">
        <f t="shared" si="769"/>
        <v>5103.125</v>
      </c>
      <c r="TZD53" s="7">
        <f t="shared" si="769"/>
        <v>5103.125</v>
      </c>
      <c r="TZE53" s="7">
        <f t="shared" si="769"/>
        <v>5103.125</v>
      </c>
      <c r="TZF53" s="7">
        <f t="shared" si="769"/>
        <v>5103.125</v>
      </c>
      <c r="TZG53" s="7">
        <f t="shared" si="769"/>
        <v>5103.125</v>
      </c>
      <c r="TZH53" s="7">
        <f t="shared" si="769"/>
        <v>5103.125</v>
      </c>
      <c r="TZI53" s="7">
        <f t="shared" si="769"/>
        <v>5103.125</v>
      </c>
      <c r="TZJ53" s="7">
        <f t="shared" si="769"/>
        <v>5103.125</v>
      </c>
      <c r="TZK53" s="7">
        <f t="shared" si="769"/>
        <v>5103.125</v>
      </c>
      <c r="TZL53" s="7">
        <f t="shared" si="769"/>
        <v>5103.125</v>
      </c>
      <c r="TZM53" s="7">
        <f t="shared" si="769"/>
        <v>5103.125</v>
      </c>
      <c r="TZN53" s="7">
        <f t="shared" si="769"/>
        <v>5103.125</v>
      </c>
      <c r="TZO53" s="7">
        <f t="shared" si="769"/>
        <v>5103.125</v>
      </c>
      <c r="TZP53" s="7">
        <f t="shared" si="769"/>
        <v>5103.125</v>
      </c>
      <c r="TZQ53" s="7">
        <f t="shared" si="769"/>
        <v>5103.125</v>
      </c>
      <c r="TZR53" s="7">
        <f t="shared" si="769"/>
        <v>5103.125</v>
      </c>
      <c r="TZS53" s="7">
        <f t="shared" si="769"/>
        <v>5103.125</v>
      </c>
      <c r="TZT53" s="7">
        <f t="shared" si="769"/>
        <v>5103.125</v>
      </c>
      <c r="TZU53" s="7">
        <f t="shared" si="769"/>
        <v>5103.125</v>
      </c>
      <c r="TZV53" s="7">
        <f t="shared" ref="TZV53:UCG53" si="770">TZV48+TZU53</f>
        <v>5103.125</v>
      </c>
      <c r="TZW53" s="7">
        <f t="shared" si="770"/>
        <v>5103.125</v>
      </c>
      <c r="TZX53" s="7">
        <f t="shared" si="770"/>
        <v>5103.125</v>
      </c>
      <c r="TZY53" s="7">
        <f t="shared" si="770"/>
        <v>5103.125</v>
      </c>
      <c r="TZZ53" s="7">
        <f t="shared" si="770"/>
        <v>5103.125</v>
      </c>
      <c r="UAA53" s="7">
        <f t="shared" si="770"/>
        <v>5103.125</v>
      </c>
      <c r="UAB53" s="7">
        <f t="shared" si="770"/>
        <v>5103.125</v>
      </c>
      <c r="UAC53" s="7">
        <f t="shared" si="770"/>
        <v>5103.125</v>
      </c>
      <c r="UAD53" s="7">
        <f t="shared" si="770"/>
        <v>5103.125</v>
      </c>
      <c r="UAE53" s="7">
        <f t="shared" si="770"/>
        <v>5103.125</v>
      </c>
      <c r="UAF53" s="7">
        <f t="shared" si="770"/>
        <v>5103.125</v>
      </c>
      <c r="UAG53" s="7">
        <f t="shared" si="770"/>
        <v>5103.125</v>
      </c>
      <c r="UAH53" s="7">
        <f t="shared" si="770"/>
        <v>5103.125</v>
      </c>
      <c r="UAI53" s="7">
        <f t="shared" si="770"/>
        <v>5103.125</v>
      </c>
      <c r="UAJ53" s="7">
        <f t="shared" si="770"/>
        <v>5103.125</v>
      </c>
      <c r="UAK53" s="7">
        <f t="shared" si="770"/>
        <v>5103.125</v>
      </c>
      <c r="UAL53" s="7">
        <f t="shared" si="770"/>
        <v>5103.125</v>
      </c>
      <c r="UAM53" s="7">
        <f t="shared" si="770"/>
        <v>5103.125</v>
      </c>
      <c r="UAN53" s="7">
        <f t="shared" si="770"/>
        <v>5103.125</v>
      </c>
      <c r="UAO53" s="7">
        <f t="shared" si="770"/>
        <v>5103.125</v>
      </c>
      <c r="UAP53" s="7">
        <f t="shared" si="770"/>
        <v>5103.125</v>
      </c>
      <c r="UAQ53" s="7">
        <f t="shared" si="770"/>
        <v>5103.125</v>
      </c>
      <c r="UAR53" s="7">
        <f t="shared" si="770"/>
        <v>5103.125</v>
      </c>
      <c r="UAS53" s="7">
        <f t="shared" si="770"/>
        <v>5103.125</v>
      </c>
      <c r="UAT53" s="7">
        <f t="shared" si="770"/>
        <v>5103.125</v>
      </c>
      <c r="UAU53" s="7">
        <f t="shared" si="770"/>
        <v>5103.125</v>
      </c>
      <c r="UAV53" s="7">
        <f t="shared" si="770"/>
        <v>5103.125</v>
      </c>
      <c r="UAW53" s="7">
        <f t="shared" si="770"/>
        <v>5103.125</v>
      </c>
      <c r="UAX53" s="7">
        <f t="shared" si="770"/>
        <v>5103.125</v>
      </c>
      <c r="UAY53" s="7">
        <f t="shared" si="770"/>
        <v>5103.125</v>
      </c>
      <c r="UAZ53" s="7">
        <f t="shared" si="770"/>
        <v>5103.125</v>
      </c>
      <c r="UBA53" s="7">
        <f t="shared" si="770"/>
        <v>5103.125</v>
      </c>
      <c r="UBB53" s="7">
        <f t="shared" si="770"/>
        <v>5103.125</v>
      </c>
      <c r="UBC53" s="7">
        <f t="shared" si="770"/>
        <v>5103.125</v>
      </c>
      <c r="UBD53" s="7">
        <f t="shared" si="770"/>
        <v>5103.125</v>
      </c>
      <c r="UBE53" s="7">
        <f t="shared" si="770"/>
        <v>5103.125</v>
      </c>
      <c r="UBF53" s="7">
        <f t="shared" si="770"/>
        <v>5103.125</v>
      </c>
      <c r="UBG53" s="7">
        <f t="shared" si="770"/>
        <v>5103.125</v>
      </c>
      <c r="UBH53" s="7">
        <f t="shared" si="770"/>
        <v>5103.125</v>
      </c>
      <c r="UBI53" s="7">
        <f t="shared" si="770"/>
        <v>5103.125</v>
      </c>
      <c r="UBJ53" s="7">
        <f t="shared" si="770"/>
        <v>5103.125</v>
      </c>
      <c r="UBK53" s="7">
        <f t="shared" si="770"/>
        <v>5103.125</v>
      </c>
      <c r="UBL53" s="7">
        <f t="shared" si="770"/>
        <v>5103.125</v>
      </c>
      <c r="UBM53" s="7">
        <f t="shared" si="770"/>
        <v>5103.125</v>
      </c>
      <c r="UBN53" s="7">
        <f t="shared" si="770"/>
        <v>5103.125</v>
      </c>
      <c r="UBO53" s="7">
        <f t="shared" si="770"/>
        <v>5103.125</v>
      </c>
      <c r="UBP53" s="7">
        <f t="shared" si="770"/>
        <v>5103.125</v>
      </c>
      <c r="UBQ53" s="7">
        <f t="shared" si="770"/>
        <v>5103.125</v>
      </c>
      <c r="UBR53" s="7">
        <f t="shared" si="770"/>
        <v>5103.125</v>
      </c>
      <c r="UBS53" s="7">
        <f t="shared" si="770"/>
        <v>5103.125</v>
      </c>
      <c r="UBT53" s="7">
        <f t="shared" si="770"/>
        <v>5103.125</v>
      </c>
      <c r="UBU53" s="7">
        <f t="shared" si="770"/>
        <v>5103.125</v>
      </c>
      <c r="UBV53" s="7">
        <f t="shared" si="770"/>
        <v>5103.125</v>
      </c>
      <c r="UBW53" s="7">
        <f t="shared" si="770"/>
        <v>5103.125</v>
      </c>
      <c r="UBX53" s="7">
        <f t="shared" si="770"/>
        <v>5103.125</v>
      </c>
      <c r="UBY53" s="7">
        <f t="shared" si="770"/>
        <v>5103.125</v>
      </c>
      <c r="UBZ53" s="7">
        <f t="shared" si="770"/>
        <v>5103.125</v>
      </c>
      <c r="UCA53" s="7">
        <f t="shared" si="770"/>
        <v>5103.125</v>
      </c>
      <c r="UCB53" s="7">
        <f t="shared" si="770"/>
        <v>5103.125</v>
      </c>
      <c r="UCC53" s="7">
        <f t="shared" si="770"/>
        <v>5103.125</v>
      </c>
      <c r="UCD53" s="7">
        <f t="shared" si="770"/>
        <v>5103.125</v>
      </c>
      <c r="UCE53" s="7">
        <f t="shared" si="770"/>
        <v>5103.125</v>
      </c>
      <c r="UCF53" s="7">
        <f t="shared" si="770"/>
        <v>5103.125</v>
      </c>
      <c r="UCG53" s="7">
        <f t="shared" si="770"/>
        <v>5103.125</v>
      </c>
      <c r="UCH53" s="7">
        <f t="shared" ref="UCH53:UES53" si="771">UCH48+UCG53</f>
        <v>5103.125</v>
      </c>
      <c r="UCI53" s="7">
        <f t="shared" si="771"/>
        <v>5103.125</v>
      </c>
      <c r="UCJ53" s="7">
        <f t="shared" si="771"/>
        <v>5103.125</v>
      </c>
      <c r="UCK53" s="7">
        <f t="shared" si="771"/>
        <v>5103.125</v>
      </c>
      <c r="UCL53" s="7">
        <f t="shared" si="771"/>
        <v>5103.125</v>
      </c>
      <c r="UCM53" s="7">
        <f t="shared" si="771"/>
        <v>5103.125</v>
      </c>
      <c r="UCN53" s="7">
        <f t="shared" si="771"/>
        <v>5103.125</v>
      </c>
      <c r="UCO53" s="7">
        <f t="shared" si="771"/>
        <v>5103.125</v>
      </c>
      <c r="UCP53" s="7">
        <f t="shared" si="771"/>
        <v>5103.125</v>
      </c>
      <c r="UCQ53" s="7">
        <f t="shared" si="771"/>
        <v>5103.125</v>
      </c>
      <c r="UCR53" s="7">
        <f t="shared" si="771"/>
        <v>5103.125</v>
      </c>
      <c r="UCS53" s="7">
        <f t="shared" si="771"/>
        <v>5103.125</v>
      </c>
      <c r="UCT53" s="7">
        <f t="shared" si="771"/>
        <v>5103.125</v>
      </c>
      <c r="UCU53" s="7">
        <f t="shared" si="771"/>
        <v>5103.125</v>
      </c>
      <c r="UCV53" s="7">
        <f t="shared" si="771"/>
        <v>5103.125</v>
      </c>
      <c r="UCW53" s="7">
        <f t="shared" si="771"/>
        <v>5103.125</v>
      </c>
      <c r="UCX53" s="7">
        <f t="shared" si="771"/>
        <v>5103.125</v>
      </c>
      <c r="UCY53" s="7">
        <f t="shared" si="771"/>
        <v>5103.125</v>
      </c>
      <c r="UCZ53" s="7">
        <f t="shared" si="771"/>
        <v>5103.125</v>
      </c>
      <c r="UDA53" s="7">
        <f t="shared" si="771"/>
        <v>5103.125</v>
      </c>
      <c r="UDB53" s="7">
        <f t="shared" si="771"/>
        <v>5103.125</v>
      </c>
      <c r="UDC53" s="7">
        <f t="shared" si="771"/>
        <v>5103.125</v>
      </c>
      <c r="UDD53" s="7">
        <f t="shared" si="771"/>
        <v>5103.125</v>
      </c>
      <c r="UDE53" s="7">
        <f t="shared" si="771"/>
        <v>5103.125</v>
      </c>
      <c r="UDF53" s="7">
        <f t="shared" si="771"/>
        <v>5103.125</v>
      </c>
      <c r="UDG53" s="7">
        <f t="shared" si="771"/>
        <v>5103.125</v>
      </c>
      <c r="UDH53" s="7">
        <f t="shared" si="771"/>
        <v>5103.125</v>
      </c>
      <c r="UDI53" s="7">
        <f t="shared" si="771"/>
        <v>5103.125</v>
      </c>
      <c r="UDJ53" s="7">
        <f t="shared" si="771"/>
        <v>5103.125</v>
      </c>
      <c r="UDK53" s="7">
        <f t="shared" si="771"/>
        <v>5103.125</v>
      </c>
      <c r="UDL53" s="7">
        <f t="shared" si="771"/>
        <v>5103.125</v>
      </c>
      <c r="UDM53" s="7">
        <f t="shared" si="771"/>
        <v>5103.125</v>
      </c>
      <c r="UDN53" s="7">
        <f t="shared" si="771"/>
        <v>5103.125</v>
      </c>
      <c r="UDO53" s="7">
        <f t="shared" si="771"/>
        <v>5103.125</v>
      </c>
      <c r="UDP53" s="7">
        <f t="shared" si="771"/>
        <v>5103.125</v>
      </c>
      <c r="UDQ53" s="7">
        <f t="shared" si="771"/>
        <v>5103.125</v>
      </c>
      <c r="UDR53" s="7">
        <f t="shared" si="771"/>
        <v>5103.125</v>
      </c>
      <c r="UDS53" s="7">
        <f t="shared" si="771"/>
        <v>5103.125</v>
      </c>
      <c r="UDT53" s="7">
        <f t="shared" si="771"/>
        <v>5103.125</v>
      </c>
      <c r="UDU53" s="7">
        <f t="shared" si="771"/>
        <v>5103.125</v>
      </c>
      <c r="UDV53" s="7">
        <f t="shared" si="771"/>
        <v>5103.125</v>
      </c>
      <c r="UDW53" s="7">
        <f t="shared" si="771"/>
        <v>5103.125</v>
      </c>
      <c r="UDX53" s="7">
        <f t="shared" si="771"/>
        <v>5103.125</v>
      </c>
      <c r="UDY53" s="7">
        <f t="shared" si="771"/>
        <v>5103.125</v>
      </c>
      <c r="UDZ53" s="7">
        <f t="shared" si="771"/>
        <v>5103.125</v>
      </c>
      <c r="UEA53" s="7">
        <f t="shared" si="771"/>
        <v>5103.125</v>
      </c>
      <c r="UEB53" s="7">
        <f t="shared" si="771"/>
        <v>5103.125</v>
      </c>
      <c r="UEC53" s="7">
        <f t="shared" si="771"/>
        <v>5103.125</v>
      </c>
      <c r="UED53" s="7">
        <f t="shared" si="771"/>
        <v>5103.125</v>
      </c>
      <c r="UEE53" s="7">
        <f t="shared" si="771"/>
        <v>5103.125</v>
      </c>
      <c r="UEF53" s="7">
        <f t="shared" si="771"/>
        <v>5103.125</v>
      </c>
      <c r="UEG53" s="7">
        <f t="shared" si="771"/>
        <v>5103.125</v>
      </c>
      <c r="UEH53" s="7">
        <f t="shared" si="771"/>
        <v>5103.125</v>
      </c>
      <c r="UEI53" s="7">
        <f t="shared" si="771"/>
        <v>5103.125</v>
      </c>
      <c r="UEJ53" s="7">
        <f t="shared" si="771"/>
        <v>5103.125</v>
      </c>
      <c r="UEK53" s="7">
        <f t="shared" si="771"/>
        <v>5103.125</v>
      </c>
      <c r="UEL53" s="7">
        <f t="shared" si="771"/>
        <v>5103.125</v>
      </c>
      <c r="UEM53" s="7">
        <f t="shared" si="771"/>
        <v>5103.125</v>
      </c>
      <c r="UEN53" s="7">
        <f t="shared" si="771"/>
        <v>5103.125</v>
      </c>
      <c r="UEO53" s="7">
        <f t="shared" si="771"/>
        <v>5103.125</v>
      </c>
      <c r="UEP53" s="7">
        <f t="shared" si="771"/>
        <v>5103.125</v>
      </c>
      <c r="UEQ53" s="7">
        <f t="shared" si="771"/>
        <v>5103.125</v>
      </c>
      <c r="UER53" s="7">
        <f t="shared" si="771"/>
        <v>5103.125</v>
      </c>
      <c r="UES53" s="7">
        <f t="shared" si="771"/>
        <v>5103.125</v>
      </c>
      <c r="UET53" s="7">
        <f t="shared" ref="UET53:UHE53" si="772">UET48+UES53</f>
        <v>5103.125</v>
      </c>
      <c r="UEU53" s="7">
        <f t="shared" si="772"/>
        <v>5103.125</v>
      </c>
      <c r="UEV53" s="7">
        <f t="shared" si="772"/>
        <v>5103.125</v>
      </c>
      <c r="UEW53" s="7">
        <f t="shared" si="772"/>
        <v>5103.125</v>
      </c>
      <c r="UEX53" s="7">
        <f t="shared" si="772"/>
        <v>5103.125</v>
      </c>
      <c r="UEY53" s="7">
        <f t="shared" si="772"/>
        <v>5103.125</v>
      </c>
      <c r="UEZ53" s="7">
        <f t="shared" si="772"/>
        <v>5103.125</v>
      </c>
      <c r="UFA53" s="7">
        <f t="shared" si="772"/>
        <v>5103.125</v>
      </c>
      <c r="UFB53" s="7">
        <f t="shared" si="772"/>
        <v>5103.125</v>
      </c>
      <c r="UFC53" s="7">
        <f t="shared" si="772"/>
        <v>5103.125</v>
      </c>
      <c r="UFD53" s="7">
        <f t="shared" si="772"/>
        <v>5103.125</v>
      </c>
      <c r="UFE53" s="7">
        <f t="shared" si="772"/>
        <v>5103.125</v>
      </c>
      <c r="UFF53" s="7">
        <f t="shared" si="772"/>
        <v>5103.125</v>
      </c>
      <c r="UFG53" s="7">
        <f t="shared" si="772"/>
        <v>5103.125</v>
      </c>
      <c r="UFH53" s="7">
        <f t="shared" si="772"/>
        <v>5103.125</v>
      </c>
      <c r="UFI53" s="7">
        <f t="shared" si="772"/>
        <v>5103.125</v>
      </c>
      <c r="UFJ53" s="7">
        <f t="shared" si="772"/>
        <v>5103.125</v>
      </c>
      <c r="UFK53" s="7">
        <f t="shared" si="772"/>
        <v>5103.125</v>
      </c>
      <c r="UFL53" s="7">
        <f t="shared" si="772"/>
        <v>5103.125</v>
      </c>
      <c r="UFM53" s="7">
        <f t="shared" si="772"/>
        <v>5103.125</v>
      </c>
      <c r="UFN53" s="7">
        <f t="shared" si="772"/>
        <v>5103.125</v>
      </c>
      <c r="UFO53" s="7">
        <f t="shared" si="772"/>
        <v>5103.125</v>
      </c>
      <c r="UFP53" s="7">
        <f t="shared" si="772"/>
        <v>5103.125</v>
      </c>
      <c r="UFQ53" s="7">
        <f t="shared" si="772"/>
        <v>5103.125</v>
      </c>
      <c r="UFR53" s="7">
        <f t="shared" si="772"/>
        <v>5103.125</v>
      </c>
      <c r="UFS53" s="7">
        <f t="shared" si="772"/>
        <v>5103.125</v>
      </c>
      <c r="UFT53" s="7">
        <f t="shared" si="772"/>
        <v>5103.125</v>
      </c>
      <c r="UFU53" s="7">
        <f t="shared" si="772"/>
        <v>5103.125</v>
      </c>
      <c r="UFV53" s="7">
        <f t="shared" si="772"/>
        <v>5103.125</v>
      </c>
      <c r="UFW53" s="7">
        <f t="shared" si="772"/>
        <v>5103.125</v>
      </c>
      <c r="UFX53" s="7">
        <f t="shared" si="772"/>
        <v>5103.125</v>
      </c>
      <c r="UFY53" s="7">
        <f t="shared" si="772"/>
        <v>5103.125</v>
      </c>
      <c r="UFZ53" s="7">
        <f t="shared" si="772"/>
        <v>5103.125</v>
      </c>
      <c r="UGA53" s="7">
        <f t="shared" si="772"/>
        <v>5103.125</v>
      </c>
      <c r="UGB53" s="7">
        <f t="shared" si="772"/>
        <v>5103.125</v>
      </c>
      <c r="UGC53" s="7">
        <f t="shared" si="772"/>
        <v>5103.125</v>
      </c>
      <c r="UGD53" s="7">
        <f t="shared" si="772"/>
        <v>5103.125</v>
      </c>
      <c r="UGE53" s="7">
        <f t="shared" si="772"/>
        <v>5103.125</v>
      </c>
      <c r="UGF53" s="7">
        <f t="shared" si="772"/>
        <v>5103.125</v>
      </c>
      <c r="UGG53" s="7">
        <f t="shared" si="772"/>
        <v>5103.125</v>
      </c>
      <c r="UGH53" s="7">
        <f t="shared" si="772"/>
        <v>5103.125</v>
      </c>
      <c r="UGI53" s="7">
        <f t="shared" si="772"/>
        <v>5103.125</v>
      </c>
      <c r="UGJ53" s="7">
        <f t="shared" si="772"/>
        <v>5103.125</v>
      </c>
      <c r="UGK53" s="7">
        <f t="shared" si="772"/>
        <v>5103.125</v>
      </c>
      <c r="UGL53" s="7">
        <f t="shared" si="772"/>
        <v>5103.125</v>
      </c>
      <c r="UGM53" s="7">
        <f t="shared" si="772"/>
        <v>5103.125</v>
      </c>
      <c r="UGN53" s="7">
        <f t="shared" si="772"/>
        <v>5103.125</v>
      </c>
      <c r="UGO53" s="7">
        <f t="shared" si="772"/>
        <v>5103.125</v>
      </c>
      <c r="UGP53" s="7">
        <f t="shared" si="772"/>
        <v>5103.125</v>
      </c>
      <c r="UGQ53" s="7">
        <f t="shared" si="772"/>
        <v>5103.125</v>
      </c>
      <c r="UGR53" s="7">
        <f t="shared" si="772"/>
        <v>5103.125</v>
      </c>
      <c r="UGS53" s="7">
        <f t="shared" si="772"/>
        <v>5103.125</v>
      </c>
      <c r="UGT53" s="7">
        <f t="shared" si="772"/>
        <v>5103.125</v>
      </c>
      <c r="UGU53" s="7">
        <f t="shared" si="772"/>
        <v>5103.125</v>
      </c>
      <c r="UGV53" s="7">
        <f t="shared" si="772"/>
        <v>5103.125</v>
      </c>
      <c r="UGW53" s="7">
        <f t="shared" si="772"/>
        <v>5103.125</v>
      </c>
      <c r="UGX53" s="7">
        <f t="shared" si="772"/>
        <v>5103.125</v>
      </c>
      <c r="UGY53" s="7">
        <f t="shared" si="772"/>
        <v>5103.125</v>
      </c>
      <c r="UGZ53" s="7">
        <f t="shared" si="772"/>
        <v>5103.125</v>
      </c>
      <c r="UHA53" s="7">
        <f t="shared" si="772"/>
        <v>5103.125</v>
      </c>
      <c r="UHB53" s="7">
        <f t="shared" si="772"/>
        <v>5103.125</v>
      </c>
      <c r="UHC53" s="7">
        <f t="shared" si="772"/>
        <v>5103.125</v>
      </c>
      <c r="UHD53" s="7">
        <f t="shared" si="772"/>
        <v>5103.125</v>
      </c>
      <c r="UHE53" s="7">
        <f t="shared" si="772"/>
        <v>5103.125</v>
      </c>
      <c r="UHF53" s="7">
        <f t="shared" ref="UHF53:UJQ53" si="773">UHF48+UHE53</f>
        <v>5103.125</v>
      </c>
      <c r="UHG53" s="7">
        <f t="shared" si="773"/>
        <v>5103.125</v>
      </c>
      <c r="UHH53" s="7">
        <f t="shared" si="773"/>
        <v>5103.125</v>
      </c>
      <c r="UHI53" s="7">
        <f t="shared" si="773"/>
        <v>5103.125</v>
      </c>
      <c r="UHJ53" s="7">
        <f t="shared" si="773"/>
        <v>5103.125</v>
      </c>
      <c r="UHK53" s="7">
        <f t="shared" si="773"/>
        <v>5103.125</v>
      </c>
      <c r="UHL53" s="7">
        <f t="shared" si="773"/>
        <v>5103.125</v>
      </c>
      <c r="UHM53" s="7">
        <f t="shared" si="773"/>
        <v>5103.125</v>
      </c>
      <c r="UHN53" s="7">
        <f t="shared" si="773"/>
        <v>5103.125</v>
      </c>
      <c r="UHO53" s="7">
        <f t="shared" si="773"/>
        <v>5103.125</v>
      </c>
      <c r="UHP53" s="7">
        <f t="shared" si="773"/>
        <v>5103.125</v>
      </c>
      <c r="UHQ53" s="7">
        <f t="shared" si="773"/>
        <v>5103.125</v>
      </c>
      <c r="UHR53" s="7">
        <f t="shared" si="773"/>
        <v>5103.125</v>
      </c>
      <c r="UHS53" s="7">
        <f t="shared" si="773"/>
        <v>5103.125</v>
      </c>
      <c r="UHT53" s="7">
        <f t="shared" si="773"/>
        <v>5103.125</v>
      </c>
      <c r="UHU53" s="7">
        <f t="shared" si="773"/>
        <v>5103.125</v>
      </c>
      <c r="UHV53" s="7">
        <f t="shared" si="773"/>
        <v>5103.125</v>
      </c>
      <c r="UHW53" s="7">
        <f t="shared" si="773"/>
        <v>5103.125</v>
      </c>
      <c r="UHX53" s="7">
        <f t="shared" si="773"/>
        <v>5103.125</v>
      </c>
      <c r="UHY53" s="7">
        <f t="shared" si="773"/>
        <v>5103.125</v>
      </c>
      <c r="UHZ53" s="7">
        <f t="shared" si="773"/>
        <v>5103.125</v>
      </c>
      <c r="UIA53" s="7">
        <f t="shared" si="773"/>
        <v>5103.125</v>
      </c>
      <c r="UIB53" s="7">
        <f t="shared" si="773"/>
        <v>5103.125</v>
      </c>
      <c r="UIC53" s="7">
        <f t="shared" si="773"/>
        <v>5103.125</v>
      </c>
      <c r="UID53" s="7">
        <f t="shared" si="773"/>
        <v>5103.125</v>
      </c>
      <c r="UIE53" s="7">
        <f t="shared" si="773"/>
        <v>5103.125</v>
      </c>
      <c r="UIF53" s="7">
        <f t="shared" si="773"/>
        <v>5103.125</v>
      </c>
      <c r="UIG53" s="7">
        <f t="shared" si="773"/>
        <v>5103.125</v>
      </c>
      <c r="UIH53" s="7">
        <f t="shared" si="773"/>
        <v>5103.125</v>
      </c>
      <c r="UII53" s="7">
        <f t="shared" si="773"/>
        <v>5103.125</v>
      </c>
      <c r="UIJ53" s="7">
        <f t="shared" si="773"/>
        <v>5103.125</v>
      </c>
      <c r="UIK53" s="7">
        <f t="shared" si="773"/>
        <v>5103.125</v>
      </c>
      <c r="UIL53" s="7">
        <f t="shared" si="773"/>
        <v>5103.125</v>
      </c>
      <c r="UIM53" s="7">
        <f t="shared" si="773"/>
        <v>5103.125</v>
      </c>
      <c r="UIN53" s="7">
        <f t="shared" si="773"/>
        <v>5103.125</v>
      </c>
      <c r="UIO53" s="7">
        <f t="shared" si="773"/>
        <v>5103.125</v>
      </c>
      <c r="UIP53" s="7">
        <f t="shared" si="773"/>
        <v>5103.125</v>
      </c>
      <c r="UIQ53" s="7">
        <f t="shared" si="773"/>
        <v>5103.125</v>
      </c>
      <c r="UIR53" s="7">
        <f t="shared" si="773"/>
        <v>5103.125</v>
      </c>
      <c r="UIS53" s="7">
        <f t="shared" si="773"/>
        <v>5103.125</v>
      </c>
      <c r="UIT53" s="7">
        <f t="shared" si="773"/>
        <v>5103.125</v>
      </c>
      <c r="UIU53" s="7">
        <f t="shared" si="773"/>
        <v>5103.125</v>
      </c>
      <c r="UIV53" s="7">
        <f t="shared" si="773"/>
        <v>5103.125</v>
      </c>
      <c r="UIW53" s="7">
        <f t="shared" si="773"/>
        <v>5103.125</v>
      </c>
      <c r="UIX53" s="7">
        <f t="shared" si="773"/>
        <v>5103.125</v>
      </c>
      <c r="UIY53" s="7">
        <f t="shared" si="773"/>
        <v>5103.125</v>
      </c>
      <c r="UIZ53" s="7">
        <f t="shared" si="773"/>
        <v>5103.125</v>
      </c>
      <c r="UJA53" s="7">
        <f t="shared" si="773"/>
        <v>5103.125</v>
      </c>
      <c r="UJB53" s="7">
        <f t="shared" si="773"/>
        <v>5103.125</v>
      </c>
      <c r="UJC53" s="7">
        <f t="shared" si="773"/>
        <v>5103.125</v>
      </c>
      <c r="UJD53" s="7">
        <f t="shared" si="773"/>
        <v>5103.125</v>
      </c>
      <c r="UJE53" s="7">
        <f t="shared" si="773"/>
        <v>5103.125</v>
      </c>
      <c r="UJF53" s="7">
        <f t="shared" si="773"/>
        <v>5103.125</v>
      </c>
      <c r="UJG53" s="7">
        <f t="shared" si="773"/>
        <v>5103.125</v>
      </c>
      <c r="UJH53" s="7">
        <f t="shared" si="773"/>
        <v>5103.125</v>
      </c>
      <c r="UJI53" s="7">
        <f t="shared" si="773"/>
        <v>5103.125</v>
      </c>
      <c r="UJJ53" s="7">
        <f t="shared" si="773"/>
        <v>5103.125</v>
      </c>
      <c r="UJK53" s="7">
        <f t="shared" si="773"/>
        <v>5103.125</v>
      </c>
      <c r="UJL53" s="7">
        <f t="shared" si="773"/>
        <v>5103.125</v>
      </c>
      <c r="UJM53" s="7">
        <f t="shared" si="773"/>
        <v>5103.125</v>
      </c>
      <c r="UJN53" s="7">
        <f t="shared" si="773"/>
        <v>5103.125</v>
      </c>
      <c r="UJO53" s="7">
        <f t="shared" si="773"/>
        <v>5103.125</v>
      </c>
      <c r="UJP53" s="7">
        <f t="shared" si="773"/>
        <v>5103.125</v>
      </c>
      <c r="UJQ53" s="7">
        <f t="shared" si="773"/>
        <v>5103.125</v>
      </c>
      <c r="UJR53" s="7">
        <f t="shared" ref="UJR53:UMC53" si="774">UJR48+UJQ53</f>
        <v>5103.125</v>
      </c>
      <c r="UJS53" s="7">
        <f t="shared" si="774"/>
        <v>5103.125</v>
      </c>
      <c r="UJT53" s="7">
        <f t="shared" si="774"/>
        <v>5103.125</v>
      </c>
      <c r="UJU53" s="7">
        <f t="shared" si="774"/>
        <v>5103.125</v>
      </c>
      <c r="UJV53" s="7">
        <f t="shared" si="774"/>
        <v>5103.125</v>
      </c>
      <c r="UJW53" s="7">
        <f t="shared" si="774"/>
        <v>5103.125</v>
      </c>
      <c r="UJX53" s="7">
        <f t="shared" si="774"/>
        <v>5103.125</v>
      </c>
      <c r="UJY53" s="7">
        <f t="shared" si="774"/>
        <v>5103.125</v>
      </c>
      <c r="UJZ53" s="7">
        <f t="shared" si="774"/>
        <v>5103.125</v>
      </c>
      <c r="UKA53" s="7">
        <f t="shared" si="774"/>
        <v>5103.125</v>
      </c>
      <c r="UKB53" s="7">
        <f t="shared" si="774"/>
        <v>5103.125</v>
      </c>
      <c r="UKC53" s="7">
        <f t="shared" si="774"/>
        <v>5103.125</v>
      </c>
      <c r="UKD53" s="7">
        <f t="shared" si="774"/>
        <v>5103.125</v>
      </c>
      <c r="UKE53" s="7">
        <f t="shared" si="774"/>
        <v>5103.125</v>
      </c>
      <c r="UKF53" s="7">
        <f t="shared" si="774"/>
        <v>5103.125</v>
      </c>
      <c r="UKG53" s="7">
        <f t="shared" si="774"/>
        <v>5103.125</v>
      </c>
      <c r="UKH53" s="7">
        <f t="shared" si="774"/>
        <v>5103.125</v>
      </c>
      <c r="UKI53" s="7">
        <f t="shared" si="774"/>
        <v>5103.125</v>
      </c>
      <c r="UKJ53" s="7">
        <f t="shared" si="774"/>
        <v>5103.125</v>
      </c>
      <c r="UKK53" s="7">
        <f t="shared" si="774"/>
        <v>5103.125</v>
      </c>
      <c r="UKL53" s="7">
        <f t="shared" si="774"/>
        <v>5103.125</v>
      </c>
      <c r="UKM53" s="7">
        <f t="shared" si="774"/>
        <v>5103.125</v>
      </c>
      <c r="UKN53" s="7">
        <f t="shared" si="774"/>
        <v>5103.125</v>
      </c>
      <c r="UKO53" s="7">
        <f t="shared" si="774"/>
        <v>5103.125</v>
      </c>
      <c r="UKP53" s="7">
        <f t="shared" si="774"/>
        <v>5103.125</v>
      </c>
      <c r="UKQ53" s="7">
        <f t="shared" si="774"/>
        <v>5103.125</v>
      </c>
      <c r="UKR53" s="7">
        <f t="shared" si="774"/>
        <v>5103.125</v>
      </c>
      <c r="UKS53" s="7">
        <f t="shared" si="774"/>
        <v>5103.125</v>
      </c>
      <c r="UKT53" s="7">
        <f t="shared" si="774"/>
        <v>5103.125</v>
      </c>
      <c r="UKU53" s="7">
        <f t="shared" si="774"/>
        <v>5103.125</v>
      </c>
      <c r="UKV53" s="7">
        <f t="shared" si="774"/>
        <v>5103.125</v>
      </c>
      <c r="UKW53" s="7">
        <f t="shared" si="774"/>
        <v>5103.125</v>
      </c>
      <c r="UKX53" s="7">
        <f t="shared" si="774"/>
        <v>5103.125</v>
      </c>
      <c r="UKY53" s="7">
        <f t="shared" si="774"/>
        <v>5103.125</v>
      </c>
      <c r="UKZ53" s="7">
        <f t="shared" si="774"/>
        <v>5103.125</v>
      </c>
      <c r="ULA53" s="7">
        <f t="shared" si="774"/>
        <v>5103.125</v>
      </c>
      <c r="ULB53" s="7">
        <f t="shared" si="774"/>
        <v>5103.125</v>
      </c>
      <c r="ULC53" s="7">
        <f t="shared" si="774"/>
        <v>5103.125</v>
      </c>
      <c r="ULD53" s="7">
        <f t="shared" si="774"/>
        <v>5103.125</v>
      </c>
      <c r="ULE53" s="7">
        <f t="shared" si="774"/>
        <v>5103.125</v>
      </c>
      <c r="ULF53" s="7">
        <f t="shared" si="774"/>
        <v>5103.125</v>
      </c>
      <c r="ULG53" s="7">
        <f t="shared" si="774"/>
        <v>5103.125</v>
      </c>
      <c r="ULH53" s="7">
        <f t="shared" si="774"/>
        <v>5103.125</v>
      </c>
      <c r="ULI53" s="7">
        <f t="shared" si="774"/>
        <v>5103.125</v>
      </c>
      <c r="ULJ53" s="7">
        <f t="shared" si="774"/>
        <v>5103.125</v>
      </c>
      <c r="ULK53" s="7">
        <f t="shared" si="774"/>
        <v>5103.125</v>
      </c>
      <c r="ULL53" s="7">
        <f t="shared" si="774"/>
        <v>5103.125</v>
      </c>
      <c r="ULM53" s="7">
        <f t="shared" si="774"/>
        <v>5103.125</v>
      </c>
      <c r="ULN53" s="7">
        <f t="shared" si="774"/>
        <v>5103.125</v>
      </c>
      <c r="ULO53" s="7">
        <f t="shared" si="774"/>
        <v>5103.125</v>
      </c>
      <c r="ULP53" s="7">
        <f t="shared" si="774"/>
        <v>5103.125</v>
      </c>
      <c r="ULQ53" s="7">
        <f t="shared" si="774"/>
        <v>5103.125</v>
      </c>
      <c r="ULR53" s="7">
        <f t="shared" si="774"/>
        <v>5103.125</v>
      </c>
      <c r="ULS53" s="7">
        <f t="shared" si="774"/>
        <v>5103.125</v>
      </c>
      <c r="ULT53" s="7">
        <f t="shared" si="774"/>
        <v>5103.125</v>
      </c>
      <c r="ULU53" s="7">
        <f t="shared" si="774"/>
        <v>5103.125</v>
      </c>
      <c r="ULV53" s="7">
        <f t="shared" si="774"/>
        <v>5103.125</v>
      </c>
      <c r="ULW53" s="7">
        <f t="shared" si="774"/>
        <v>5103.125</v>
      </c>
      <c r="ULX53" s="7">
        <f t="shared" si="774"/>
        <v>5103.125</v>
      </c>
      <c r="ULY53" s="7">
        <f t="shared" si="774"/>
        <v>5103.125</v>
      </c>
      <c r="ULZ53" s="7">
        <f t="shared" si="774"/>
        <v>5103.125</v>
      </c>
      <c r="UMA53" s="7">
        <f t="shared" si="774"/>
        <v>5103.125</v>
      </c>
      <c r="UMB53" s="7">
        <f t="shared" si="774"/>
        <v>5103.125</v>
      </c>
      <c r="UMC53" s="7">
        <f t="shared" si="774"/>
        <v>5103.125</v>
      </c>
      <c r="UMD53" s="7">
        <f t="shared" ref="UMD53:UOO53" si="775">UMD48+UMC53</f>
        <v>5103.125</v>
      </c>
      <c r="UME53" s="7">
        <f t="shared" si="775"/>
        <v>5103.125</v>
      </c>
      <c r="UMF53" s="7">
        <f t="shared" si="775"/>
        <v>5103.125</v>
      </c>
      <c r="UMG53" s="7">
        <f t="shared" si="775"/>
        <v>5103.125</v>
      </c>
      <c r="UMH53" s="7">
        <f t="shared" si="775"/>
        <v>5103.125</v>
      </c>
      <c r="UMI53" s="7">
        <f t="shared" si="775"/>
        <v>5103.125</v>
      </c>
      <c r="UMJ53" s="7">
        <f t="shared" si="775"/>
        <v>5103.125</v>
      </c>
      <c r="UMK53" s="7">
        <f t="shared" si="775"/>
        <v>5103.125</v>
      </c>
      <c r="UML53" s="7">
        <f t="shared" si="775"/>
        <v>5103.125</v>
      </c>
      <c r="UMM53" s="7">
        <f t="shared" si="775"/>
        <v>5103.125</v>
      </c>
      <c r="UMN53" s="7">
        <f t="shared" si="775"/>
        <v>5103.125</v>
      </c>
      <c r="UMO53" s="7">
        <f t="shared" si="775"/>
        <v>5103.125</v>
      </c>
      <c r="UMP53" s="7">
        <f t="shared" si="775"/>
        <v>5103.125</v>
      </c>
      <c r="UMQ53" s="7">
        <f t="shared" si="775"/>
        <v>5103.125</v>
      </c>
      <c r="UMR53" s="7">
        <f t="shared" si="775"/>
        <v>5103.125</v>
      </c>
      <c r="UMS53" s="7">
        <f t="shared" si="775"/>
        <v>5103.125</v>
      </c>
      <c r="UMT53" s="7">
        <f t="shared" si="775"/>
        <v>5103.125</v>
      </c>
      <c r="UMU53" s="7">
        <f t="shared" si="775"/>
        <v>5103.125</v>
      </c>
      <c r="UMV53" s="7">
        <f t="shared" si="775"/>
        <v>5103.125</v>
      </c>
      <c r="UMW53" s="7">
        <f t="shared" si="775"/>
        <v>5103.125</v>
      </c>
      <c r="UMX53" s="7">
        <f t="shared" si="775"/>
        <v>5103.125</v>
      </c>
      <c r="UMY53" s="7">
        <f t="shared" si="775"/>
        <v>5103.125</v>
      </c>
      <c r="UMZ53" s="7">
        <f t="shared" si="775"/>
        <v>5103.125</v>
      </c>
      <c r="UNA53" s="7">
        <f t="shared" si="775"/>
        <v>5103.125</v>
      </c>
      <c r="UNB53" s="7">
        <f t="shared" si="775"/>
        <v>5103.125</v>
      </c>
      <c r="UNC53" s="7">
        <f t="shared" si="775"/>
        <v>5103.125</v>
      </c>
      <c r="UND53" s="7">
        <f t="shared" si="775"/>
        <v>5103.125</v>
      </c>
      <c r="UNE53" s="7">
        <f t="shared" si="775"/>
        <v>5103.125</v>
      </c>
      <c r="UNF53" s="7">
        <f t="shared" si="775"/>
        <v>5103.125</v>
      </c>
      <c r="UNG53" s="7">
        <f t="shared" si="775"/>
        <v>5103.125</v>
      </c>
      <c r="UNH53" s="7">
        <f t="shared" si="775"/>
        <v>5103.125</v>
      </c>
      <c r="UNI53" s="7">
        <f t="shared" si="775"/>
        <v>5103.125</v>
      </c>
      <c r="UNJ53" s="7">
        <f t="shared" si="775"/>
        <v>5103.125</v>
      </c>
      <c r="UNK53" s="7">
        <f t="shared" si="775"/>
        <v>5103.125</v>
      </c>
      <c r="UNL53" s="7">
        <f t="shared" si="775"/>
        <v>5103.125</v>
      </c>
      <c r="UNM53" s="7">
        <f t="shared" si="775"/>
        <v>5103.125</v>
      </c>
      <c r="UNN53" s="7">
        <f t="shared" si="775"/>
        <v>5103.125</v>
      </c>
      <c r="UNO53" s="7">
        <f t="shared" si="775"/>
        <v>5103.125</v>
      </c>
      <c r="UNP53" s="7">
        <f t="shared" si="775"/>
        <v>5103.125</v>
      </c>
      <c r="UNQ53" s="7">
        <f t="shared" si="775"/>
        <v>5103.125</v>
      </c>
      <c r="UNR53" s="7">
        <f t="shared" si="775"/>
        <v>5103.125</v>
      </c>
      <c r="UNS53" s="7">
        <f t="shared" si="775"/>
        <v>5103.125</v>
      </c>
      <c r="UNT53" s="7">
        <f t="shared" si="775"/>
        <v>5103.125</v>
      </c>
      <c r="UNU53" s="7">
        <f t="shared" si="775"/>
        <v>5103.125</v>
      </c>
      <c r="UNV53" s="7">
        <f t="shared" si="775"/>
        <v>5103.125</v>
      </c>
      <c r="UNW53" s="7">
        <f t="shared" si="775"/>
        <v>5103.125</v>
      </c>
      <c r="UNX53" s="7">
        <f t="shared" si="775"/>
        <v>5103.125</v>
      </c>
      <c r="UNY53" s="7">
        <f t="shared" si="775"/>
        <v>5103.125</v>
      </c>
      <c r="UNZ53" s="7">
        <f t="shared" si="775"/>
        <v>5103.125</v>
      </c>
      <c r="UOA53" s="7">
        <f t="shared" si="775"/>
        <v>5103.125</v>
      </c>
      <c r="UOB53" s="7">
        <f t="shared" si="775"/>
        <v>5103.125</v>
      </c>
      <c r="UOC53" s="7">
        <f t="shared" si="775"/>
        <v>5103.125</v>
      </c>
      <c r="UOD53" s="7">
        <f t="shared" si="775"/>
        <v>5103.125</v>
      </c>
      <c r="UOE53" s="7">
        <f t="shared" si="775"/>
        <v>5103.125</v>
      </c>
      <c r="UOF53" s="7">
        <f t="shared" si="775"/>
        <v>5103.125</v>
      </c>
      <c r="UOG53" s="7">
        <f t="shared" si="775"/>
        <v>5103.125</v>
      </c>
      <c r="UOH53" s="7">
        <f t="shared" si="775"/>
        <v>5103.125</v>
      </c>
      <c r="UOI53" s="7">
        <f t="shared" si="775"/>
        <v>5103.125</v>
      </c>
      <c r="UOJ53" s="7">
        <f t="shared" si="775"/>
        <v>5103.125</v>
      </c>
      <c r="UOK53" s="7">
        <f t="shared" si="775"/>
        <v>5103.125</v>
      </c>
      <c r="UOL53" s="7">
        <f t="shared" si="775"/>
        <v>5103.125</v>
      </c>
      <c r="UOM53" s="7">
        <f t="shared" si="775"/>
        <v>5103.125</v>
      </c>
      <c r="UON53" s="7">
        <f t="shared" si="775"/>
        <v>5103.125</v>
      </c>
      <c r="UOO53" s="7">
        <f t="shared" si="775"/>
        <v>5103.125</v>
      </c>
      <c r="UOP53" s="7">
        <f t="shared" ref="UOP53:URA53" si="776">UOP48+UOO53</f>
        <v>5103.125</v>
      </c>
      <c r="UOQ53" s="7">
        <f t="shared" si="776"/>
        <v>5103.125</v>
      </c>
      <c r="UOR53" s="7">
        <f t="shared" si="776"/>
        <v>5103.125</v>
      </c>
      <c r="UOS53" s="7">
        <f t="shared" si="776"/>
        <v>5103.125</v>
      </c>
      <c r="UOT53" s="7">
        <f t="shared" si="776"/>
        <v>5103.125</v>
      </c>
      <c r="UOU53" s="7">
        <f t="shared" si="776"/>
        <v>5103.125</v>
      </c>
      <c r="UOV53" s="7">
        <f t="shared" si="776"/>
        <v>5103.125</v>
      </c>
      <c r="UOW53" s="7">
        <f t="shared" si="776"/>
        <v>5103.125</v>
      </c>
      <c r="UOX53" s="7">
        <f t="shared" si="776"/>
        <v>5103.125</v>
      </c>
      <c r="UOY53" s="7">
        <f t="shared" si="776"/>
        <v>5103.125</v>
      </c>
      <c r="UOZ53" s="7">
        <f t="shared" si="776"/>
        <v>5103.125</v>
      </c>
      <c r="UPA53" s="7">
        <f t="shared" si="776"/>
        <v>5103.125</v>
      </c>
      <c r="UPB53" s="7">
        <f t="shared" si="776"/>
        <v>5103.125</v>
      </c>
      <c r="UPC53" s="7">
        <f t="shared" si="776"/>
        <v>5103.125</v>
      </c>
      <c r="UPD53" s="7">
        <f t="shared" si="776"/>
        <v>5103.125</v>
      </c>
      <c r="UPE53" s="7">
        <f t="shared" si="776"/>
        <v>5103.125</v>
      </c>
      <c r="UPF53" s="7">
        <f t="shared" si="776"/>
        <v>5103.125</v>
      </c>
      <c r="UPG53" s="7">
        <f t="shared" si="776"/>
        <v>5103.125</v>
      </c>
      <c r="UPH53" s="7">
        <f t="shared" si="776"/>
        <v>5103.125</v>
      </c>
      <c r="UPI53" s="7">
        <f t="shared" si="776"/>
        <v>5103.125</v>
      </c>
      <c r="UPJ53" s="7">
        <f t="shared" si="776"/>
        <v>5103.125</v>
      </c>
      <c r="UPK53" s="7">
        <f t="shared" si="776"/>
        <v>5103.125</v>
      </c>
      <c r="UPL53" s="7">
        <f t="shared" si="776"/>
        <v>5103.125</v>
      </c>
      <c r="UPM53" s="7">
        <f t="shared" si="776"/>
        <v>5103.125</v>
      </c>
      <c r="UPN53" s="7">
        <f t="shared" si="776"/>
        <v>5103.125</v>
      </c>
      <c r="UPO53" s="7">
        <f t="shared" si="776"/>
        <v>5103.125</v>
      </c>
      <c r="UPP53" s="7">
        <f t="shared" si="776"/>
        <v>5103.125</v>
      </c>
      <c r="UPQ53" s="7">
        <f t="shared" si="776"/>
        <v>5103.125</v>
      </c>
      <c r="UPR53" s="7">
        <f t="shared" si="776"/>
        <v>5103.125</v>
      </c>
      <c r="UPS53" s="7">
        <f t="shared" si="776"/>
        <v>5103.125</v>
      </c>
      <c r="UPT53" s="7">
        <f t="shared" si="776"/>
        <v>5103.125</v>
      </c>
      <c r="UPU53" s="7">
        <f t="shared" si="776"/>
        <v>5103.125</v>
      </c>
      <c r="UPV53" s="7">
        <f t="shared" si="776"/>
        <v>5103.125</v>
      </c>
      <c r="UPW53" s="7">
        <f t="shared" si="776"/>
        <v>5103.125</v>
      </c>
      <c r="UPX53" s="7">
        <f t="shared" si="776"/>
        <v>5103.125</v>
      </c>
      <c r="UPY53" s="7">
        <f t="shared" si="776"/>
        <v>5103.125</v>
      </c>
      <c r="UPZ53" s="7">
        <f t="shared" si="776"/>
        <v>5103.125</v>
      </c>
      <c r="UQA53" s="7">
        <f t="shared" si="776"/>
        <v>5103.125</v>
      </c>
      <c r="UQB53" s="7">
        <f t="shared" si="776"/>
        <v>5103.125</v>
      </c>
      <c r="UQC53" s="7">
        <f t="shared" si="776"/>
        <v>5103.125</v>
      </c>
      <c r="UQD53" s="7">
        <f t="shared" si="776"/>
        <v>5103.125</v>
      </c>
      <c r="UQE53" s="7">
        <f t="shared" si="776"/>
        <v>5103.125</v>
      </c>
      <c r="UQF53" s="7">
        <f t="shared" si="776"/>
        <v>5103.125</v>
      </c>
      <c r="UQG53" s="7">
        <f t="shared" si="776"/>
        <v>5103.125</v>
      </c>
      <c r="UQH53" s="7">
        <f t="shared" si="776"/>
        <v>5103.125</v>
      </c>
      <c r="UQI53" s="7">
        <f t="shared" si="776"/>
        <v>5103.125</v>
      </c>
      <c r="UQJ53" s="7">
        <f t="shared" si="776"/>
        <v>5103.125</v>
      </c>
      <c r="UQK53" s="7">
        <f t="shared" si="776"/>
        <v>5103.125</v>
      </c>
      <c r="UQL53" s="7">
        <f t="shared" si="776"/>
        <v>5103.125</v>
      </c>
      <c r="UQM53" s="7">
        <f t="shared" si="776"/>
        <v>5103.125</v>
      </c>
      <c r="UQN53" s="7">
        <f t="shared" si="776"/>
        <v>5103.125</v>
      </c>
      <c r="UQO53" s="7">
        <f t="shared" si="776"/>
        <v>5103.125</v>
      </c>
      <c r="UQP53" s="7">
        <f t="shared" si="776"/>
        <v>5103.125</v>
      </c>
      <c r="UQQ53" s="7">
        <f t="shared" si="776"/>
        <v>5103.125</v>
      </c>
      <c r="UQR53" s="7">
        <f t="shared" si="776"/>
        <v>5103.125</v>
      </c>
      <c r="UQS53" s="7">
        <f t="shared" si="776"/>
        <v>5103.125</v>
      </c>
      <c r="UQT53" s="7">
        <f t="shared" si="776"/>
        <v>5103.125</v>
      </c>
      <c r="UQU53" s="7">
        <f t="shared" si="776"/>
        <v>5103.125</v>
      </c>
      <c r="UQV53" s="7">
        <f t="shared" si="776"/>
        <v>5103.125</v>
      </c>
      <c r="UQW53" s="7">
        <f t="shared" si="776"/>
        <v>5103.125</v>
      </c>
      <c r="UQX53" s="7">
        <f t="shared" si="776"/>
        <v>5103.125</v>
      </c>
      <c r="UQY53" s="7">
        <f t="shared" si="776"/>
        <v>5103.125</v>
      </c>
      <c r="UQZ53" s="7">
        <f t="shared" si="776"/>
        <v>5103.125</v>
      </c>
      <c r="URA53" s="7">
        <f t="shared" si="776"/>
        <v>5103.125</v>
      </c>
      <c r="URB53" s="7">
        <f t="shared" ref="URB53:UTM53" si="777">URB48+URA53</f>
        <v>5103.125</v>
      </c>
      <c r="URC53" s="7">
        <f t="shared" si="777"/>
        <v>5103.125</v>
      </c>
      <c r="URD53" s="7">
        <f t="shared" si="777"/>
        <v>5103.125</v>
      </c>
      <c r="URE53" s="7">
        <f t="shared" si="777"/>
        <v>5103.125</v>
      </c>
      <c r="URF53" s="7">
        <f t="shared" si="777"/>
        <v>5103.125</v>
      </c>
      <c r="URG53" s="7">
        <f t="shared" si="777"/>
        <v>5103.125</v>
      </c>
      <c r="URH53" s="7">
        <f t="shared" si="777"/>
        <v>5103.125</v>
      </c>
      <c r="URI53" s="7">
        <f t="shared" si="777"/>
        <v>5103.125</v>
      </c>
      <c r="URJ53" s="7">
        <f t="shared" si="777"/>
        <v>5103.125</v>
      </c>
      <c r="URK53" s="7">
        <f t="shared" si="777"/>
        <v>5103.125</v>
      </c>
      <c r="URL53" s="7">
        <f t="shared" si="777"/>
        <v>5103.125</v>
      </c>
      <c r="URM53" s="7">
        <f t="shared" si="777"/>
        <v>5103.125</v>
      </c>
      <c r="URN53" s="7">
        <f t="shared" si="777"/>
        <v>5103.125</v>
      </c>
      <c r="URO53" s="7">
        <f t="shared" si="777"/>
        <v>5103.125</v>
      </c>
      <c r="URP53" s="7">
        <f t="shared" si="777"/>
        <v>5103.125</v>
      </c>
      <c r="URQ53" s="7">
        <f t="shared" si="777"/>
        <v>5103.125</v>
      </c>
      <c r="URR53" s="7">
        <f t="shared" si="777"/>
        <v>5103.125</v>
      </c>
      <c r="URS53" s="7">
        <f t="shared" si="777"/>
        <v>5103.125</v>
      </c>
      <c r="URT53" s="7">
        <f t="shared" si="777"/>
        <v>5103.125</v>
      </c>
      <c r="URU53" s="7">
        <f t="shared" si="777"/>
        <v>5103.125</v>
      </c>
      <c r="URV53" s="7">
        <f t="shared" si="777"/>
        <v>5103.125</v>
      </c>
      <c r="URW53" s="7">
        <f t="shared" si="777"/>
        <v>5103.125</v>
      </c>
      <c r="URX53" s="7">
        <f t="shared" si="777"/>
        <v>5103.125</v>
      </c>
      <c r="URY53" s="7">
        <f t="shared" si="777"/>
        <v>5103.125</v>
      </c>
      <c r="URZ53" s="7">
        <f t="shared" si="777"/>
        <v>5103.125</v>
      </c>
      <c r="USA53" s="7">
        <f t="shared" si="777"/>
        <v>5103.125</v>
      </c>
      <c r="USB53" s="7">
        <f t="shared" si="777"/>
        <v>5103.125</v>
      </c>
      <c r="USC53" s="7">
        <f t="shared" si="777"/>
        <v>5103.125</v>
      </c>
      <c r="USD53" s="7">
        <f t="shared" si="777"/>
        <v>5103.125</v>
      </c>
      <c r="USE53" s="7">
        <f t="shared" si="777"/>
        <v>5103.125</v>
      </c>
      <c r="USF53" s="7">
        <f t="shared" si="777"/>
        <v>5103.125</v>
      </c>
      <c r="USG53" s="7">
        <f t="shared" si="777"/>
        <v>5103.125</v>
      </c>
      <c r="USH53" s="7">
        <f t="shared" si="777"/>
        <v>5103.125</v>
      </c>
      <c r="USI53" s="7">
        <f t="shared" si="777"/>
        <v>5103.125</v>
      </c>
      <c r="USJ53" s="7">
        <f t="shared" si="777"/>
        <v>5103.125</v>
      </c>
      <c r="USK53" s="7">
        <f t="shared" si="777"/>
        <v>5103.125</v>
      </c>
      <c r="USL53" s="7">
        <f t="shared" si="777"/>
        <v>5103.125</v>
      </c>
      <c r="USM53" s="7">
        <f t="shared" si="777"/>
        <v>5103.125</v>
      </c>
      <c r="USN53" s="7">
        <f t="shared" si="777"/>
        <v>5103.125</v>
      </c>
      <c r="USO53" s="7">
        <f t="shared" si="777"/>
        <v>5103.125</v>
      </c>
      <c r="USP53" s="7">
        <f t="shared" si="777"/>
        <v>5103.125</v>
      </c>
      <c r="USQ53" s="7">
        <f t="shared" si="777"/>
        <v>5103.125</v>
      </c>
      <c r="USR53" s="7">
        <f t="shared" si="777"/>
        <v>5103.125</v>
      </c>
      <c r="USS53" s="7">
        <f t="shared" si="777"/>
        <v>5103.125</v>
      </c>
      <c r="UST53" s="7">
        <f t="shared" si="777"/>
        <v>5103.125</v>
      </c>
      <c r="USU53" s="7">
        <f t="shared" si="777"/>
        <v>5103.125</v>
      </c>
      <c r="USV53" s="7">
        <f t="shared" si="777"/>
        <v>5103.125</v>
      </c>
      <c r="USW53" s="7">
        <f t="shared" si="777"/>
        <v>5103.125</v>
      </c>
      <c r="USX53" s="7">
        <f t="shared" si="777"/>
        <v>5103.125</v>
      </c>
      <c r="USY53" s="7">
        <f t="shared" si="777"/>
        <v>5103.125</v>
      </c>
      <c r="USZ53" s="7">
        <f t="shared" si="777"/>
        <v>5103.125</v>
      </c>
      <c r="UTA53" s="7">
        <f t="shared" si="777"/>
        <v>5103.125</v>
      </c>
      <c r="UTB53" s="7">
        <f t="shared" si="777"/>
        <v>5103.125</v>
      </c>
      <c r="UTC53" s="7">
        <f t="shared" si="777"/>
        <v>5103.125</v>
      </c>
      <c r="UTD53" s="7">
        <f t="shared" si="777"/>
        <v>5103.125</v>
      </c>
      <c r="UTE53" s="7">
        <f t="shared" si="777"/>
        <v>5103.125</v>
      </c>
      <c r="UTF53" s="7">
        <f t="shared" si="777"/>
        <v>5103.125</v>
      </c>
      <c r="UTG53" s="7">
        <f t="shared" si="777"/>
        <v>5103.125</v>
      </c>
      <c r="UTH53" s="7">
        <f t="shared" si="777"/>
        <v>5103.125</v>
      </c>
      <c r="UTI53" s="7">
        <f t="shared" si="777"/>
        <v>5103.125</v>
      </c>
      <c r="UTJ53" s="7">
        <f t="shared" si="777"/>
        <v>5103.125</v>
      </c>
      <c r="UTK53" s="7">
        <f t="shared" si="777"/>
        <v>5103.125</v>
      </c>
      <c r="UTL53" s="7">
        <f t="shared" si="777"/>
        <v>5103.125</v>
      </c>
      <c r="UTM53" s="7">
        <f t="shared" si="777"/>
        <v>5103.125</v>
      </c>
      <c r="UTN53" s="7">
        <f t="shared" ref="UTN53:UVY53" si="778">UTN48+UTM53</f>
        <v>5103.125</v>
      </c>
      <c r="UTO53" s="7">
        <f t="shared" si="778"/>
        <v>5103.125</v>
      </c>
      <c r="UTP53" s="7">
        <f t="shared" si="778"/>
        <v>5103.125</v>
      </c>
      <c r="UTQ53" s="7">
        <f t="shared" si="778"/>
        <v>5103.125</v>
      </c>
      <c r="UTR53" s="7">
        <f t="shared" si="778"/>
        <v>5103.125</v>
      </c>
      <c r="UTS53" s="7">
        <f t="shared" si="778"/>
        <v>5103.125</v>
      </c>
      <c r="UTT53" s="7">
        <f t="shared" si="778"/>
        <v>5103.125</v>
      </c>
      <c r="UTU53" s="7">
        <f t="shared" si="778"/>
        <v>5103.125</v>
      </c>
      <c r="UTV53" s="7">
        <f t="shared" si="778"/>
        <v>5103.125</v>
      </c>
      <c r="UTW53" s="7">
        <f t="shared" si="778"/>
        <v>5103.125</v>
      </c>
      <c r="UTX53" s="7">
        <f t="shared" si="778"/>
        <v>5103.125</v>
      </c>
      <c r="UTY53" s="7">
        <f t="shared" si="778"/>
        <v>5103.125</v>
      </c>
      <c r="UTZ53" s="7">
        <f t="shared" si="778"/>
        <v>5103.125</v>
      </c>
      <c r="UUA53" s="7">
        <f t="shared" si="778"/>
        <v>5103.125</v>
      </c>
      <c r="UUB53" s="7">
        <f t="shared" si="778"/>
        <v>5103.125</v>
      </c>
      <c r="UUC53" s="7">
        <f t="shared" si="778"/>
        <v>5103.125</v>
      </c>
      <c r="UUD53" s="7">
        <f t="shared" si="778"/>
        <v>5103.125</v>
      </c>
      <c r="UUE53" s="7">
        <f t="shared" si="778"/>
        <v>5103.125</v>
      </c>
      <c r="UUF53" s="7">
        <f t="shared" si="778"/>
        <v>5103.125</v>
      </c>
      <c r="UUG53" s="7">
        <f t="shared" si="778"/>
        <v>5103.125</v>
      </c>
      <c r="UUH53" s="7">
        <f t="shared" si="778"/>
        <v>5103.125</v>
      </c>
      <c r="UUI53" s="7">
        <f t="shared" si="778"/>
        <v>5103.125</v>
      </c>
      <c r="UUJ53" s="7">
        <f t="shared" si="778"/>
        <v>5103.125</v>
      </c>
      <c r="UUK53" s="7">
        <f t="shared" si="778"/>
        <v>5103.125</v>
      </c>
      <c r="UUL53" s="7">
        <f t="shared" si="778"/>
        <v>5103.125</v>
      </c>
      <c r="UUM53" s="7">
        <f t="shared" si="778"/>
        <v>5103.125</v>
      </c>
      <c r="UUN53" s="7">
        <f t="shared" si="778"/>
        <v>5103.125</v>
      </c>
      <c r="UUO53" s="7">
        <f t="shared" si="778"/>
        <v>5103.125</v>
      </c>
      <c r="UUP53" s="7">
        <f t="shared" si="778"/>
        <v>5103.125</v>
      </c>
      <c r="UUQ53" s="7">
        <f t="shared" si="778"/>
        <v>5103.125</v>
      </c>
      <c r="UUR53" s="7">
        <f t="shared" si="778"/>
        <v>5103.125</v>
      </c>
      <c r="UUS53" s="7">
        <f t="shared" si="778"/>
        <v>5103.125</v>
      </c>
      <c r="UUT53" s="7">
        <f t="shared" si="778"/>
        <v>5103.125</v>
      </c>
      <c r="UUU53" s="7">
        <f t="shared" si="778"/>
        <v>5103.125</v>
      </c>
      <c r="UUV53" s="7">
        <f t="shared" si="778"/>
        <v>5103.125</v>
      </c>
      <c r="UUW53" s="7">
        <f t="shared" si="778"/>
        <v>5103.125</v>
      </c>
      <c r="UUX53" s="7">
        <f t="shared" si="778"/>
        <v>5103.125</v>
      </c>
      <c r="UUY53" s="7">
        <f t="shared" si="778"/>
        <v>5103.125</v>
      </c>
      <c r="UUZ53" s="7">
        <f t="shared" si="778"/>
        <v>5103.125</v>
      </c>
      <c r="UVA53" s="7">
        <f t="shared" si="778"/>
        <v>5103.125</v>
      </c>
      <c r="UVB53" s="7">
        <f t="shared" si="778"/>
        <v>5103.125</v>
      </c>
      <c r="UVC53" s="7">
        <f t="shared" si="778"/>
        <v>5103.125</v>
      </c>
      <c r="UVD53" s="7">
        <f t="shared" si="778"/>
        <v>5103.125</v>
      </c>
      <c r="UVE53" s="7">
        <f t="shared" si="778"/>
        <v>5103.125</v>
      </c>
      <c r="UVF53" s="7">
        <f t="shared" si="778"/>
        <v>5103.125</v>
      </c>
      <c r="UVG53" s="7">
        <f t="shared" si="778"/>
        <v>5103.125</v>
      </c>
      <c r="UVH53" s="7">
        <f t="shared" si="778"/>
        <v>5103.125</v>
      </c>
      <c r="UVI53" s="7">
        <f t="shared" si="778"/>
        <v>5103.125</v>
      </c>
      <c r="UVJ53" s="7">
        <f t="shared" si="778"/>
        <v>5103.125</v>
      </c>
      <c r="UVK53" s="7">
        <f t="shared" si="778"/>
        <v>5103.125</v>
      </c>
      <c r="UVL53" s="7">
        <f t="shared" si="778"/>
        <v>5103.125</v>
      </c>
      <c r="UVM53" s="7">
        <f t="shared" si="778"/>
        <v>5103.125</v>
      </c>
      <c r="UVN53" s="7">
        <f t="shared" si="778"/>
        <v>5103.125</v>
      </c>
      <c r="UVO53" s="7">
        <f t="shared" si="778"/>
        <v>5103.125</v>
      </c>
      <c r="UVP53" s="7">
        <f t="shared" si="778"/>
        <v>5103.125</v>
      </c>
      <c r="UVQ53" s="7">
        <f t="shared" si="778"/>
        <v>5103.125</v>
      </c>
      <c r="UVR53" s="7">
        <f t="shared" si="778"/>
        <v>5103.125</v>
      </c>
      <c r="UVS53" s="7">
        <f t="shared" si="778"/>
        <v>5103.125</v>
      </c>
      <c r="UVT53" s="7">
        <f t="shared" si="778"/>
        <v>5103.125</v>
      </c>
      <c r="UVU53" s="7">
        <f t="shared" si="778"/>
        <v>5103.125</v>
      </c>
      <c r="UVV53" s="7">
        <f t="shared" si="778"/>
        <v>5103.125</v>
      </c>
      <c r="UVW53" s="7">
        <f t="shared" si="778"/>
        <v>5103.125</v>
      </c>
      <c r="UVX53" s="7">
        <f t="shared" si="778"/>
        <v>5103.125</v>
      </c>
      <c r="UVY53" s="7">
        <f t="shared" si="778"/>
        <v>5103.125</v>
      </c>
      <c r="UVZ53" s="7">
        <f t="shared" ref="UVZ53:UYK53" si="779">UVZ48+UVY53</f>
        <v>5103.125</v>
      </c>
      <c r="UWA53" s="7">
        <f t="shared" si="779"/>
        <v>5103.125</v>
      </c>
      <c r="UWB53" s="7">
        <f t="shared" si="779"/>
        <v>5103.125</v>
      </c>
      <c r="UWC53" s="7">
        <f t="shared" si="779"/>
        <v>5103.125</v>
      </c>
      <c r="UWD53" s="7">
        <f t="shared" si="779"/>
        <v>5103.125</v>
      </c>
      <c r="UWE53" s="7">
        <f t="shared" si="779"/>
        <v>5103.125</v>
      </c>
      <c r="UWF53" s="7">
        <f t="shared" si="779"/>
        <v>5103.125</v>
      </c>
      <c r="UWG53" s="7">
        <f t="shared" si="779"/>
        <v>5103.125</v>
      </c>
      <c r="UWH53" s="7">
        <f t="shared" si="779"/>
        <v>5103.125</v>
      </c>
      <c r="UWI53" s="7">
        <f t="shared" si="779"/>
        <v>5103.125</v>
      </c>
      <c r="UWJ53" s="7">
        <f t="shared" si="779"/>
        <v>5103.125</v>
      </c>
      <c r="UWK53" s="7">
        <f t="shared" si="779"/>
        <v>5103.125</v>
      </c>
      <c r="UWL53" s="7">
        <f t="shared" si="779"/>
        <v>5103.125</v>
      </c>
      <c r="UWM53" s="7">
        <f t="shared" si="779"/>
        <v>5103.125</v>
      </c>
      <c r="UWN53" s="7">
        <f t="shared" si="779"/>
        <v>5103.125</v>
      </c>
      <c r="UWO53" s="7">
        <f t="shared" si="779"/>
        <v>5103.125</v>
      </c>
      <c r="UWP53" s="7">
        <f t="shared" si="779"/>
        <v>5103.125</v>
      </c>
      <c r="UWQ53" s="7">
        <f t="shared" si="779"/>
        <v>5103.125</v>
      </c>
      <c r="UWR53" s="7">
        <f t="shared" si="779"/>
        <v>5103.125</v>
      </c>
      <c r="UWS53" s="7">
        <f t="shared" si="779"/>
        <v>5103.125</v>
      </c>
      <c r="UWT53" s="7">
        <f t="shared" si="779"/>
        <v>5103.125</v>
      </c>
      <c r="UWU53" s="7">
        <f t="shared" si="779"/>
        <v>5103.125</v>
      </c>
      <c r="UWV53" s="7">
        <f t="shared" si="779"/>
        <v>5103.125</v>
      </c>
      <c r="UWW53" s="7">
        <f t="shared" si="779"/>
        <v>5103.125</v>
      </c>
      <c r="UWX53" s="7">
        <f t="shared" si="779"/>
        <v>5103.125</v>
      </c>
      <c r="UWY53" s="7">
        <f t="shared" si="779"/>
        <v>5103.125</v>
      </c>
      <c r="UWZ53" s="7">
        <f t="shared" si="779"/>
        <v>5103.125</v>
      </c>
      <c r="UXA53" s="7">
        <f t="shared" si="779"/>
        <v>5103.125</v>
      </c>
      <c r="UXB53" s="7">
        <f t="shared" si="779"/>
        <v>5103.125</v>
      </c>
      <c r="UXC53" s="7">
        <f t="shared" si="779"/>
        <v>5103.125</v>
      </c>
      <c r="UXD53" s="7">
        <f t="shared" si="779"/>
        <v>5103.125</v>
      </c>
      <c r="UXE53" s="7">
        <f t="shared" si="779"/>
        <v>5103.125</v>
      </c>
      <c r="UXF53" s="7">
        <f t="shared" si="779"/>
        <v>5103.125</v>
      </c>
      <c r="UXG53" s="7">
        <f t="shared" si="779"/>
        <v>5103.125</v>
      </c>
      <c r="UXH53" s="7">
        <f t="shared" si="779"/>
        <v>5103.125</v>
      </c>
      <c r="UXI53" s="7">
        <f t="shared" si="779"/>
        <v>5103.125</v>
      </c>
      <c r="UXJ53" s="7">
        <f t="shared" si="779"/>
        <v>5103.125</v>
      </c>
      <c r="UXK53" s="7">
        <f t="shared" si="779"/>
        <v>5103.125</v>
      </c>
      <c r="UXL53" s="7">
        <f t="shared" si="779"/>
        <v>5103.125</v>
      </c>
      <c r="UXM53" s="7">
        <f t="shared" si="779"/>
        <v>5103.125</v>
      </c>
      <c r="UXN53" s="7">
        <f t="shared" si="779"/>
        <v>5103.125</v>
      </c>
      <c r="UXO53" s="7">
        <f t="shared" si="779"/>
        <v>5103.125</v>
      </c>
      <c r="UXP53" s="7">
        <f t="shared" si="779"/>
        <v>5103.125</v>
      </c>
      <c r="UXQ53" s="7">
        <f t="shared" si="779"/>
        <v>5103.125</v>
      </c>
      <c r="UXR53" s="7">
        <f t="shared" si="779"/>
        <v>5103.125</v>
      </c>
      <c r="UXS53" s="7">
        <f t="shared" si="779"/>
        <v>5103.125</v>
      </c>
      <c r="UXT53" s="7">
        <f t="shared" si="779"/>
        <v>5103.125</v>
      </c>
      <c r="UXU53" s="7">
        <f t="shared" si="779"/>
        <v>5103.125</v>
      </c>
      <c r="UXV53" s="7">
        <f t="shared" si="779"/>
        <v>5103.125</v>
      </c>
      <c r="UXW53" s="7">
        <f t="shared" si="779"/>
        <v>5103.125</v>
      </c>
      <c r="UXX53" s="7">
        <f t="shared" si="779"/>
        <v>5103.125</v>
      </c>
      <c r="UXY53" s="7">
        <f t="shared" si="779"/>
        <v>5103.125</v>
      </c>
      <c r="UXZ53" s="7">
        <f t="shared" si="779"/>
        <v>5103.125</v>
      </c>
      <c r="UYA53" s="7">
        <f t="shared" si="779"/>
        <v>5103.125</v>
      </c>
      <c r="UYB53" s="7">
        <f t="shared" si="779"/>
        <v>5103.125</v>
      </c>
      <c r="UYC53" s="7">
        <f t="shared" si="779"/>
        <v>5103.125</v>
      </c>
      <c r="UYD53" s="7">
        <f t="shared" si="779"/>
        <v>5103.125</v>
      </c>
      <c r="UYE53" s="7">
        <f t="shared" si="779"/>
        <v>5103.125</v>
      </c>
      <c r="UYF53" s="7">
        <f t="shared" si="779"/>
        <v>5103.125</v>
      </c>
      <c r="UYG53" s="7">
        <f t="shared" si="779"/>
        <v>5103.125</v>
      </c>
      <c r="UYH53" s="7">
        <f t="shared" si="779"/>
        <v>5103.125</v>
      </c>
      <c r="UYI53" s="7">
        <f t="shared" si="779"/>
        <v>5103.125</v>
      </c>
      <c r="UYJ53" s="7">
        <f t="shared" si="779"/>
        <v>5103.125</v>
      </c>
      <c r="UYK53" s="7">
        <f t="shared" si="779"/>
        <v>5103.125</v>
      </c>
      <c r="UYL53" s="7">
        <f t="shared" ref="UYL53:VAW53" si="780">UYL48+UYK53</f>
        <v>5103.125</v>
      </c>
      <c r="UYM53" s="7">
        <f t="shared" si="780"/>
        <v>5103.125</v>
      </c>
      <c r="UYN53" s="7">
        <f t="shared" si="780"/>
        <v>5103.125</v>
      </c>
      <c r="UYO53" s="7">
        <f t="shared" si="780"/>
        <v>5103.125</v>
      </c>
      <c r="UYP53" s="7">
        <f t="shared" si="780"/>
        <v>5103.125</v>
      </c>
      <c r="UYQ53" s="7">
        <f t="shared" si="780"/>
        <v>5103.125</v>
      </c>
      <c r="UYR53" s="7">
        <f t="shared" si="780"/>
        <v>5103.125</v>
      </c>
      <c r="UYS53" s="7">
        <f t="shared" si="780"/>
        <v>5103.125</v>
      </c>
      <c r="UYT53" s="7">
        <f t="shared" si="780"/>
        <v>5103.125</v>
      </c>
      <c r="UYU53" s="7">
        <f t="shared" si="780"/>
        <v>5103.125</v>
      </c>
      <c r="UYV53" s="7">
        <f t="shared" si="780"/>
        <v>5103.125</v>
      </c>
      <c r="UYW53" s="7">
        <f t="shared" si="780"/>
        <v>5103.125</v>
      </c>
      <c r="UYX53" s="7">
        <f t="shared" si="780"/>
        <v>5103.125</v>
      </c>
      <c r="UYY53" s="7">
        <f t="shared" si="780"/>
        <v>5103.125</v>
      </c>
      <c r="UYZ53" s="7">
        <f t="shared" si="780"/>
        <v>5103.125</v>
      </c>
      <c r="UZA53" s="7">
        <f t="shared" si="780"/>
        <v>5103.125</v>
      </c>
      <c r="UZB53" s="7">
        <f t="shared" si="780"/>
        <v>5103.125</v>
      </c>
      <c r="UZC53" s="7">
        <f t="shared" si="780"/>
        <v>5103.125</v>
      </c>
      <c r="UZD53" s="7">
        <f t="shared" si="780"/>
        <v>5103.125</v>
      </c>
      <c r="UZE53" s="7">
        <f t="shared" si="780"/>
        <v>5103.125</v>
      </c>
      <c r="UZF53" s="7">
        <f t="shared" si="780"/>
        <v>5103.125</v>
      </c>
      <c r="UZG53" s="7">
        <f t="shared" si="780"/>
        <v>5103.125</v>
      </c>
      <c r="UZH53" s="7">
        <f t="shared" si="780"/>
        <v>5103.125</v>
      </c>
      <c r="UZI53" s="7">
        <f t="shared" si="780"/>
        <v>5103.125</v>
      </c>
      <c r="UZJ53" s="7">
        <f t="shared" si="780"/>
        <v>5103.125</v>
      </c>
      <c r="UZK53" s="7">
        <f t="shared" si="780"/>
        <v>5103.125</v>
      </c>
      <c r="UZL53" s="7">
        <f t="shared" si="780"/>
        <v>5103.125</v>
      </c>
      <c r="UZM53" s="7">
        <f t="shared" si="780"/>
        <v>5103.125</v>
      </c>
      <c r="UZN53" s="7">
        <f t="shared" si="780"/>
        <v>5103.125</v>
      </c>
      <c r="UZO53" s="7">
        <f t="shared" si="780"/>
        <v>5103.125</v>
      </c>
      <c r="UZP53" s="7">
        <f t="shared" si="780"/>
        <v>5103.125</v>
      </c>
      <c r="UZQ53" s="7">
        <f t="shared" si="780"/>
        <v>5103.125</v>
      </c>
      <c r="UZR53" s="7">
        <f t="shared" si="780"/>
        <v>5103.125</v>
      </c>
      <c r="UZS53" s="7">
        <f t="shared" si="780"/>
        <v>5103.125</v>
      </c>
      <c r="UZT53" s="7">
        <f t="shared" si="780"/>
        <v>5103.125</v>
      </c>
      <c r="UZU53" s="7">
        <f t="shared" si="780"/>
        <v>5103.125</v>
      </c>
      <c r="UZV53" s="7">
        <f t="shared" si="780"/>
        <v>5103.125</v>
      </c>
      <c r="UZW53" s="7">
        <f t="shared" si="780"/>
        <v>5103.125</v>
      </c>
      <c r="UZX53" s="7">
        <f t="shared" si="780"/>
        <v>5103.125</v>
      </c>
      <c r="UZY53" s="7">
        <f t="shared" si="780"/>
        <v>5103.125</v>
      </c>
      <c r="UZZ53" s="7">
        <f t="shared" si="780"/>
        <v>5103.125</v>
      </c>
      <c r="VAA53" s="7">
        <f t="shared" si="780"/>
        <v>5103.125</v>
      </c>
      <c r="VAB53" s="7">
        <f t="shared" si="780"/>
        <v>5103.125</v>
      </c>
      <c r="VAC53" s="7">
        <f t="shared" si="780"/>
        <v>5103.125</v>
      </c>
      <c r="VAD53" s="7">
        <f t="shared" si="780"/>
        <v>5103.125</v>
      </c>
      <c r="VAE53" s="7">
        <f t="shared" si="780"/>
        <v>5103.125</v>
      </c>
      <c r="VAF53" s="7">
        <f t="shared" si="780"/>
        <v>5103.125</v>
      </c>
      <c r="VAG53" s="7">
        <f t="shared" si="780"/>
        <v>5103.125</v>
      </c>
      <c r="VAH53" s="7">
        <f t="shared" si="780"/>
        <v>5103.125</v>
      </c>
      <c r="VAI53" s="7">
        <f t="shared" si="780"/>
        <v>5103.125</v>
      </c>
      <c r="VAJ53" s="7">
        <f t="shared" si="780"/>
        <v>5103.125</v>
      </c>
      <c r="VAK53" s="7">
        <f t="shared" si="780"/>
        <v>5103.125</v>
      </c>
      <c r="VAL53" s="7">
        <f t="shared" si="780"/>
        <v>5103.125</v>
      </c>
      <c r="VAM53" s="7">
        <f t="shared" si="780"/>
        <v>5103.125</v>
      </c>
      <c r="VAN53" s="7">
        <f t="shared" si="780"/>
        <v>5103.125</v>
      </c>
      <c r="VAO53" s="7">
        <f t="shared" si="780"/>
        <v>5103.125</v>
      </c>
      <c r="VAP53" s="7">
        <f t="shared" si="780"/>
        <v>5103.125</v>
      </c>
      <c r="VAQ53" s="7">
        <f t="shared" si="780"/>
        <v>5103.125</v>
      </c>
      <c r="VAR53" s="7">
        <f t="shared" si="780"/>
        <v>5103.125</v>
      </c>
      <c r="VAS53" s="7">
        <f t="shared" si="780"/>
        <v>5103.125</v>
      </c>
      <c r="VAT53" s="7">
        <f t="shared" si="780"/>
        <v>5103.125</v>
      </c>
      <c r="VAU53" s="7">
        <f t="shared" si="780"/>
        <v>5103.125</v>
      </c>
      <c r="VAV53" s="7">
        <f t="shared" si="780"/>
        <v>5103.125</v>
      </c>
      <c r="VAW53" s="7">
        <f t="shared" si="780"/>
        <v>5103.125</v>
      </c>
      <c r="VAX53" s="7">
        <f t="shared" ref="VAX53:VDI53" si="781">VAX48+VAW53</f>
        <v>5103.125</v>
      </c>
      <c r="VAY53" s="7">
        <f t="shared" si="781"/>
        <v>5103.125</v>
      </c>
      <c r="VAZ53" s="7">
        <f t="shared" si="781"/>
        <v>5103.125</v>
      </c>
      <c r="VBA53" s="7">
        <f t="shared" si="781"/>
        <v>5103.125</v>
      </c>
      <c r="VBB53" s="7">
        <f t="shared" si="781"/>
        <v>5103.125</v>
      </c>
      <c r="VBC53" s="7">
        <f t="shared" si="781"/>
        <v>5103.125</v>
      </c>
      <c r="VBD53" s="7">
        <f t="shared" si="781"/>
        <v>5103.125</v>
      </c>
      <c r="VBE53" s="7">
        <f t="shared" si="781"/>
        <v>5103.125</v>
      </c>
      <c r="VBF53" s="7">
        <f t="shared" si="781"/>
        <v>5103.125</v>
      </c>
      <c r="VBG53" s="7">
        <f t="shared" si="781"/>
        <v>5103.125</v>
      </c>
      <c r="VBH53" s="7">
        <f t="shared" si="781"/>
        <v>5103.125</v>
      </c>
      <c r="VBI53" s="7">
        <f t="shared" si="781"/>
        <v>5103.125</v>
      </c>
      <c r="VBJ53" s="7">
        <f t="shared" si="781"/>
        <v>5103.125</v>
      </c>
      <c r="VBK53" s="7">
        <f t="shared" si="781"/>
        <v>5103.125</v>
      </c>
      <c r="VBL53" s="7">
        <f t="shared" si="781"/>
        <v>5103.125</v>
      </c>
      <c r="VBM53" s="7">
        <f t="shared" si="781"/>
        <v>5103.125</v>
      </c>
      <c r="VBN53" s="7">
        <f t="shared" si="781"/>
        <v>5103.125</v>
      </c>
      <c r="VBO53" s="7">
        <f t="shared" si="781"/>
        <v>5103.125</v>
      </c>
      <c r="VBP53" s="7">
        <f t="shared" si="781"/>
        <v>5103.125</v>
      </c>
      <c r="VBQ53" s="7">
        <f t="shared" si="781"/>
        <v>5103.125</v>
      </c>
      <c r="VBR53" s="7">
        <f t="shared" si="781"/>
        <v>5103.125</v>
      </c>
      <c r="VBS53" s="7">
        <f t="shared" si="781"/>
        <v>5103.125</v>
      </c>
      <c r="VBT53" s="7">
        <f t="shared" si="781"/>
        <v>5103.125</v>
      </c>
      <c r="VBU53" s="7">
        <f t="shared" si="781"/>
        <v>5103.125</v>
      </c>
      <c r="VBV53" s="7">
        <f t="shared" si="781"/>
        <v>5103.125</v>
      </c>
      <c r="VBW53" s="7">
        <f t="shared" si="781"/>
        <v>5103.125</v>
      </c>
      <c r="VBX53" s="7">
        <f t="shared" si="781"/>
        <v>5103.125</v>
      </c>
      <c r="VBY53" s="7">
        <f t="shared" si="781"/>
        <v>5103.125</v>
      </c>
      <c r="VBZ53" s="7">
        <f t="shared" si="781"/>
        <v>5103.125</v>
      </c>
      <c r="VCA53" s="7">
        <f t="shared" si="781"/>
        <v>5103.125</v>
      </c>
      <c r="VCB53" s="7">
        <f t="shared" si="781"/>
        <v>5103.125</v>
      </c>
      <c r="VCC53" s="7">
        <f t="shared" si="781"/>
        <v>5103.125</v>
      </c>
      <c r="VCD53" s="7">
        <f t="shared" si="781"/>
        <v>5103.125</v>
      </c>
      <c r="VCE53" s="7">
        <f t="shared" si="781"/>
        <v>5103.125</v>
      </c>
      <c r="VCF53" s="7">
        <f t="shared" si="781"/>
        <v>5103.125</v>
      </c>
      <c r="VCG53" s="7">
        <f t="shared" si="781"/>
        <v>5103.125</v>
      </c>
      <c r="VCH53" s="7">
        <f t="shared" si="781"/>
        <v>5103.125</v>
      </c>
      <c r="VCI53" s="7">
        <f t="shared" si="781"/>
        <v>5103.125</v>
      </c>
      <c r="VCJ53" s="7">
        <f t="shared" si="781"/>
        <v>5103.125</v>
      </c>
      <c r="VCK53" s="7">
        <f t="shared" si="781"/>
        <v>5103.125</v>
      </c>
      <c r="VCL53" s="7">
        <f t="shared" si="781"/>
        <v>5103.125</v>
      </c>
      <c r="VCM53" s="7">
        <f t="shared" si="781"/>
        <v>5103.125</v>
      </c>
      <c r="VCN53" s="7">
        <f t="shared" si="781"/>
        <v>5103.125</v>
      </c>
      <c r="VCO53" s="7">
        <f t="shared" si="781"/>
        <v>5103.125</v>
      </c>
      <c r="VCP53" s="7">
        <f t="shared" si="781"/>
        <v>5103.125</v>
      </c>
      <c r="VCQ53" s="7">
        <f t="shared" si="781"/>
        <v>5103.125</v>
      </c>
      <c r="VCR53" s="7">
        <f t="shared" si="781"/>
        <v>5103.125</v>
      </c>
      <c r="VCS53" s="7">
        <f t="shared" si="781"/>
        <v>5103.125</v>
      </c>
      <c r="VCT53" s="7">
        <f t="shared" si="781"/>
        <v>5103.125</v>
      </c>
      <c r="VCU53" s="7">
        <f t="shared" si="781"/>
        <v>5103.125</v>
      </c>
      <c r="VCV53" s="7">
        <f t="shared" si="781"/>
        <v>5103.125</v>
      </c>
      <c r="VCW53" s="7">
        <f t="shared" si="781"/>
        <v>5103.125</v>
      </c>
      <c r="VCX53" s="7">
        <f t="shared" si="781"/>
        <v>5103.125</v>
      </c>
      <c r="VCY53" s="7">
        <f t="shared" si="781"/>
        <v>5103.125</v>
      </c>
      <c r="VCZ53" s="7">
        <f t="shared" si="781"/>
        <v>5103.125</v>
      </c>
      <c r="VDA53" s="7">
        <f t="shared" si="781"/>
        <v>5103.125</v>
      </c>
      <c r="VDB53" s="7">
        <f t="shared" si="781"/>
        <v>5103.125</v>
      </c>
      <c r="VDC53" s="7">
        <f t="shared" si="781"/>
        <v>5103.125</v>
      </c>
      <c r="VDD53" s="7">
        <f t="shared" si="781"/>
        <v>5103.125</v>
      </c>
      <c r="VDE53" s="7">
        <f t="shared" si="781"/>
        <v>5103.125</v>
      </c>
      <c r="VDF53" s="7">
        <f t="shared" si="781"/>
        <v>5103.125</v>
      </c>
      <c r="VDG53" s="7">
        <f t="shared" si="781"/>
        <v>5103.125</v>
      </c>
      <c r="VDH53" s="7">
        <f t="shared" si="781"/>
        <v>5103.125</v>
      </c>
      <c r="VDI53" s="7">
        <f t="shared" si="781"/>
        <v>5103.125</v>
      </c>
      <c r="VDJ53" s="7">
        <f t="shared" ref="VDJ53:VFU53" si="782">VDJ48+VDI53</f>
        <v>5103.125</v>
      </c>
      <c r="VDK53" s="7">
        <f t="shared" si="782"/>
        <v>5103.125</v>
      </c>
      <c r="VDL53" s="7">
        <f t="shared" si="782"/>
        <v>5103.125</v>
      </c>
      <c r="VDM53" s="7">
        <f t="shared" si="782"/>
        <v>5103.125</v>
      </c>
      <c r="VDN53" s="7">
        <f t="shared" si="782"/>
        <v>5103.125</v>
      </c>
      <c r="VDO53" s="7">
        <f t="shared" si="782"/>
        <v>5103.125</v>
      </c>
      <c r="VDP53" s="7">
        <f t="shared" si="782"/>
        <v>5103.125</v>
      </c>
      <c r="VDQ53" s="7">
        <f t="shared" si="782"/>
        <v>5103.125</v>
      </c>
      <c r="VDR53" s="7">
        <f t="shared" si="782"/>
        <v>5103.125</v>
      </c>
      <c r="VDS53" s="7">
        <f t="shared" si="782"/>
        <v>5103.125</v>
      </c>
      <c r="VDT53" s="7">
        <f t="shared" si="782"/>
        <v>5103.125</v>
      </c>
      <c r="VDU53" s="7">
        <f t="shared" si="782"/>
        <v>5103.125</v>
      </c>
      <c r="VDV53" s="7">
        <f t="shared" si="782"/>
        <v>5103.125</v>
      </c>
      <c r="VDW53" s="7">
        <f t="shared" si="782"/>
        <v>5103.125</v>
      </c>
      <c r="VDX53" s="7">
        <f t="shared" si="782"/>
        <v>5103.125</v>
      </c>
      <c r="VDY53" s="7">
        <f t="shared" si="782"/>
        <v>5103.125</v>
      </c>
      <c r="VDZ53" s="7">
        <f t="shared" si="782"/>
        <v>5103.125</v>
      </c>
      <c r="VEA53" s="7">
        <f t="shared" si="782"/>
        <v>5103.125</v>
      </c>
      <c r="VEB53" s="7">
        <f t="shared" si="782"/>
        <v>5103.125</v>
      </c>
      <c r="VEC53" s="7">
        <f t="shared" si="782"/>
        <v>5103.125</v>
      </c>
      <c r="VED53" s="7">
        <f t="shared" si="782"/>
        <v>5103.125</v>
      </c>
      <c r="VEE53" s="7">
        <f t="shared" si="782"/>
        <v>5103.125</v>
      </c>
      <c r="VEF53" s="7">
        <f t="shared" si="782"/>
        <v>5103.125</v>
      </c>
      <c r="VEG53" s="7">
        <f t="shared" si="782"/>
        <v>5103.125</v>
      </c>
      <c r="VEH53" s="7">
        <f t="shared" si="782"/>
        <v>5103.125</v>
      </c>
      <c r="VEI53" s="7">
        <f t="shared" si="782"/>
        <v>5103.125</v>
      </c>
      <c r="VEJ53" s="7">
        <f t="shared" si="782"/>
        <v>5103.125</v>
      </c>
      <c r="VEK53" s="7">
        <f t="shared" si="782"/>
        <v>5103.125</v>
      </c>
      <c r="VEL53" s="7">
        <f t="shared" si="782"/>
        <v>5103.125</v>
      </c>
      <c r="VEM53" s="7">
        <f t="shared" si="782"/>
        <v>5103.125</v>
      </c>
      <c r="VEN53" s="7">
        <f t="shared" si="782"/>
        <v>5103.125</v>
      </c>
      <c r="VEO53" s="7">
        <f t="shared" si="782"/>
        <v>5103.125</v>
      </c>
      <c r="VEP53" s="7">
        <f t="shared" si="782"/>
        <v>5103.125</v>
      </c>
      <c r="VEQ53" s="7">
        <f t="shared" si="782"/>
        <v>5103.125</v>
      </c>
      <c r="VER53" s="7">
        <f t="shared" si="782"/>
        <v>5103.125</v>
      </c>
      <c r="VES53" s="7">
        <f t="shared" si="782"/>
        <v>5103.125</v>
      </c>
      <c r="VET53" s="7">
        <f t="shared" si="782"/>
        <v>5103.125</v>
      </c>
      <c r="VEU53" s="7">
        <f t="shared" si="782"/>
        <v>5103.125</v>
      </c>
      <c r="VEV53" s="7">
        <f t="shared" si="782"/>
        <v>5103.125</v>
      </c>
      <c r="VEW53" s="7">
        <f t="shared" si="782"/>
        <v>5103.125</v>
      </c>
      <c r="VEX53" s="7">
        <f t="shared" si="782"/>
        <v>5103.125</v>
      </c>
      <c r="VEY53" s="7">
        <f t="shared" si="782"/>
        <v>5103.125</v>
      </c>
      <c r="VEZ53" s="7">
        <f t="shared" si="782"/>
        <v>5103.125</v>
      </c>
      <c r="VFA53" s="7">
        <f t="shared" si="782"/>
        <v>5103.125</v>
      </c>
      <c r="VFB53" s="7">
        <f t="shared" si="782"/>
        <v>5103.125</v>
      </c>
      <c r="VFC53" s="7">
        <f t="shared" si="782"/>
        <v>5103.125</v>
      </c>
      <c r="VFD53" s="7">
        <f t="shared" si="782"/>
        <v>5103.125</v>
      </c>
      <c r="VFE53" s="7">
        <f t="shared" si="782"/>
        <v>5103.125</v>
      </c>
      <c r="VFF53" s="7">
        <f t="shared" si="782"/>
        <v>5103.125</v>
      </c>
      <c r="VFG53" s="7">
        <f t="shared" si="782"/>
        <v>5103.125</v>
      </c>
      <c r="VFH53" s="7">
        <f t="shared" si="782"/>
        <v>5103.125</v>
      </c>
      <c r="VFI53" s="7">
        <f t="shared" si="782"/>
        <v>5103.125</v>
      </c>
      <c r="VFJ53" s="7">
        <f t="shared" si="782"/>
        <v>5103.125</v>
      </c>
      <c r="VFK53" s="7">
        <f t="shared" si="782"/>
        <v>5103.125</v>
      </c>
      <c r="VFL53" s="7">
        <f t="shared" si="782"/>
        <v>5103.125</v>
      </c>
      <c r="VFM53" s="7">
        <f t="shared" si="782"/>
        <v>5103.125</v>
      </c>
      <c r="VFN53" s="7">
        <f t="shared" si="782"/>
        <v>5103.125</v>
      </c>
      <c r="VFO53" s="7">
        <f t="shared" si="782"/>
        <v>5103.125</v>
      </c>
      <c r="VFP53" s="7">
        <f t="shared" si="782"/>
        <v>5103.125</v>
      </c>
      <c r="VFQ53" s="7">
        <f t="shared" si="782"/>
        <v>5103.125</v>
      </c>
      <c r="VFR53" s="7">
        <f t="shared" si="782"/>
        <v>5103.125</v>
      </c>
      <c r="VFS53" s="7">
        <f t="shared" si="782"/>
        <v>5103.125</v>
      </c>
      <c r="VFT53" s="7">
        <f t="shared" si="782"/>
        <v>5103.125</v>
      </c>
      <c r="VFU53" s="7">
        <f t="shared" si="782"/>
        <v>5103.125</v>
      </c>
      <c r="VFV53" s="7">
        <f t="shared" ref="VFV53:VIG53" si="783">VFV48+VFU53</f>
        <v>5103.125</v>
      </c>
      <c r="VFW53" s="7">
        <f t="shared" si="783"/>
        <v>5103.125</v>
      </c>
      <c r="VFX53" s="7">
        <f t="shared" si="783"/>
        <v>5103.125</v>
      </c>
      <c r="VFY53" s="7">
        <f t="shared" si="783"/>
        <v>5103.125</v>
      </c>
      <c r="VFZ53" s="7">
        <f t="shared" si="783"/>
        <v>5103.125</v>
      </c>
      <c r="VGA53" s="7">
        <f t="shared" si="783"/>
        <v>5103.125</v>
      </c>
      <c r="VGB53" s="7">
        <f t="shared" si="783"/>
        <v>5103.125</v>
      </c>
      <c r="VGC53" s="7">
        <f t="shared" si="783"/>
        <v>5103.125</v>
      </c>
      <c r="VGD53" s="7">
        <f t="shared" si="783"/>
        <v>5103.125</v>
      </c>
      <c r="VGE53" s="7">
        <f t="shared" si="783"/>
        <v>5103.125</v>
      </c>
      <c r="VGF53" s="7">
        <f t="shared" si="783"/>
        <v>5103.125</v>
      </c>
      <c r="VGG53" s="7">
        <f t="shared" si="783"/>
        <v>5103.125</v>
      </c>
      <c r="VGH53" s="7">
        <f t="shared" si="783"/>
        <v>5103.125</v>
      </c>
      <c r="VGI53" s="7">
        <f t="shared" si="783"/>
        <v>5103.125</v>
      </c>
      <c r="VGJ53" s="7">
        <f t="shared" si="783"/>
        <v>5103.125</v>
      </c>
      <c r="VGK53" s="7">
        <f t="shared" si="783"/>
        <v>5103.125</v>
      </c>
      <c r="VGL53" s="7">
        <f t="shared" si="783"/>
        <v>5103.125</v>
      </c>
      <c r="VGM53" s="7">
        <f t="shared" si="783"/>
        <v>5103.125</v>
      </c>
      <c r="VGN53" s="7">
        <f t="shared" si="783"/>
        <v>5103.125</v>
      </c>
      <c r="VGO53" s="7">
        <f t="shared" si="783"/>
        <v>5103.125</v>
      </c>
      <c r="VGP53" s="7">
        <f t="shared" si="783"/>
        <v>5103.125</v>
      </c>
      <c r="VGQ53" s="7">
        <f t="shared" si="783"/>
        <v>5103.125</v>
      </c>
      <c r="VGR53" s="7">
        <f t="shared" si="783"/>
        <v>5103.125</v>
      </c>
      <c r="VGS53" s="7">
        <f t="shared" si="783"/>
        <v>5103.125</v>
      </c>
      <c r="VGT53" s="7">
        <f t="shared" si="783"/>
        <v>5103.125</v>
      </c>
      <c r="VGU53" s="7">
        <f t="shared" si="783"/>
        <v>5103.125</v>
      </c>
      <c r="VGV53" s="7">
        <f t="shared" si="783"/>
        <v>5103.125</v>
      </c>
      <c r="VGW53" s="7">
        <f t="shared" si="783"/>
        <v>5103.125</v>
      </c>
      <c r="VGX53" s="7">
        <f t="shared" si="783"/>
        <v>5103.125</v>
      </c>
      <c r="VGY53" s="7">
        <f t="shared" si="783"/>
        <v>5103.125</v>
      </c>
      <c r="VGZ53" s="7">
        <f t="shared" si="783"/>
        <v>5103.125</v>
      </c>
      <c r="VHA53" s="7">
        <f t="shared" si="783"/>
        <v>5103.125</v>
      </c>
      <c r="VHB53" s="7">
        <f t="shared" si="783"/>
        <v>5103.125</v>
      </c>
      <c r="VHC53" s="7">
        <f t="shared" si="783"/>
        <v>5103.125</v>
      </c>
      <c r="VHD53" s="7">
        <f t="shared" si="783"/>
        <v>5103.125</v>
      </c>
      <c r="VHE53" s="7">
        <f t="shared" si="783"/>
        <v>5103.125</v>
      </c>
      <c r="VHF53" s="7">
        <f t="shared" si="783"/>
        <v>5103.125</v>
      </c>
      <c r="VHG53" s="7">
        <f t="shared" si="783"/>
        <v>5103.125</v>
      </c>
      <c r="VHH53" s="7">
        <f t="shared" si="783"/>
        <v>5103.125</v>
      </c>
      <c r="VHI53" s="7">
        <f t="shared" si="783"/>
        <v>5103.125</v>
      </c>
      <c r="VHJ53" s="7">
        <f t="shared" si="783"/>
        <v>5103.125</v>
      </c>
      <c r="VHK53" s="7">
        <f t="shared" si="783"/>
        <v>5103.125</v>
      </c>
      <c r="VHL53" s="7">
        <f t="shared" si="783"/>
        <v>5103.125</v>
      </c>
      <c r="VHM53" s="7">
        <f t="shared" si="783"/>
        <v>5103.125</v>
      </c>
      <c r="VHN53" s="7">
        <f t="shared" si="783"/>
        <v>5103.125</v>
      </c>
      <c r="VHO53" s="7">
        <f t="shared" si="783"/>
        <v>5103.125</v>
      </c>
      <c r="VHP53" s="7">
        <f t="shared" si="783"/>
        <v>5103.125</v>
      </c>
      <c r="VHQ53" s="7">
        <f t="shared" si="783"/>
        <v>5103.125</v>
      </c>
      <c r="VHR53" s="7">
        <f t="shared" si="783"/>
        <v>5103.125</v>
      </c>
      <c r="VHS53" s="7">
        <f t="shared" si="783"/>
        <v>5103.125</v>
      </c>
      <c r="VHT53" s="7">
        <f t="shared" si="783"/>
        <v>5103.125</v>
      </c>
      <c r="VHU53" s="7">
        <f t="shared" si="783"/>
        <v>5103.125</v>
      </c>
      <c r="VHV53" s="7">
        <f t="shared" si="783"/>
        <v>5103.125</v>
      </c>
      <c r="VHW53" s="7">
        <f t="shared" si="783"/>
        <v>5103.125</v>
      </c>
      <c r="VHX53" s="7">
        <f t="shared" si="783"/>
        <v>5103.125</v>
      </c>
      <c r="VHY53" s="7">
        <f t="shared" si="783"/>
        <v>5103.125</v>
      </c>
      <c r="VHZ53" s="7">
        <f t="shared" si="783"/>
        <v>5103.125</v>
      </c>
      <c r="VIA53" s="7">
        <f t="shared" si="783"/>
        <v>5103.125</v>
      </c>
      <c r="VIB53" s="7">
        <f t="shared" si="783"/>
        <v>5103.125</v>
      </c>
      <c r="VIC53" s="7">
        <f t="shared" si="783"/>
        <v>5103.125</v>
      </c>
      <c r="VID53" s="7">
        <f t="shared" si="783"/>
        <v>5103.125</v>
      </c>
      <c r="VIE53" s="7">
        <f t="shared" si="783"/>
        <v>5103.125</v>
      </c>
      <c r="VIF53" s="7">
        <f t="shared" si="783"/>
        <v>5103.125</v>
      </c>
      <c r="VIG53" s="7">
        <f t="shared" si="783"/>
        <v>5103.125</v>
      </c>
      <c r="VIH53" s="7">
        <f t="shared" ref="VIH53:VKS53" si="784">VIH48+VIG53</f>
        <v>5103.125</v>
      </c>
      <c r="VII53" s="7">
        <f t="shared" si="784"/>
        <v>5103.125</v>
      </c>
      <c r="VIJ53" s="7">
        <f t="shared" si="784"/>
        <v>5103.125</v>
      </c>
      <c r="VIK53" s="7">
        <f t="shared" si="784"/>
        <v>5103.125</v>
      </c>
      <c r="VIL53" s="7">
        <f t="shared" si="784"/>
        <v>5103.125</v>
      </c>
      <c r="VIM53" s="7">
        <f t="shared" si="784"/>
        <v>5103.125</v>
      </c>
      <c r="VIN53" s="7">
        <f t="shared" si="784"/>
        <v>5103.125</v>
      </c>
      <c r="VIO53" s="7">
        <f t="shared" si="784"/>
        <v>5103.125</v>
      </c>
      <c r="VIP53" s="7">
        <f t="shared" si="784"/>
        <v>5103.125</v>
      </c>
      <c r="VIQ53" s="7">
        <f t="shared" si="784"/>
        <v>5103.125</v>
      </c>
      <c r="VIR53" s="7">
        <f t="shared" si="784"/>
        <v>5103.125</v>
      </c>
      <c r="VIS53" s="7">
        <f t="shared" si="784"/>
        <v>5103.125</v>
      </c>
      <c r="VIT53" s="7">
        <f t="shared" si="784"/>
        <v>5103.125</v>
      </c>
      <c r="VIU53" s="7">
        <f t="shared" si="784"/>
        <v>5103.125</v>
      </c>
      <c r="VIV53" s="7">
        <f t="shared" si="784"/>
        <v>5103.125</v>
      </c>
      <c r="VIW53" s="7">
        <f t="shared" si="784"/>
        <v>5103.125</v>
      </c>
      <c r="VIX53" s="7">
        <f t="shared" si="784"/>
        <v>5103.125</v>
      </c>
      <c r="VIY53" s="7">
        <f t="shared" si="784"/>
        <v>5103.125</v>
      </c>
      <c r="VIZ53" s="7">
        <f t="shared" si="784"/>
        <v>5103.125</v>
      </c>
      <c r="VJA53" s="7">
        <f t="shared" si="784"/>
        <v>5103.125</v>
      </c>
      <c r="VJB53" s="7">
        <f t="shared" si="784"/>
        <v>5103.125</v>
      </c>
      <c r="VJC53" s="7">
        <f t="shared" si="784"/>
        <v>5103.125</v>
      </c>
      <c r="VJD53" s="7">
        <f t="shared" si="784"/>
        <v>5103.125</v>
      </c>
      <c r="VJE53" s="7">
        <f t="shared" si="784"/>
        <v>5103.125</v>
      </c>
      <c r="VJF53" s="7">
        <f t="shared" si="784"/>
        <v>5103.125</v>
      </c>
      <c r="VJG53" s="7">
        <f t="shared" si="784"/>
        <v>5103.125</v>
      </c>
      <c r="VJH53" s="7">
        <f t="shared" si="784"/>
        <v>5103.125</v>
      </c>
      <c r="VJI53" s="7">
        <f t="shared" si="784"/>
        <v>5103.125</v>
      </c>
      <c r="VJJ53" s="7">
        <f t="shared" si="784"/>
        <v>5103.125</v>
      </c>
      <c r="VJK53" s="7">
        <f t="shared" si="784"/>
        <v>5103.125</v>
      </c>
      <c r="VJL53" s="7">
        <f t="shared" si="784"/>
        <v>5103.125</v>
      </c>
      <c r="VJM53" s="7">
        <f t="shared" si="784"/>
        <v>5103.125</v>
      </c>
      <c r="VJN53" s="7">
        <f t="shared" si="784"/>
        <v>5103.125</v>
      </c>
      <c r="VJO53" s="7">
        <f t="shared" si="784"/>
        <v>5103.125</v>
      </c>
      <c r="VJP53" s="7">
        <f t="shared" si="784"/>
        <v>5103.125</v>
      </c>
      <c r="VJQ53" s="7">
        <f t="shared" si="784"/>
        <v>5103.125</v>
      </c>
      <c r="VJR53" s="7">
        <f t="shared" si="784"/>
        <v>5103.125</v>
      </c>
      <c r="VJS53" s="7">
        <f t="shared" si="784"/>
        <v>5103.125</v>
      </c>
      <c r="VJT53" s="7">
        <f t="shared" si="784"/>
        <v>5103.125</v>
      </c>
      <c r="VJU53" s="7">
        <f t="shared" si="784"/>
        <v>5103.125</v>
      </c>
      <c r="VJV53" s="7">
        <f t="shared" si="784"/>
        <v>5103.125</v>
      </c>
      <c r="VJW53" s="7">
        <f t="shared" si="784"/>
        <v>5103.125</v>
      </c>
      <c r="VJX53" s="7">
        <f t="shared" si="784"/>
        <v>5103.125</v>
      </c>
      <c r="VJY53" s="7">
        <f t="shared" si="784"/>
        <v>5103.125</v>
      </c>
      <c r="VJZ53" s="7">
        <f t="shared" si="784"/>
        <v>5103.125</v>
      </c>
      <c r="VKA53" s="7">
        <f t="shared" si="784"/>
        <v>5103.125</v>
      </c>
      <c r="VKB53" s="7">
        <f t="shared" si="784"/>
        <v>5103.125</v>
      </c>
      <c r="VKC53" s="7">
        <f t="shared" si="784"/>
        <v>5103.125</v>
      </c>
      <c r="VKD53" s="7">
        <f t="shared" si="784"/>
        <v>5103.125</v>
      </c>
      <c r="VKE53" s="7">
        <f t="shared" si="784"/>
        <v>5103.125</v>
      </c>
      <c r="VKF53" s="7">
        <f t="shared" si="784"/>
        <v>5103.125</v>
      </c>
      <c r="VKG53" s="7">
        <f t="shared" si="784"/>
        <v>5103.125</v>
      </c>
      <c r="VKH53" s="7">
        <f t="shared" si="784"/>
        <v>5103.125</v>
      </c>
      <c r="VKI53" s="7">
        <f t="shared" si="784"/>
        <v>5103.125</v>
      </c>
      <c r="VKJ53" s="7">
        <f t="shared" si="784"/>
        <v>5103.125</v>
      </c>
      <c r="VKK53" s="7">
        <f t="shared" si="784"/>
        <v>5103.125</v>
      </c>
      <c r="VKL53" s="7">
        <f t="shared" si="784"/>
        <v>5103.125</v>
      </c>
      <c r="VKM53" s="7">
        <f t="shared" si="784"/>
        <v>5103.125</v>
      </c>
      <c r="VKN53" s="7">
        <f t="shared" si="784"/>
        <v>5103.125</v>
      </c>
      <c r="VKO53" s="7">
        <f t="shared" si="784"/>
        <v>5103.125</v>
      </c>
      <c r="VKP53" s="7">
        <f t="shared" si="784"/>
        <v>5103.125</v>
      </c>
      <c r="VKQ53" s="7">
        <f t="shared" si="784"/>
        <v>5103.125</v>
      </c>
      <c r="VKR53" s="7">
        <f t="shared" si="784"/>
        <v>5103.125</v>
      </c>
      <c r="VKS53" s="7">
        <f t="shared" si="784"/>
        <v>5103.125</v>
      </c>
      <c r="VKT53" s="7">
        <f t="shared" ref="VKT53:VNE53" si="785">VKT48+VKS53</f>
        <v>5103.125</v>
      </c>
      <c r="VKU53" s="7">
        <f t="shared" si="785"/>
        <v>5103.125</v>
      </c>
      <c r="VKV53" s="7">
        <f t="shared" si="785"/>
        <v>5103.125</v>
      </c>
      <c r="VKW53" s="7">
        <f t="shared" si="785"/>
        <v>5103.125</v>
      </c>
      <c r="VKX53" s="7">
        <f t="shared" si="785"/>
        <v>5103.125</v>
      </c>
      <c r="VKY53" s="7">
        <f t="shared" si="785"/>
        <v>5103.125</v>
      </c>
      <c r="VKZ53" s="7">
        <f t="shared" si="785"/>
        <v>5103.125</v>
      </c>
      <c r="VLA53" s="7">
        <f t="shared" si="785"/>
        <v>5103.125</v>
      </c>
      <c r="VLB53" s="7">
        <f t="shared" si="785"/>
        <v>5103.125</v>
      </c>
      <c r="VLC53" s="7">
        <f t="shared" si="785"/>
        <v>5103.125</v>
      </c>
      <c r="VLD53" s="7">
        <f t="shared" si="785"/>
        <v>5103.125</v>
      </c>
      <c r="VLE53" s="7">
        <f t="shared" si="785"/>
        <v>5103.125</v>
      </c>
      <c r="VLF53" s="7">
        <f t="shared" si="785"/>
        <v>5103.125</v>
      </c>
      <c r="VLG53" s="7">
        <f t="shared" si="785"/>
        <v>5103.125</v>
      </c>
      <c r="VLH53" s="7">
        <f t="shared" si="785"/>
        <v>5103.125</v>
      </c>
      <c r="VLI53" s="7">
        <f t="shared" si="785"/>
        <v>5103.125</v>
      </c>
      <c r="VLJ53" s="7">
        <f t="shared" si="785"/>
        <v>5103.125</v>
      </c>
      <c r="VLK53" s="7">
        <f t="shared" si="785"/>
        <v>5103.125</v>
      </c>
      <c r="VLL53" s="7">
        <f t="shared" si="785"/>
        <v>5103.125</v>
      </c>
      <c r="VLM53" s="7">
        <f t="shared" si="785"/>
        <v>5103.125</v>
      </c>
      <c r="VLN53" s="7">
        <f t="shared" si="785"/>
        <v>5103.125</v>
      </c>
      <c r="VLO53" s="7">
        <f t="shared" si="785"/>
        <v>5103.125</v>
      </c>
      <c r="VLP53" s="7">
        <f t="shared" si="785"/>
        <v>5103.125</v>
      </c>
      <c r="VLQ53" s="7">
        <f t="shared" si="785"/>
        <v>5103.125</v>
      </c>
      <c r="VLR53" s="7">
        <f t="shared" si="785"/>
        <v>5103.125</v>
      </c>
      <c r="VLS53" s="7">
        <f t="shared" si="785"/>
        <v>5103.125</v>
      </c>
      <c r="VLT53" s="7">
        <f t="shared" si="785"/>
        <v>5103.125</v>
      </c>
      <c r="VLU53" s="7">
        <f t="shared" si="785"/>
        <v>5103.125</v>
      </c>
      <c r="VLV53" s="7">
        <f t="shared" si="785"/>
        <v>5103.125</v>
      </c>
      <c r="VLW53" s="7">
        <f t="shared" si="785"/>
        <v>5103.125</v>
      </c>
      <c r="VLX53" s="7">
        <f t="shared" si="785"/>
        <v>5103.125</v>
      </c>
      <c r="VLY53" s="7">
        <f t="shared" si="785"/>
        <v>5103.125</v>
      </c>
      <c r="VLZ53" s="7">
        <f t="shared" si="785"/>
        <v>5103.125</v>
      </c>
      <c r="VMA53" s="7">
        <f t="shared" si="785"/>
        <v>5103.125</v>
      </c>
      <c r="VMB53" s="7">
        <f t="shared" si="785"/>
        <v>5103.125</v>
      </c>
      <c r="VMC53" s="7">
        <f t="shared" si="785"/>
        <v>5103.125</v>
      </c>
      <c r="VMD53" s="7">
        <f t="shared" si="785"/>
        <v>5103.125</v>
      </c>
      <c r="VME53" s="7">
        <f t="shared" si="785"/>
        <v>5103.125</v>
      </c>
      <c r="VMF53" s="7">
        <f t="shared" si="785"/>
        <v>5103.125</v>
      </c>
      <c r="VMG53" s="7">
        <f t="shared" si="785"/>
        <v>5103.125</v>
      </c>
      <c r="VMH53" s="7">
        <f t="shared" si="785"/>
        <v>5103.125</v>
      </c>
      <c r="VMI53" s="7">
        <f t="shared" si="785"/>
        <v>5103.125</v>
      </c>
      <c r="VMJ53" s="7">
        <f t="shared" si="785"/>
        <v>5103.125</v>
      </c>
      <c r="VMK53" s="7">
        <f t="shared" si="785"/>
        <v>5103.125</v>
      </c>
      <c r="VML53" s="7">
        <f t="shared" si="785"/>
        <v>5103.125</v>
      </c>
      <c r="VMM53" s="7">
        <f t="shared" si="785"/>
        <v>5103.125</v>
      </c>
      <c r="VMN53" s="7">
        <f t="shared" si="785"/>
        <v>5103.125</v>
      </c>
      <c r="VMO53" s="7">
        <f t="shared" si="785"/>
        <v>5103.125</v>
      </c>
      <c r="VMP53" s="7">
        <f t="shared" si="785"/>
        <v>5103.125</v>
      </c>
      <c r="VMQ53" s="7">
        <f t="shared" si="785"/>
        <v>5103.125</v>
      </c>
      <c r="VMR53" s="7">
        <f t="shared" si="785"/>
        <v>5103.125</v>
      </c>
      <c r="VMS53" s="7">
        <f t="shared" si="785"/>
        <v>5103.125</v>
      </c>
      <c r="VMT53" s="7">
        <f t="shared" si="785"/>
        <v>5103.125</v>
      </c>
      <c r="VMU53" s="7">
        <f t="shared" si="785"/>
        <v>5103.125</v>
      </c>
      <c r="VMV53" s="7">
        <f t="shared" si="785"/>
        <v>5103.125</v>
      </c>
      <c r="VMW53" s="7">
        <f t="shared" si="785"/>
        <v>5103.125</v>
      </c>
      <c r="VMX53" s="7">
        <f t="shared" si="785"/>
        <v>5103.125</v>
      </c>
      <c r="VMY53" s="7">
        <f t="shared" si="785"/>
        <v>5103.125</v>
      </c>
      <c r="VMZ53" s="7">
        <f t="shared" si="785"/>
        <v>5103.125</v>
      </c>
      <c r="VNA53" s="7">
        <f t="shared" si="785"/>
        <v>5103.125</v>
      </c>
      <c r="VNB53" s="7">
        <f t="shared" si="785"/>
        <v>5103.125</v>
      </c>
      <c r="VNC53" s="7">
        <f t="shared" si="785"/>
        <v>5103.125</v>
      </c>
      <c r="VND53" s="7">
        <f t="shared" si="785"/>
        <v>5103.125</v>
      </c>
      <c r="VNE53" s="7">
        <f t="shared" si="785"/>
        <v>5103.125</v>
      </c>
      <c r="VNF53" s="7">
        <f t="shared" ref="VNF53:VPQ53" si="786">VNF48+VNE53</f>
        <v>5103.125</v>
      </c>
      <c r="VNG53" s="7">
        <f t="shared" si="786"/>
        <v>5103.125</v>
      </c>
      <c r="VNH53" s="7">
        <f t="shared" si="786"/>
        <v>5103.125</v>
      </c>
      <c r="VNI53" s="7">
        <f t="shared" si="786"/>
        <v>5103.125</v>
      </c>
      <c r="VNJ53" s="7">
        <f t="shared" si="786"/>
        <v>5103.125</v>
      </c>
      <c r="VNK53" s="7">
        <f t="shared" si="786"/>
        <v>5103.125</v>
      </c>
      <c r="VNL53" s="7">
        <f t="shared" si="786"/>
        <v>5103.125</v>
      </c>
      <c r="VNM53" s="7">
        <f t="shared" si="786"/>
        <v>5103.125</v>
      </c>
      <c r="VNN53" s="7">
        <f t="shared" si="786"/>
        <v>5103.125</v>
      </c>
      <c r="VNO53" s="7">
        <f t="shared" si="786"/>
        <v>5103.125</v>
      </c>
      <c r="VNP53" s="7">
        <f t="shared" si="786"/>
        <v>5103.125</v>
      </c>
      <c r="VNQ53" s="7">
        <f t="shared" si="786"/>
        <v>5103.125</v>
      </c>
      <c r="VNR53" s="7">
        <f t="shared" si="786"/>
        <v>5103.125</v>
      </c>
      <c r="VNS53" s="7">
        <f t="shared" si="786"/>
        <v>5103.125</v>
      </c>
      <c r="VNT53" s="7">
        <f t="shared" si="786"/>
        <v>5103.125</v>
      </c>
      <c r="VNU53" s="7">
        <f t="shared" si="786"/>
        <v>5103.125</v>
      </c>
      <c r="VNV53" s="7">
        <f t="shared" si="786"/>
        <v>5103.125</v>
      </c>
      <c r="VNW53" s="7">
        <f t="shared" si="786"/>
        <v>5103.125</v>
      </c>
      <c r="VNX53" s="7">
        <f t="shared" si="786"/>
        <v>5103.125</v>
      </c>
      <c r="VNY53" s="7">
        <f t="shared" si="786"/>
        <v>5103.125</v>
      </c>
      <c r="VNZ53" s="7">
        <f t="shared" si="786"/>
        <v>5103.125</v>
      </c>
      <c r="VOA53" s="7">
        <f t="shared" si="786"/>
        <v>5103.125</v>
      </c>
      <c r="VOB53" s="7">
        <f t="shared" si="786"/>
        <v>5103.125</v>
      </c>
      <c r="VOC53" s="7">
        <f t="shared" si="786"/>
        <v>5103.125</v>
      </c>
      <c r="VOD53" s="7">
        <f t="shared" si="786"/>
        <v>5103.125</v>
      </c>
      <c r="VOE53" s="7">
        <f t="shared" si="786"/>
        <v>5103.125</v>
      </c>
      <c r="VOF53" s="7">
        <f t="shared" si="786"/>
        <v>5103.125</v>
      </c>
      <c r="VOG53" s="7">
        <f t="shared" si="786"/>
        <v>5103.125</v>
      </c>
      <c r="VOH53" s="7">
        <f t="shared" si="786"/>
        <v>5103.125</v>
      </c>
      <c r="VOI53" s="7">
        <f t="shared" si="786"/>
        <v>5103.125</v>
      </c>
      <c r="VOJ53" s="7">
        <f t="shared" si="786"/>
        <v>5103.125</v>
      </c>
      <c r="VOK53" s="7">
        <f t="shared" si="786"/>
        <v>5103.125</v>
      </c>
      <c r="VOL53" s="7">
        <f t="shared" si="786"/>
        <v>5103.125</v>
      </c>
      <c r="VOM53" s="7">
        <f t="shared" si="786"/>
        <v>5103.125</v>
      </c>
      <c r="VON53" s="7">
        <f t="shared" si="786"/>
        <v>5103.125</v>
      </c>
      <c r="VOO53" s="7">
        <f t="shared" si="786"/>
        <v>5103.125</v>
      </c>
      <c r="VOP53" s="7">
        <f t="shared" si="786"/>
        <v>5103.125</v>
      </c>
      <c r="VOQ53" s="7">
        <f t="shared" si="786"/>
        <v>5103.125</v>
      </c>
      <c r="VOR53" s="7">
        <f t="shared" si="786"/>
        <v>5103.125</v>
      </c>
      <c r="VOS53" s="7">
        <f t="shared" si="786"/>
        <v>5103.125</v>
      </c>
      <c r="VOT53" s="7">
        <f t="shared" si="786"/>
        <v>5103.125</v>
      </c>
      <c r="VOU53" s="7">
        <f t="shared" si="786"/>
        <v>5103.125</v>
      </c>
      <c r="VOV53" s="7">
        <f t="shared" si="786"/>
        <v>5103.125</v>
      </c>
      <c r="VOW53" s="7">
        <f t="shared" si="786"/>
        <v>5103.125</v>
      </c>
      <c r="VOX53" s="7">
        <f t="shared" si="786"/>
        <v>5103.125</v>
      </c>
      <c r="VOY53" s="7">
        <f t="shared" si="786"/>
        <v>5103.125</v>
      </c>
      <c r="VOZ53" s="7">
        <f t="shared" si="786"/>
        <v>5103.125</v>
      </c>
      <c r="VPA53" s="7">
        <f t="shared" si="786"/>
        <v>5103.125</v>
      </c>
      <c r="VPB53" s="7">
        <f t="shared" si="786"/>
        <v>5103.125</v>
      </c>
      <c r="VPC53" s="7">
        <f t="shared" si="786"/>
        <v>5103.125</v>
      </c>
      <c r="VPD53" s="7">
        <f t="shared" si="786"/>
        <v>5103.125</v>
      </c>
      <c r="VPE53" s="7">
        <f t="shared" si="786"/>
        <v>5103.125</v>
      </c>
      <c r="VPF53" s="7">
        <f t="shared" si="786"/>
        <v>5103.125</v>
      </c>
      <c r="VPG53" s="7">
        <f t="shared" si="786"/>
        <v>5103.125</v>
      </c>
      <c r="VPH53" s="7">
        <f t="shared" si="786"/>
        <v>5103.125</v>
      </c>
      <c r="VPI53" s="7">
        <f t="shared" si="786"/>
        <v>5103.125</v>
      </c>
      <c r="VPJ53" s="7">
        <f t="shared" si="786"/>
        <v>5103.125</v>
      </c>
      <c r="VPK53" s="7">
        <f t="shared" si="786"/>
        <v>5103.125</v>
      </c>
      <c r="VPL53" s="7">
        <f t="shared" si="786"/>
        <v>5103.125</v>
      </c>
      <c r="VPM53" s="7">
        <f t="shared" si="786"/>
        <v>5103.125</v>
      </c>
      <c r="VPN53" s="7">
        <f t="shared" si="786"/>
        <v>5103.125</v>
      </c>
      <c r="VPO53" s="7">
        <f t="shared" si="786"/>
        <v>5103.125</v>
      </c>
      <c r="VPP53" s="7">
        <f t="shared" si="786"/>
        <v>5103.125</v>
      </c>
      <c r="VPQ53" s="7">
        <f t="shared" si="786"/>
        <v>5103.125</v>
      </c>
      <c r="VPR53" s="7">
        <f t="shared" ref="VPR53:VSC53" si="787">VPR48+VPQ53</f>
        <v>5103.125</v>
      </c>
      <c r="VPS53" s="7">
        <f t="shared" si="787"/>
        <v>5103.125</v>
      </c>
      <c r="VPT53" s="7">
        <f t="shared" si="787"/>
        <v>5103.125</v>
      </c>
      <c r="VPU53" s="7">
        <f t="shared" si="787"/>
        <v>5103.125</v>
      </c>
      <c r="VPV53" s="7">
        <f t="shared" si="787"/>
        <v>5103.125</v>
      </c>
      <c r="VPW53" s="7">
        <f t="shared" si="787"/>
        <v>5103.125</v>
      </c>
      <c r="VPX53" s="7">
        <f t="shared" si="787"/>
        <v>5103.125</v>
      </c>
      <c r="VPY53" s="7">
        <f t="shared" si="787"/>
        <v>5103.125</v>
      </c>
      <c r="VPZ53" s="7">
        <f t="shared" si="787"/>
        <v>5103.125</v>
      </c>
      <c r="VQA53" s="7">
        <f t="shared" si="787"/>
        <v>5103.125</v>
      </c>
      <c r="VQB53" s="7">
        <f t="shared" si="787"/>
        <v>5103.125</v>
      </c>
      <c r="VQC53" s="7">
        <f t="shared" si="787"/>
        <v>5103.125</v>
      </c>
      <c r="VQD53" s="7">
        <f t="shared" si="787"/>
        <v>5103.125</v>
      </c>
      <c r="VQE53" s="7">
        <f t="shared" si="787"/>
        <v>5103.125</v>
      </c>
      <c r="VQF53" s="7">
        <f t="shared" si="787"/>
        <v>5103.125</v>
      </c>
      <c r="VQG53" s="7">
        <f t="shared" si="787"/>
        <v>5103.125</v>
      </c>
      <c r="VQH53" s="7">
        <f t="shared" si="787"/>
        <v>5103.125</v>
      </c>
      <c r="VQI53" s="7">
        <f t="shared" si="787"/>
        <v>5103.125</v>
      </c>
      <c r="VQJ53" s="7">
        <f t="shared" si="787"/>
        <v>5103.125</v>
      </c>
      <c r="VQK53" s="7">
        <f t="shared" si="787"/>
        <v>5103.125</v>
      </c>
      <c r="VQL53" s="7">
        <f t="shared" si="787"/>
        <v>5103.125</v>
      </c>
      <c r="VQM53" s="7">
        <f t="shared" si="787"/>
        <v>5103.125</v>
      </c>
      <c r="VQN53" s="7">
        <f t="shared" si="787"/>
        <v>5103.125</v>
      </c>
      <c r="VQO53" s="7">
        <f t="shared" si="787"/>
        <v>5103.125</v>
      </c>
      <c r="VQP53" s="7">
        <f t="shared" si="787"/>
        <v>5103.125</v>
      </c>
      <c r="VQQ53" s="7">
        <f t="shared" si="787"/>
        <v>5103.125</v>
      </c>
      <c r="VQR53" s="7">
        <f t="shared" si="787"/>
        <v>5103.125</v>
      </c>
      <c r="VQS53" s="7">
        <f t="shared" si="787"/>
        <v>5103.125</v>
      </c>
      <c r="VQT53" s="7">
        <f t="shared" si="787"/>
        <v>5103.125</v>
      </c>
      <c r="VQU53" s="7">
        <f t="shared" si="787"/>
        <v>5103.125</v>
      </c>
      <c r="VQV53" s="7">
        <f t="shared" si="787"/>
        <v>5103.125</v>
      </c>
      <c r="VQW53" s="7">
        <f t="shared" si="787"/>
        <v>5103.125</v>
      </c>
      <c r="VQX53" s="7">
        <f t="shared" si="787"/>
        <v>5103.125</v>
      </c>
      <c r="VQY53" s="7">
        <f t="shared" si="787"/>
        <v>5103.125</v>
      </c>
      <c r="VQZ53" s="7">
        <f t="shared" si="787"/>
        <v>5103.125</v>
      </c>
      <c r="VRA53" s="7">
        <f t="shared" si="787"/>
        <v>5103.125</v>
      </c>
      <c r="VRB53" s="7">
        <f t="shared" si="787"/>
        <v>5103.125</v>
      </c>
      <c r="VRC53" s="7">
        <f t="shared" si="787"/>
        <v>5103.125</v>
      </c>
      <c r="VRD53" s="7">
        <f t="shared" si="787"/>
        <v>5103.125</v>
      </c>
      <c r="VRE53" s="7">
        <f t="shared" si="787"/>
        <v>5103.125</v>
      </c>
      <c r="VRF53" s="7">
        <f t="shared" si="787"/>
        <v>5103.125</v>
      </c>
      <c r="VRG53" s="7">
        <f t="shared" si="787"/>
        <v>5103.125</v>
      </c>
      <c r="VRH53" s="7">
        <f t="shared" si="787"/>
        <v>5103.125</v>
      </c>
      <c r="VRI53" s="7">
        <f t="shared" si="787"/>
        <v>5103.125</v>
      </c>
      <c r="VRJ53" s="7">
        <f t="shared" si="787"/>
        <v>5103.125</v>
      </c>
      <c r="VRK53" s="7">
        <f t="shared" si="787"/>
        <v>5103.125</v>
      </c>
      <c r="VRL53" s="7">
        <f t="shared" si="787"/>
        <v>5103.125</v>
      </c>
      <c r="VRM53" s="7">
        <f t="shared" si="787"/>
        <v>5103.125</v>
      </c>
      <c r="VRN53" s="7">
        <f t="shared" si="787"/>
        <v>5103.125</v>
      </c>
      <c r="VRO53" s="7">
        <f t="shared" si="787"/>
        <v>5103.125</v>
      </c>
      <c r="VRP53" s="7">
        <f t="shared" si="787"/>
        <v>5103.125</v>
      </c>
      <c r="VRQ53" s="7">
        <f t="shared" si="787"/>
        <v>5103.125</v>
      </c>
      <c r="VRR53" s="7">
        <f t="shared" si="787"/>
        <v>5103.125</v>
      </c>
      <c r="VRS53" s="7">
        <f t="shared" si="787"/>
        <v>5103.125</v>
      </c>
      <c r="VRT53" s="7">
        <f t="shared" si="787"/>
        <v>5103.125</v>
      </c>
      <c r="VRU53" s="7">
        <f t="shared" si="787"/>
        <v>5103.125</v>
      </c>
      <c r="VRV53" s="7">
        <f t="shared" si="787"/>
        <v>5103.125</v>
      </c>
      <c r="VRW53" s="7">
        <f t="shared" si="787"/>
        <v>5103.125</v>
      </c>
      <c r="VRX53" s="7">
        <f t="shared" si="787"/>
        <v>5103.125</v>
      </c>
      <c r="VRY53" s="7">
        <f t="shared" si="787"/>
        <v>5103.125</v>
      </c>
      <c r="VRZ53" s="7">
        <f t="shared" si="787"/>
        <v>5103.125</v>
      </c>
      <c r="VSA53" s="7">
        <f t="shared" si="787"/>
        <v>5103.125</v>
      </c>
      <c r="VSB53" s="7">
        <f t="shared" si="787"/>
        <v>5103.125</v>
      </c>
      <c r="VSC53" s="7">
        <f t="shared" si="787"/>
        <v>5103.125</v>
      </c>
      <c r="VSD53" s="7">
        <f t="shared" ref="VSD53:VUO53" si="788">VSD48+VSC53</f>
        <v>5103.125</v>
      </c>
      <c r="VSE53" s="7">
        <f t="shared" si="788"/>
        <v>5103.125</v>
      </c>
      <c r="VSF53" s="7">
        <f t="shared" si="788"/>
        <v>5103.125</v>
      </c>
      <c r="VSG53" s="7">
        <f t="shared" si="788"/>
        <v>5103.125</v>
      </c>
      <c r="VSH53" s="7">
        <f t="shared" si="788"/>
        <v>5103.125</v>
      </c>
      <c r="VSI53" s="7">
        <f t="shared" si="788"/>
        <v>5103.125</v>
      </c>
      <c r="VSJ53" s="7">
        <f t="shared" si="788"/>
        <v>5103.125</v>
      </c>
      <c r="VSK53" s="7">
        <f t="shared" si="788"/>
        <v>5103.125</v>
      </c>
      <c r="VSL53" s="7">
        <f t="shared" si="788"/>
        <v>5103.125</v>
      </c>
      <c r="VSM53" s="7">
        <f t="shared" si="788"/>
        <v>5103.125</v>
      </c>
      <c r="VSN53" s="7">
        <f t="shared" si="788"/>
        <v>5103.125</v>
      </c>
      <c r="VSO53" s="7">
        <f t="shared" si="788"/>
        <v>5103.125</v>
      </c>
      <c r="VSP53" s="7">
        <f t="shared" si="788"/>
        <v>5103.125</v>
      </c>
      <c r="VSQ53" s="7">
        <f t="shared" si="788"/>
        <v>5103.125</v>
      </c>
      <c r="VSR53" s="7">
        <f t="shared" si="788"/>
        <v>5103.125</v>
      </c>
      <c r="VSS53" s="7">
        <f t="shared" si="788"/>
        <v>5103.125</v>
      </c>
      <c r="VST53" s="7">
        <f t="shared" si="788"/>
        <v>5103.125</v>
      </c>
      <c r="VSU53" s="7">
        <f t="shared" si="788"/>
        <v>5103.125</v>
      </c>
      <c r="VSV53" s="7">
        <f t="shared" si="788"/>
        <v>5103.125</v>
      </c>
      <c r="VSW53" s="7">
        <f t="shared" si="788"/>
        <v>5103.125</v>
      </c>
      <c r="VSX53" s="7">
        <f t="shared" si="788"/>
        <v>5103.125</v>
      </c>
      <c r="VSY53" s="7">
        <f t="shared" si="788"/>
        <v>5103.125</v>
      </c>
      <c r="VSZ53" s="7">
        <f t="shared" si="788"/>
        <v>5103.125</v>
      </c>
      <c r="VTA53" s="7">
        <f t="shared" si="788"/>
        <v>5103.125</v>
      </c>
      <c r="VTB53" s="7">
        <f t="shared" si="788"/>
        <v>5103.125</v>
      </c>
      <c r="VTC53" s="7">
        <f t="shared" si="788"/>
        <v>5103.125</v>
      </c>
      <c r="VTD53" s="7">
        <f t="shared" si="788"/>
        <v>5103.125</v>
      </c>
      <c r="VTE53" s="7">
        <f t="shared" si="788"/>
        <v>5103.125</v>
      </c>
      <c r="VTF53" s="7">
        <f t="shared" si="788"/>
        <v>5103.125</v>
      </c>
      <c r="VTG53" s="7">
        <f t="shared" si="788"/>
        <v>5103.125</v>
      </c>
      <c r="VTH53" s="7">
        <f t="shared" si="788"/>
        <v>5103.125</v>
      </c>
      <c r="VTI53" s="7">
        <f t="shared" si="788"/>
        <v>5103.125</v>
      </c>
      <c r="VTJ53" s="7">
        <f t="shared" si="788"/>
        <v>5103.125</v>
      </c>
      <c r="VTK53" s="7">
        <f t="shared" si="788"/>
        <v>5103.125</v>
      </c>
      <c r="VTL53" s="7">
        <f t="shared" si="788"/>
        <v>5103.125</v>
      </c>
      <c r="VTM53" s="7">
        <f t="shared" si="788"/>
        <v>5103.125</v>
      </c>
      <c r="VTN53" s="7">
        <f t="shared" si="788"/>
        <v>5103.125</v>
      </c>
      <c r="VTO53" s="7">
        <f t="shared" si="788"/>
        <v>5103.125</v>
      </c>
      <c r="VTP53" s="7">
        <f t="shared" si="788"/>
        <v>5103.125</v>
      </c>
      <c r="VTQ53" s="7">
        <f t="shared" si="788"/>
        <v>5103.125</v>
      </c>
      <c r="VTR53" s="7">
        <f t="shared" si="788"/>
        <v>5103.125</v>
      </c>
      <c r="VTS53" s="7">
        <f t="shared" si="788"/>
        <v>5103.125</v>
      </c>
      <c r="VTT53" s="7">
        <f t="shared" si="788"/>
        <v>5103.125</v>
      </c>
      <c r="VTU53" s="7">
        <f t="shared" si="788"/>
        <v>5103.125</v>
      </c>
      <c r="VTV53" s="7">
        <f t="shared" si="788"/>
        <v>5103.125</v>
      </c>
      <c r="VTW53" s="7">
        <f t="shared" si="788"/>
        <v>5103.125</v>
      </c>
      <c r="VTX53" s="7">
        <f t="shared" si="788"/>
        <v>5103.125</v>
      </c>
      <c r="VTY53" s="7">
        <f t="shared" si="788"/>
        <v>5103.125</v>
      </c>
      <c r="VTZ53" s="7">
        <f t="shared" si="788"/>
        <v>5103.125</v>
      </c>
      <c r="VUA53" s="7">
        <f t="shared" si="788"/>
        <v>5103.125</v>
      </c>
      <c r="VUB53" s="7">
        <f t="shared" si="788"/>
        <v>5103.125</v>
      </c>
      <c r="VUC53" s="7">
        <f t="shared" si="788"/>
        <v>5103.125</v>
      </c>
      <c r="VUD53" s="7">
        <f t="shared" si="788"/>
        <v>5103.125</v>
      </c>
      <c r="VUE53" s="7">
        <f t="shared" si="788"/>
        <v>5103.125</v>
      </c>
      <c r="VUF53" s="7">
        <f t="shared" si="788"/>
        <v>5103.125</v>
      </c>
      <c r="VUG53" s="7">
        <f t="shared" si="788"/>
        <v>5103.125</v>
      </c>
      <c r="VUH53" s="7">
        <f t="shared" si="788"/>
        <v>5103.125</v>
      </c>
      <c r="VUI53" s="7">
        <f t="shared" si="788"/>
        <v>5103.125</v>
      </c>
      <c r="VUJ53" s="7">
        <f t="shared" si="788"/>
        <v>5103.125</v>
      </c>
      <c r="VUK53" s="7">
        <f t="shared" si="788"/>
        <v>5103.125</v>
      </c>
      <c r="VUL53" s="7">
        <f t="shared" si="788"/>
        <v>5103.125</v>
      </c>
      <c r="VUM53" s="7">
        <f t="shared" si="788"/>
        <v>5103.125</v>
      </c>
      <c r="VUN53" s="7">
        <f t="shared" si="788"/>
        <v>5103.125</v>
      </c>
      <c r="VUO53" s="7">
        <f t="shared" si="788"/>
        <v>5103.125</v>
      </c>
      <c r="VUP53" s="7">
        <f t="shared" ref="VUP53:VXA53" si="789">VUP48+VUO53</f>
        <v>5103.125</v>
      </c>
      <c r="VUQ53" s="7">
        <f t="shared" si="789"/>
        <v>5103.125</v>
      </c>
      <c r="VUR53" s="7">
        <f t="shared" si="789"/>
        <v>5103.125</v>
      </c>
      <c r="VUS53" s="7">
        <f t="shared" si="789"/>
        <v>5103.125</v>
      </c>
      <c r="VUT53" s="7">
        <f t="shared" si="789"/>
        <v>5103.125</v>
      </c>
      <c r="VUU53" s="7">
        <f t="shared" si="789"/>
        <v>5103.125</v>
      </c>
      <c r="VUV53" s="7">
        <f t="shared" si="789"/>
        <v>5103.125</v>
      </c>
      <c r="VUW53" s="7">
        <f t="shared" si="789"/>
        <v>5103.125</v>
      </c>
      <c r="VUX53" s="7">
        <f t="shared" si="789"/>
        <v>5103.125</v>
      </c>
      <c r="VUY53" s="7">
        <f t="shared" si="789"/>
        <v>5103.125</v>
      </c>
      <c r="VUZ53" s="7">
        <f t="shared" si="789"/>
        <v>5103.125</v>
      </c>
      <c r="VVA53" s="7">
        <f t="shared" si="789"/>
        <v>5103.125</v>
      </c>
      <c r="VVB53" s="7">
        <f t="shared" si="789"/>
        <v>5103.125</v>
      </c>
      <c r="VVC53" s="7">
        <f t="shared" si="789"/>
        <v>5103.125</v>
      </c>
      <c r="VVD53" s="7">
        <f t="shared" si="789"/>
        <v>5103.125</v>
      </c>
      <c r="VVE53" s="7">
        <f t="shared" si="789"/>
        <v>5103.125</v>
      </c>
      <c r="VVF53" s="7">
        <f t="shared" si="789"/>
        <v>5103.125</v>
      </c>
      <c r="VVG53" s="7">
        <f t="shared" si="789"/>
        <v>5103.125</v>
      </c>
      <c r="VVH53" s="7">
        <f t="shared" si="789"/>
        <v>5103.125</v>
      </c>
      <c r="VVI53" s="7">
        <f t="shared" si="789"/>
        <v>5103.125</v>
      </c>
      <c r="VVJ53" s="7">
        <f t="shared" si="789"/>
        <v>5103.125</v>
      </c>
      <c r="VVK53" s="7">
        <f t="shared" si="789"/>
        <v>5103.125</v>
      </c>
      <c r="VVL53" s="7">
        <f t="shared" si="789"/>
        <v>5103.125</v>
      </c>
      <c r="VVM53" s="7">
        <f t="shared" si="789"/>
        <v>5103.125</v>
      </c>
      <c r="VVN53" s="7">
        <f t="shared" si="789"/>
        <v>5103.125</v>
      </c>
      <c r="VVO53" s="7">
        <f t="shared" si="789"/>
        <v>5103.125</v>
      </c>
      <c r="VVP53" s="7">
        <f t="shared" si="789"/>
        <v>5103.125</v>
      </c>
      <c r="VVQ53" s="7">
        <f t="shared" si="789"/>
        <v>5103.125</v>
      </c>
      <c r="VVR53" s="7">
        <f t="shared" si="789"/>
        <v>5103.125</v>
      </c>
      <c r="VVS53" s="7">
        <f t="shared" si="789"/>
        <v>5103.125</v>
      </c>
      <c r="VVT53" s="7">
        <f t="shared" si="789"/>
        <v>5103.125</v>
      </c>
      <c r="VVU53" s="7">
        <f t="shared" si="789"/>
        <v>5103.125</v>
      </c>
      <c r="VVV53" s="7">
        <f t="shared" si="789"/>
        <v>5103.125</v>
      </c>
      <c r="VVW53" s="7">
        <f t="shared" si="789"/>
        <v>5103.125</v>
      </c>
      <c r="VVX53" s="7">
        <f t="shared" si="789"/>
        <v>5103.125</v>
      </c>
      <c r="VVY53" s="7">
        <f t="shared" si="789"/>
        <v>5103.125</v>
      </c>
      <c r="VVZ53" s="7">
        <f t="shared" si="789"/>
        <v>5103.125</v>
      </c>
      <c r="VWA53" s="7">
        <f t="shared" si="789"/>
        <v>5103.125</v>
      </c>
      <c r="VWB53" s="7">
        <f t="shared" si="789"/>
        <v>5103.125</v>
      </c>
      <c r="VWC53" s="7">
        <f t="shared" si="789"/>
        <v>5103.125</v>
      </c>
      <c r="VWD53" s="7">
        <f t="shared" si="789"/>
        <v>5103.125</v>
      </c>
      <c r="VWE53" s="7">
        <f t="shared" si="789"/>
        <v>5103.125</v>
      </c>
      <c r="VWF53" s="7">
        <f t="shared" si="789"/>
        <v>5103.125</v>
      </c>
      <c r="VWG53" s="7">
        <f t="shared" si="789"/>
        <v>5103.125</v>
      </c>
      <c r="VWH53" s="7">
        <f t="shared" si="789"/>
        <v>5103.125</v>
      </c>
      <c r="VWI53" s="7">
        <f t="shared" si="789"/>
        <v>5103.125</v>
      </c>
      <c r="VWJ53" s="7">
        <f t="shared" si="789"/>
        <v>5103.125</v>
      </c>
      <c r="VWK53" s="7">
        <f t="shared" si="789"/>
        <v>5103.125</v>
      </c>
      <c r="VWL53" s="7">
        <f t="shared" si="789"/>
        <v>5103.125</v>
      </c>
      <c r="VWM53" s="7">
        <f t="shared" si="789"/>
        <v>5103.125</v>
      </c>
      <c r="VWN53" s="7">
        <f t="shared" si="789"/>
        <v>5103.125</v>
      </c>
      <c r="VWO53" s="7">
        <f t="shared" si="789"/>
        <v>5103.125</v>
      </c>
      <c r="VWP53" s="7">
        <f t="shared" si="789"/>
        <v>5103.125</v>
      </c>
      <c r="VWQ53" s="7">
        <f t="shared" si="789"/>
        <v>5103.125</v>
      </c>
      <c r="VWR53" s="7">
        <f t="shared" si="789"/>
        <v>5103.125</v>
      </c>
      <c r="VWS53" s="7">
        <f t="shared" si="789"/>
        <v>5103.125</v>
      </c>
      <c r="VWT53" s="7">
        <f t="shared" si="789"/>
        <v>5103.125</v>
      </c>
      <c r="VWU53" s="7">
        <f t="shared" si="789"/>
        <v>5103.125</v>
      </c>
      <c r="VWV53" s="7">
        <f t="shared" si="789"/>
        <v>5103.125</v>
      </c>
      <c r="VWW53" s="7">
        <f t="shared" si="789"/>
        <v>5103.125</v>
      </c>
      <c r="VWX53" s="7">
        <f t="shared" si="789"/>
        <v>5103.125</v>
      </c>
      <c r="VWY53" s="7">
        <f t="shared" si="789"/>
        <v>5103.125</v>
      </c>
      <c r="VWZ53" s="7">
        <f t="shared" si="789"/>
        <v>5103.125</v>
      </c>
      <c r="VXA53" s="7">
        <f t="shared" si="789"/>
        <v>5103.125</v>
      </c>
      <c r="VXB53" s="7">
        <f t="shared" ref="VXB53:VZM53" si="790">VXB48+VXA53</f>
        <v>5103.125</v>
      </c>
      <c r="VXC53" s="7">
        <f t="shared" si="790"/>
        <v>5103.125</v>
      </c>
      <c r="VXD53" s="7">
        <f t="shared" si="790"/>
        <v>5103.125</v>
      </c>
      <c r="VXE53" s="7">
        <f t="shared" si="790"/>
        <v>5103.125</v>
      </c>
      <c r="VXF53" s="7">
        <f t="shared" si="790"/>
        <v>5103.125</v>
      </c>
      <c r="VXG53" s="7">
        <f t="shared" si="790"/>
        <v>5103.125</v>
      </c>
      <c r="VXH53" s="7">
        <f t="shared" si="790"/>
        <v>5103.125</v>
      </c>
      <c r="VXI53" s="7">
        <f t="shared" si="790"/>
        <v>5103.125</v>
      </c>
      <c r="VXJ53" s="7">
        <f t="shared" si="790"/>
        <v>5103.125</v>
      </c>
      <c r="VXK53" s="7">
        <f t="shared" si="790"/>
        <v>5103.125</v>
      </c>
      <c r="VXL53" s="7">
        <f t="shared" si="790"/>
        <v>5103.125</v>
      </c>
      <c r="VXM53" s="7">
        <f t="shared" si="790"/>
        <v>5103.125</v>
      </c>
      <c r="VXN53" s="7">
        <f t="shared" si="790"/>
        <v>5103.125</v>
      </c>
      <c r="VXO53" s="7">
        <f t="shared" si="790"/>
        <v>5103.125</v>
      </c>
      <c r="VXP53" s="7">
        <f t="shared" si="790"/>
        <v>5103.125</v>
      </c>
      <c r="VXQ53" s="7">
        <f t="shared" si="790"/>
        <v>5103.125</v>
      </c>
      <c r="VXR53" s="7">
        <f t="shared" si="790"/>
        <v>5103.125</v>
      </c>
      <c r="VXS53" s="7">
        <f t="shared" si="790"/>
        <v>5103.125</v>
      </c>
      <c r="VXT53" s="7">
        <f t="shared" si="790"/>
        <v>5103.125</v>
      </c>
      <c r="VXU53" s="7">
        <f t="shared" si="790"/>
        <v>5103.125</v>
      </c>
      <c r="VXV53" s="7">
        <f t="shared" si="790"/>
        <v>5103.125</v>
      </c>
      <c r="VXW53" s="7">
        <f t="shared" si="790"/>
        <v>5103.125</v>
      </c>
      <c r="VXX53" s="7">
        <f t="shared" si="790"/>
        <v>5103.125</v>
      </c>
      <c r="VXY53" s="7">
        <f t="shared" si="790"/>
        <v>5103.125</v>
      </c>
      <c r="VXZ53" s="7">
        <f t="shared" si="790"/>
        <v>5103.125</v>
      </c>
      <c r="VYA53" s="7">
        <f t="shared" si="790"/>
        <v>5103.125</v>
      </c>
      <c r="VYB53" s="7">
        <f t="shared" si="790"/>
        <v>5103.125</v>
      </c>
      <c r="VYC53" s="7">
        <f t="shared" si="790"/>
        <v>5103.125</v>
      </c>
      <c r="VYD53" s="7">
        <f t="shared" si="790"/>
        <v>5103.125</v>
      </c>
      <c r="VYE53" s="7">
        <f t="shared" si="790"/>
        <v>5103.125</v>
      </c>
      <c r="VYF53" s="7">
        <f t="shared" si="790"/>
        <v>5103.125</v>
      </c>
      <c r="VYG53" s="7">
        <f t="shared" si="790"/>
        <v>5103.125</v>
      </c>
      <c r="VYH53" s="7">
        <f t="shared" si="790"/>
        <v>5103.125</v>
      </c>
      <c r="VYI53" s="7">
        <f t="shared" si="790"/>
        <v>5103.125</v>
      </c>
      <c r="VYJ53" s="7">
        <f t="shared" si="790"/>
        <v>5103.125</v>
      </c>
      <c r="VYK53" s="7">
        <f t="shared" si="790"/>
        <v>5103.125</v>
      </c>
      <c r="VYL53" s="7">
        <f t="shared" si="790"/>
        <v>5103.125</v>
      </c>
      <c r="VYM53" s="7">
        <f t="shared" si="790"/>
        <v>5103.125</v>
      </c>
      <c r="VYN53" s="7">
        <f t="shared" si="790"/>
        <v>5103.125</v>
      </c>
      <c r="VYO53" s="7">
        <f t="shared" si="790"/>
        <v>5103.125</v>
      </c>
      <c r="VYP53" s="7">
        <f t="shared" si="790"/>
        <v>5103.125</v>
      </c>
      <c r="VYQ53" s="7">
        <f t="shared" si="790"/>
        <v>5103.125</v>
      </c>
      <c r="VYR53" s="7">
        <f t="shared" si="790"/>
        <v>5103.125</v>
      </c>
      <c r="VYS53" s="7">
        <f t="shared" si="790"/>
        <v>5103.125</v>
      </c>
      <c r="VYT53" s="7">
        <f t="shared" si="790"/>
        <v>5103.125</v>
      </c>
      <c r="VYU53" s="7">
        <f t="shared" si="790"/>
        <v>5103.125</v>
      </c>
      <c r="VYV53" s="7">
        <f t="shared" si="790"/>
        <v>5103.125</v>
      </c>
      <c r="VYW53" s="7">
        <f t="shared" si="790"/>
        <v>5103.125</v>
      </c>
      <c r="VYX53" s="7">
        <f t="shared" si="790"/>
        <v>5103.125</v>
      </c>
      <c r="VYY53" s="7">
        <f t="shared" si="790"/>
        <v>5103.125</v>
      </c>
      <c r="VYZ53" s="7">
        <f t="shared" si="790"/>
        <v>5103.125</v>
      </c>
      <c r="VZA53" s="7">
        <f t="shared" si="790"/>
        <v>5103.125</v>
      </c>
      <c r="VZB53" s="7">
        <f t="shared" si="790"/>
        <v>5103.125</v>
      </c>
      <c r="VZC53" s="7">
        <f t="shared" si="790"/>
        <v>5103.125</v>
      </c>
      <c r="VZD53" s="7">
        <f t="shared" si="790"/>
        <v>5103.125</v>
      </c>
      <c r="VZE53" s="7">
        <f t="shared" si="790"/>
        <v>5103.125</v>
      </c>
      <c r="VZF53" s="7">
        <f t="shared" si="790"/>
        <v>5103.125</v>
      </c>
      <c r="VZG53" s="7">
        <f t="shared" si="790"/>
        <v>5103.125</v>
      </c>
      <c r="VZH53" s="7">
        <f t="shared" si="790"/>
        <v>5103.125</v>
      </c>
      <c r="VZI53" s="7">
        <f t="shared" si="790"/>
        <v>5103.125</v>
      </c>
      <c r="VZJ53" s="7">
        <f t="shared" si="790"/>
        <v>5103.125</v>
      </c>
      <c r="VZK53" s="7">
        <f t="shared" si="790"/>
        <v>5103.125</v>
      </c>
      <c r="VZL53" s="7">
        <f t="shared" si="790"/>
        <v>5103.125</v>
      </c>
      <c r="VZM53" s="7">
        <f t="shared" si="790"/>
        <v>5103.125</v>
      </c>
      <c r="VZN53" s="7">
        <f t="shared" ref="VZN53:WBY53" si="791">VZN48+VZM53</f>
        <v>5103.125</v>
      </c>
      <c r="VZO53" s="7">
        <f t="shared" si="791"/>
        <v>5103.125</v>
      </c>
      <c r="VZP53" s="7">
        <f t="shared" si="791"/>
        <v>5103.125</v>
      </c>
      <c r="VZQ53" s="7">
        <f t="shared" si="791"/>
        <v>5103.125</v>
      </c>
      <c r="VZR53" s="7">
        <f t="shared" si="791"/>
        <v>5103.125</v>
      </c>
      <c r="VZS53" s="7">
        <f t="shared" si="791"/>
        <v>5103.125</v>
      </c>
      <c r="VZT53" s="7">
        <f t="shared" si="791"/>
        <v>5103.125</v>
      </c>
      <c r="VZU53" s="7">
        <f t="shared" si="791"/>
        <v>5103.125</v>
      </c>
      <c r="VZV53" s="7">
        <f t="shared" si="791"/>
        <v>5103.125</v>
      </c>
      <c r="VZW53" s="7">
        <f t="shared" si="791"/>
        <v>5103.125</v>
      </c>
      <c r="VZX53" s="7">
        <f t="shared" si="791"/>
        <v>5103.125</v>
      </c>
      <c r="VZY53" s="7">
        <f t="shared" si="791"/>
        <v>5103.125</v>
      </c>
      <c r="VZZ53" s="7">
        <f t="shared" si="791"/>
        <v>5103.125</v>
      </c>
      <c r="WAA53" s="7">
        <f t="shared" si="791"/>
        <v>5103.125</v>
      </c>
      <c r="WAB53" s="7">
        <f t="shared" si="791"/>
        <v>5103.125</v>
      </c>
      <c r="WAC53" s="7">
        <f t="shared" si="791"/>
        <v>5103.125</v>
      </c>
      <c r="WAD53" s="7">
        <f t="shared" si="791"/>
        <v>5103.125</v>
      </c>
      <c r="WAE53" s="7">
        <f t="shared" si="791"/>
        <v>5103.125</v>
      </c>
      <c r="WAF53" s="7">
        <f t="shared" si="791"/>
        <v>5103.125</v>
      </c>
      <c r="WAG53" s="7">
        <f t="shared" si="791"/>
        <v>5103.125</v>
      </c>
      <c r="WAH53" s="7">
        <f t="shared" si="791"/>
        <v>5103.125</v>
      </c>
      <c r="WAI53" s="7">
        <f t="shared" si="791"/>
        <v>5103.125</v>
      </c>
      <c r="WAJ53" s="7">
        <f t="shared" si="791"/>
        <v>5103.125</v>
      </c>
      <c r="WAK53" s="7">
        <f t="shared" si="791"/>
        <v>5103.125</v>
      </c>
      <c r="WAL53" s="7">
        <f t="shared" si="791"/>
        <v>5103.125</v>
      </c>
      <c r="WAM53" s="7">
        <f t="shared" si="791"/>
        <v>5103.125</v>
      </c>
      <c r="WAN53" s="7">
        <f t="shared" si="791"/>
        <v>5103.125</v>
      </c>
      <c r="WAO53" s="7">
        <f t="shared" si="791"/>
        <v>5103.125</v>
      </c>
      <c r="WAP53" s="7">
        <f t="shared" si="791"/>
        <v>5103.125</v>
      </c>
      <c r="WAQ53" s="7">
        <f t="shared" si="791"/>
        <v>5103.125</v>
      </c>
      <c r="WAR53" s="7">
        <f t="shared" si="791"/>
        <v>5103.125</v>
      </c>
      <c r="WAS53" s="7">
        <f t="shared" si="791"/>
        <v>5103.125</v>
      </c>
      <c r="WAT53" s="7">
        <f t="shared" si="791"/>
        <v>5103.125</v>
      </c>
      <c r="WAU53" s="7">
        <f t="shared" si="791"/>
        <v>5103.125</v>
      </c>
      <c r="WAV53" s="7">
        <f t="shared" si="791"/>
        <v>5103.125</v>
      </c>
      <c r="WAW53" s="7">
        <f t="shared" si="791"/>
        <v>5103.125</v>
      </c>
      <c r="WAX53" s="7">
        <f t="shared" si="791"/>
        <v>5103.125</v>
      </c>
      <c r="WAY53" s="7">
        <f t="shared" si="791"/>
        <v>5103.125</v>
      </c>
      <c r="WAZ53" s="7">
        <f t="shared" si="791"/>
        <v>5103.125</v>
      </c>
      <c r="WBA53" s="7">
        <f t="shared" si="791"/>
        <v>5103.125</v>
      </c>
      <c r="WBB53" s="7">
        <f t="shared" si="791"/>
        <v>5103.125</v>
      </c>
      <c r="WBC53" s="7">
        <f t="shared" si="791"/>
        <v>5103.125</v>
      </c>
      <c r="WBD53" s="7">
        <f t="shared" si="791"/>
        <v>5103.125</v>
      </c>
      <c r="WBE53" s="7">
        <f t="shared" si="791"/>
        <v>5103.125</v>
      </c>
      <c r="WBF53" s="7">
        <f t="shared" si="791"/>
        <v>5103.125</v>
      </c>
      <c r="WBG53" s="7">
        <f t="shared" si="791"/>
        <v>5103.125</v>
      </c>
      <c r="WBH53" s="7">
        <f t="shared" si="791"/>
        <v>5103.125</v>
      </c>
      <c r="WBI53" s="7">
        <f t="shared" si="791"/>
        <v>5103.125</v>
      </c>
      <c r="WBJ53" s="7">
        <f t="shared" si="791"/>
        <v>5103.125</v>
      </c>
      <c r="WBK53" s="7">
        <f t="shared" si="791"/>
        <v>5103.125</v>
      </c>
      <c r="WBL53" s="7">
        <f t="shared" si="791"/>
        <v>5103.125</v>
      </c>
      <c r="WBM53" s="7">
        <f t="shared" si="791"/>
        <v>5103.125</v>
      </c>
      <c r="WBN53" s="7">
        <f t="shared" si="791"/>
        <v>5103.125</v>
      </c>
      <c r="WBO53" s="7">
        <f t="shared" si="791"/>
        <v>5103.125</v>
      </c>
      <c r="WBP53" s="7">
        <f t="shared" si="791"/>
        <v>5103.125</v>
      </c>
      <c r="WBQ53" s="7">
        <f t="shared" si="791"/>
        <v>5103.125</v>
      </c>
      <c r="WBR53" s="7">
        <f t="shared" si="791"/>
        <v>5103.125</v>
      </c>
      <c r="WBS53" s="7">
        <f t="shared" si="791"/>
        <v>5103.125</v>
      </c>
      <c r="WBT53" s="7">
        <f t="shared" si="791"/>
        <v>5103.125</v>
      </c>
      <c r="WBU53" s="7">
        <f t="shared" si="791"/>
        <v>5103.125</v>
      </c>
      <c r="WBV53" s="7">
        <f t="shared" si="791"/>
        <v>5103.125</v>
      </c>
      <c r="WBW53" s="7">
        <f t="shared" si="791"/>
        <v>5103.125</v>
      </c>
      <c r="WBX53" s="7">
        <f t="shared" si="791"/>
        <v>5103.125</v>
      </c>
      <c r="WBY53" s="7">
        <f t="shared" si="791"/>
        <v>5103.125</v>
      </c>
      <c r="WBZ53" s="7">
        <f t="shared" ref="WBZ53:WEK53" si="792">WBZ48+WBY53</f>
        <v>5103.125</v>
      </c>
      <c r="WCA53" s="7">
        <f t="shared" si="792"/>
        <v>5103.125</v>
      </c>
      <c r="WCB53" s="7">
        <f t="shared" si="792"/>
        <v>5103.125</v>
      </c>
      <c r="WCC53" s="7">
        <f t="shared" si="792"/>
        <v>5103.125</v>
      </c>
      <c r="WCD53" s="7">
        <f t="shared" si="792"/>
        <v>5103.125</v>
      </c>
      <c r="WCE53" s="7">
        <f t="shared" si="792"/>
        <v>5103.125</v>
      </c>
      <c r="WCF53" s="7">
        <f t="shared" si="792"/>
        <v>5103.125</v>
      </c>
      <c r="WCG53" s="7">
        <f t="shared" si="792"/>
        <v>5103.125</v>
      </c>
      <c r="WCH53" s="7">
        <f t="shared" si="792"/>
        <v>5103.125</v>
      </c>
      <c r="WCI53" s="7">
        <f t="shared" si="792"/>
        <v>5103.125</v>
      </c>
      <c r="WCJ53" s="7">
        <f t="shared" si="792"/>
        <v>5103.125</v>
      </c>
      <c r="WCK53" s="7">
        <f t="shared" si="792"/>
        <v>5103.125</v>
      </c>
      <c r="WCL53" s="7">
        <f t="shared" si="792"/>
        <v>5103.125</v>
      </c>
      <c r="WCM53" s="7">
        <f t="shared" si="792"/>
        <v>5103.125</v>
      </c>
      <c r="WCN53" s="7">
        <f t="shared" si="792"/>
        <v>5103.125</v>
      </c>
      <c r="WCO53" s="7">
        <f t="shared" si="792"/>
        <v>5103.125</v>
      </c>
      <c r="WCP53" s="7">
        <f t="shared" si="792"/>
        <v>5103.125</v>
      </c>
      <c r="WCQ53" s="7">
        <f t="shared" si="792"/>
        <v>5103.125</v>
      </c>
      <c r="WCR53" s="7">
        <f t="shared" si="792"/>
        <v>5103.125</v>
      </c>
      <c r="WCS53" s="7">
        <f t="shared" si="792"/>
        <v>5103.125</v>
      </c>
      <c r="WCT53" s="7">
        <f t="shared" si="792"/>
        <v>5103.125</v>
      </c>
      <c r="WCU53" s="7">
        <f t="shared" si="792"/>
        <v>5103.125</v>
      </c>
      <c r="WCV53" s="7">
        <f t="shared" si="792"/>
        <v>5103.125</v>
      </c>
      <c r="WCW53" s="7">
        <f t="shared" si="792"/>
        <v>5103.125</v>
      </c>
      <c r="WCX53" s="7">
        <f t="shared" si="792"/>
        <v>5103.125</v>
      </c>
      <c r="WCY53" s="7">
        <f t="shared" si="792"/>
        <v>5103.125</v>
      </c>
      <c r="WCZ53" s="7">
        <f t="shared" si="792"/>
        <v>5103.125</v>
      </c>
      <c r="WDA53" s="7">
        <f t="shared" si="792"/>
        <v>5103.125</v>
      </c>
      <c r="WDB53" s="7">
        <f t="shared" si="792"/>
        <v>5103.125</v>
      </c>
      <c r="WDC53" s="7">
        <f t="shared" si="792"/>
        <v>5103.125</v>
      </c>
      <c r="WDD53" s="7">
        <f t="shared" si="792"/>
        <v>5103.125</v>
      </c>
      <c r="WDE53" s="7">
        <f t="shared" si="792"/>
        <v>5103.125</v>
      </c>
      <c r="WDF53" s="7">
        <f t="shared" si="792"/>
        <v>5103.125</v>
      </c>
      <c r="WDG53" s="7">
        <f t="shared" si="792"/>
        <v>5103.125</v>
      </c>
      <c r="WDH53" s="7">
        <f t="shared" si="792"/>
        <v>5103.125</v>
      </c>
      <c r="WDI53" s="7">
        <f t="shared" si="792"/>
        <v>5103.125</v>
      </c>
      <c r="WDJ53" s="7">
        <f t="shared" si="792"/>
        <v>5103.125</v>
      </c>
      <c r="WDK53" s="7">
        <f t="shared" si="792"/>
        <v>5103.125</v>
      </c>
      <c r="WDL53" s="7">
        <f t="shared" si="792"/>
        <v>5103.125</v>
      </c>
      <c r="WDM53" s="7">
        <f t="shared" si="792"/>
        <v>5103.125</v>
      </c>
      <c r="WDN53" s="7">
        <f t="shared" si="792"/>
        <v>5103.125</v>
      </c>
      <c r="WDO53" s="7">
        <f t="shared" si="792"/>
        <v>5103.125</v>
      </c>
      <c r="WDP53" s="7">
        <f t="shared" si="792"/>
        <v>5103.125</v>
      </c>
      <c r="WDQ53" s="7">
        <f t="shared" si="792"/>
        <v>5103.125</v>
      </c>
      <c r="WDR53" s="7">
        <f t="shared" si="792"/>
        <v>5103.125</v>
      </c>
      <c r="WDS53" s="7">
        <f t="shared" si="792"/>
        <v>5103.125</v>
      </c>
      <c r="WDT53" s="7">
        <f t="shared" si="792"/>
        <v>5103.125</v>
      </c>
      <c r="WDU53" s="7">
        <f t="shared" si="792"/>
        <v>5103.125</v>
      </c>
      <c r="WDV53" s="7">
        <f t="shared" si="792"/>
        <v>5103.125</v>
      </c>
      <c r="WDW53" s="7">
        <f t="shared" si="792"/>
        <v>5103.125</v>
      </c>
      <c r="WDX53" s="7">
        <f t="shared" si="792"/>
        <v>5103.125</v>
      </c>
      <c r="WDY53" s="7">
        <f t="shared" si="792"/>
        <v>5103.125</v>
      </c>
      <c r="WDZ53" s="7">
        <f t="shared" si="792"/>
        <v>5103.125</v>
      </c>
      <c r="WEA53" s="7">
        <f t="shared" si="792"/>
        <v>5103.125</v>
      </c>
      <c r="WEB53" s="7">
        <f t="shared" si="792"/>
        <v>5103.125</v>
      </c>
      <c r="WEC53" s="7">
        <f t="shared" si="792"/>
        <v>5103.125</v>
      </c>
      <c r="WED53" s="7">
        <f t="shared" si="792"/>
        <v>5103.125</v>
      </c>
      <c r="WEE53" s="7">
        <f t="shared" si="792"/>
        <v>5103.125</v>
      </c>
      <c r="WEF53" s="7">
        <f t="shared" si="792"/>
        <v>5103.125</v>
      </c>
      <c r="WEG53" s="7">
        <f t="shared" si="792"/>
        <v>5103.125</v>
      </c>
      <c r="WEH53" s="7">
        <f t="shared" si="792"/>
        <v>5103.125</v>
      </c>
      <c r="WEI53" s="7">
        <f t="shared" si="792"/>
        <v>5103.125</v>
      </c>
      <c r="WEJ53" s="7">
        <f t="shared" si="792"/>
        <v>5103.125</v>
      </c>
      <c r="WEK53" s="7">
        <f t="shared" si="792"/>
        <v>5103.125</v>
      </c>
      <c r="WEL53" s="7">
        <f t="shared" ref="WEL53:WGW53" si="793">WEL48+WEK53</f>
        <v>5103.125</v>
      </c>
      <c r="WEM53" s="7">
        <f t="shared" si="793"/>
        <v>5103.125</v>
      </c>
      <c r="WEN53" s="7">
        <f t="shared" si="793"/>
        <v>5103.125</v>
      </c>
      <c r="WEO53" s="7">
        <f t="shared" si="793"/>
        <v>5103.125</v>
      </c>
      <c r="WEP53" s="7">
        <f t="shared" si="793"/>
        <v>5103.125</v>
      </c>
      <c r="WEQ53" s="7">
        <f t="shared" si="793"/>
        <v>5103.125</v>
      </c>
      <c r="WER53" s="7">
        <f t="shared" si="793"/>
        <v>5103.125</v>
      </c>
      <c r="WES53" s="7">
        <f t="shared" si="793"/>
        <v>5103.125</v>
      </c>
      <c r="WET53" s="7">
        <f t="shared" si="793"/>
        <v>5103.125</v>
      </c>
      <c r="WEU53" s="7">
        <f t="shared" si="793"/>
        <v>5103.125</v>
      </c>
      <c r="WEV53" s="7">
        <f t="shared" si="793"/>
        <v>5103.125</v>
      </c>
      <c r="WEW53" s="7">
        <f t="shared" si="793"/>
        <v>5103.125</v>
      </c>
      <c r="WEX53" s="7">
        <f t="shared" si="793"/>
        <v>5103.125</v>
      </c>
      <c r="WEY53" s="7">
        <f t="shared" si="793"/>
        <v>5103.125</v>
      </c>
      <c r="WEZ53" s="7">
        <f t="shared" si="793"/>
        <v>5103.125</v>
      </c>
      <c r="WFA53" s="7">
        <f t="shared" si="793"/>
        <v>5103.125</v>
      </c>
      <c r="WFB53" s="7">
        <f t="shared" si="793"/>
        <v>5103.125</v>
      </c>
      <c r="WFC53" s="7">
        <f t="shared" si="793"/>
        <v>5103.125</v>
      </c>
      <c r="WFD53" s="7">
        <f t="shared" si="793"/>
        <v>5103.125</v>
      </c>
      <c r="WFE53" s="7">
        <f t="shared" si="793"/>
        <v>5103.125</v>
      </c>
      <c r="WFF53" s="7">
        <f t="shared" si="793"/>
        <v>5103.125</v>
      </c>
      <c r="WFG53" s="7">
        <f t="shared" si="793"/>
        <v>5103.125</v>
      </c>
      <c r="WFH53" s="7">
        <f t="shared" si="793"/>
        <v>5103.125</v>
      </c>
      <c r="WFI53" s="7">
        <f t="shared" si="793"/>
        <v>5103.125</v>
      </c>
      <c r="WFJ53" s="7">
        <f t="shared" si="793"/>
        <v>5103.125</v>
      </c>
      <c r="WFK53" s="7">
        <f t="shared" si="793"/>
        <v>5103.125</v>
      </c>
      <c r="WFL53" s="7">
        <f t="shared" si="793"/>
        <v>5103.125</v>
      </c>
      <c r="WFM53" s="7">
        <f t="shared" si="793"/>
        <v>5103.125</v>
      </c>
      <c r="WFN53" s="7">
        <f t="shared" si="793"/>
        <v>5103.125</v>
      </c>
      <c r="WFO53" s="7">
        <f t="shared" si="793"/>
        <v>5103.125</v>
      </c>
      <c r="WFP53" s="7">
        <f t="shared" si="793"/>
        <v>5103.125</v>
      </c>
      <c r="WFQ53" s="7">
        <f t="shared" si="793"/>
        <v>5103.125</v>
      </c>
      <c r="WFR53" s="7">
        <f t="shared" si="793"/>
        <v>5103.125</v>
      </c>
      <c r="WFS53" s="7">
        <f t="shared" si="793"/>
        <v>5103.125</v>
      </c>
      <c r="WFT53" s="7">
        <f t="shared" si="793"/>
        <v>5103.125</v>
      </c>
      <c r="WFU53" s="7">
        <f t="shared" si="793"/>
        <v>5103.125</v>
      </c>
      <c r="WFV53" s="7">
        <f t="shared" si="793"/>
        <v>5103.125</v>
      </c>
      <c r="WFW53" s="7">
        <f t="shared" si="793"/>
        <v>5103.125</v>
      </c>
      <c r="WFX53" s="7">
        <f t="shared" si="793"/>
        <v>5103.125</v>
      </c>
      <c r="WFY53" s="7">
        <f t="shared" si="793"/>
        <v>5103.125</v>
      </c>
      <c r="WFZ53" s="7">
        <f t="shared" si="793"/>
        <v>5103.125</v>
      </c>
      <c r="WGA53" s="7">
        <f t="shared" si="793"/>
        <v>5103.125</v>
      </c>
      <c r="WGB53" s="7">
        <f t="shared" si="793"/>
        <v>5103.125</v>
      </c>
      <c r="WGC53" s="7">
        <f t="shared" si="793"/>
        <v>5103.125</v>
      </c>
      <c r="WGD53" s="7">
        <f t="shared" si="793"/>
        <v>5103.125</v>
      </c>
      <c r="WGE53" s="7">
        <f t="shared" si="793"/>
        <v>5103.125</v>
      </c>
      <c r="WGF53" s="7">
        <f t="shared" si="793"/>
        <v>5103.125</v>
      </c>
      <c r="WGG53" s="7">
        <f t="shared" si="793"/>
        <v>5103.125</v>
      </c>
      <c r="WGH53" s="7">
        <f t="shared" si="793"/>
        <v>5103.125</v>
      </c>
      <c r="WGI53" s="7">
        <f t="shared" si="793"/>
        <v>5103.125</v>
      </c>
      <c r="WGJ53" s="7">
        <f t="shared" si="793"/>
        <v>5103.125</v>
      </c>
      <c r="WGK53" s="7">
        <f t="shared" si="793"/>
        <v>5103.125</v>
      </c>
      <c r="WGL53" s="7">
        <f t="shared" si="793"/>
        <v>5103.125</v>
      </c>
      <c r="WGM53" s="7">
        <f t="shared" si="793"/>
        <v>5103.125</v>
      </c>
      <c r="WGN53" s="7">
        <f t="shared" si="793"/>
        <v>5103.125</v>
      </c>
      <c r="WGO53" s="7">
        <f t="shared" si="793"/>
        <v>5103.125</v>
      </c>
      <c r="WGP53" s="7">
        <f t="shared" si="793"/>
        <v>5103.125</v>
      </c>
      <c r="WGQ53" s="7">
        <f t="shared" si="793"/>
        <v>5103.125</v>
      </c>
      <c r="WGR53" s="7">
        <f t="shared" si="793"/>
        <v>5103.125</v>
      </c>
      <c r="WGS53" s="7">
        <f t="shared" si="793"/>
        <v>5103.125</v>
      </c>
      <c r="WGT53" s="7">
        <f t="shared" si="793"/>
        <v>5103.125</v>
      </c>
      <c r="WGU53" s="7">
        <f t="shared" si="793"/>
        <v>5103.125</v>
      </c>
      <c r="WGV53" s="7">
        <f t="shared" si="793"/>
        <v>5103.125</v>
      </c>
      <c r="WGW53" s="7">
        <f t="shared" si="793"/>
        <v>5103.125</v>
      </c>
      <c r="WGX53" s="7">
        <f t="shared" ref="WGX53:WJI53" si="794">WGX48+WGW53</f>
        <v>5103.125</v>
      </c>
      <c r="WGY53" s="7">
        <f t="shared" si="794"/>
        <v>5103.125</v>
      </c>
      <c r="WGZ53" s="7">
        <f t="shared" si="794"/>
        <v>5103.125</v>
      </c>
      <c r="WHA53" s="7">
        <f t="shared" si="794"/>
        <v>5103.125</v>
      </c>
      <c r="WHB53" s="7">
        <f t="shared" si="794"/>
        <v>5103.125</v>
      </c>
      <c r="WHC53" s="7">
        <f t="shared" si="794"/>
        <v>5103.125</v>
      </c>
      <c r="WHD53" s="7">
        <f t="shared" si="794"/>
        <v>5103.125</v>
      </c>
      <c r="WHE53" s="7">
        <f t="shared" si="794"/>
        <v>5103.125</v>
      </c>
      <c r="WHF53" s="7">
        <f t="shared" si="794"/>
        <v>5103.125</v>
      </c>
      <c r="WHG53" s="7">
        <f t="shared" si="794"/>
        <v>5103.125</v>
      </c>
      <c r="WHH53" s="7">
        <f t="shared" si="794"/>
        <v>5103.125</v>
      </c>
      <c r="WHI53" s="7">
        <f t="shared" si="794"/>
        <v>5103.125</v>
      </c>
      <c r="WHJ53" s="7">
        <f t="shared" si="794"/>
        <v>5103.125</v>
      </c>
      <c r="WHK53" s="7">
        <f t="shared" si="794"/>
        <v>5103.125</v>
      </c>
      <c r="WHL53" s="7">
        <f t="shared" si="794"/>
        <v>5103.125</v>
      </c>
      <c r="WHM53" s="7">
        <f t="shared" si="794"/>
        <v>5103.125</v>
      </c>
      <c r="WHN53" s="7">
        <f t="shared" si="794"/>
        <v>5103.125</v>
      </c>
      <c r="WHO53" s="7">
        <f t="shared" si="794"/>
        <v>5103.125</v>
      </c>
      <c r="WHP53" s="7">
        <f t="shared" si="794"/>
        <v>5103.125</v>
      </c>
      <c r="WHQ53" s="7">
        <f t="shared" si="794"/>
        <v>5103.125</v>
      </c>
      <c r="WHR53" s="7">
        <f t="shared" si="794"/>
        <v>5103.125</v>
      </c>
      <c r="WHS53" s="7">
        <f t="shared" si="794"/>
        <v>5103.125</v>
      </c>
      <c r="WHT53" s="7">
        <f t="shared" si="794"/>
        <v>5103.125</v>
      </c>
      <c r="WHU53" s="7">
        <f t="shared" si="794"/>
        <v>5103.125</v>
      </c>
      <c r="WHV53" s="7">
        <f t="shared" si="794"/>
        <v>5103.125</v>
      </c>
      <c r="WHW53" s="7">
        <f t="shared" si="794"/>
        <v>5103.125</v>
      </c>
      <c r="WHX53" s="7">
        <f t="shared" si="794"/>
        <v>5103.125</v>
      </c>
      <c r="WHY53" s="7">
        <f t="shared" si="794"/>
        <v>5103.125</v>
      </c>
      <c r="WHZ53" s="7">
        <f t="shared" si="794"/>
        <v>5103.125</v>
      </c>
      <c r="WIA53" s="7">
        <f t="shared" si="794"/>
        <v>5103.125</v>
      </c>
      <c r="WIB53" s="7">
        <f t="shared" si="794"/>
        <v>5103.125</v>
      </c>
      <c r="WIC53" s="7">
        <f t="shared" si="794"/>
        <v>5103.125</v>
      </c>
      <c r="WID53" s="7">
        <f t="shared" si="794"/>
        <v>5103.125</v>
      </c>
      <c r="WIE53" s="7">
        <f t="shared" si="794"/>
        <v>5103.125</v>
      </c>
      <c r="WIF53" s="7">
        <f t="shared" si="794"/>
        <v>5103.125</v>
      </c>
      <c r="WIG53" s="7">
        <f t="shared" si="794"/>
        <v>5103.125</v>
      </c>
      <c r="WIH53" s="7">
        <f t="shared" si="794"/>
        <v>5103.125</v>
      </c>
      <c r="WII53" s="7">
        <f t="shared" si="794"/>
        <v>5103.125</v>
      </c>
      <c r="WIJ53" s="7">
        <f t="shared" si="794"/>
        <v>5103.125</v>
      </c>
      <c r="WIK53" s="7">
        <f t="shared" si="794"/>
        <v>5103.125</v>
      </c>
      <c r="WIL53" s="7">
        <f t="shared" si="794"/>
        <v>5103.125</v>
      </c>
      <c r="WIM53" s="7">
        <f t="shared" si="794"/>
        <v>5103.125</v>
      </c>
      <c r="WIN53" s="7">
        <f t="shared" si="794"/>
        <v>5103.125</v>
      </c>
      <c r="WIO53" s="7">
        <f t="shared" si="794"/>
        <v>5103.125</v>
      </c>
      <c r="WIP53" s="7">
        <f t="shared" si="794"/>
        <v>5103.125</v>
      </c>
      <c r="WIQ53" s="7">
        <f t="shared" si="794"/>
        <v>5103.125</v>
      </c>
      <c r="WIR53" s="7">
        <f t="shared" si="794"/>
        <v>5103.125</v>
      </c>
      <c r="WIS53" s="7">
        <f t="shared" si="794"/>
        <v>5103.125</v>
      </c>
      <c r="WIT53" s="7">
        <f t="shared" si="794"/>
        <v>5103.125</v>
      </c>
      <c r="WIU53" s="7">
        <f t="shared" si="794"/>
        <v>5103.125</v>
      </c>
      <c r="WIV53" s="7">
        <f t="shared" si="794"/>
        <v>5103.125</v>
      </c>
      <c r="WIW53" s="7">
        <f t="shared" si="794"/>
        <v>5103.125</v>
      </c>
      <c r="WIX53" s="7">
        <f t="shared" si="794"/>
        <v>5103.125</v>
      </c>
      <c r="WIY53" s="7">
        <f t="shared" si="794"/>
        <v>5103.125</v>
      </c>
      <c r="WIZ53" s="7">
        <f t="shared" si="794"/>
        <v>5103.125</v>
      </c>
      <c r="WJA53" s="7">
        <f t="shared" si="794"/>
        <v>5103.125</v>
      </c>
      <c r="WJB53" s="7">
        <f t="shared" si="794"/>
        <v>5103.125</v>
      </c>
      <c r="WJC53" s="7">
        <f t="shared" si="794"/>
        <v>5103.125</v>
      </c>
      <c r="WJD53" s="7">
        <f t="shared" si="794"/>
        <v>5103.125</v>
      </c>
      <c r="WJE53" s="7">
        <f t="shared" si="794"/>
        <v>5103.125</v>
      </c>
      <c r="WJF53" s="7">
        <f t="shared" si="794"/>
        <v>5103.125</v>
      </c>
      <c r="WJG53" s="7">
        <f t="shared" si="794"/>
        <v>5103.125</v>
      </c>
      <c r="WJH53" s="7">
        <f t="shared" si="794"/>
        <v>5103.125</v>
      </c>
      <c r="WJI53" s="7">
        <f t="shared" si="794"/>
        <v>5103.125</v>
      </c>
      <c r="WJJ53" s="7">
        <f t="shared" ref="WJJ53:WLU53" si="795">WJJ48+WJI53</f>
        <v>5103.125</v>
      </c>
      <c r="WJK53" s="7">
        <f t="shared" si="795"/>
        <v>5103.125</v>
      </c>
      <c r="WJL53" s="7">
        <f t="shared" si="795"/>
        <v>5103.125</v>
      </c>
      <c r="WJM53" s="7">
        <f t="shared" si="795"/>
        <v>5103.125</v>
      </c>
      <c r="WJN53" s="7">
        <f t="shared" si="795"/>
        <v>5103.125</v>
      </c>
      <c r="WJO53" s="7">
        <f t="shared" si="795"/>
        <v>5103.125</v>
      </c>
      <c r="WJP53" s="7">
        <f t="shared" si="795"/>
        <v>5103.125</v>
      </c>
      <c r="WJQ53" s="7">
        <f t="shared" si="795"/>
        <v>5103.125</v>
      </c>
      <c r="WJR53" s="7">
        <f t="shared" si="795"/>
        <v>5103.125</v>
      </c>
      <c r="WJS53" s="7">
        <f t="shared" si="795"/>
        <v>5103.125</v>
      </c>
      <c r="WJT53" s="7">
        <f t="shared" si="795"/>
        <v>5103.125</v>
      </c>
      <c r="WJU53" s="7">
        <f t="shared" si="795"/>
        <v>5103.125</v>
      </c>
      <c r="WJV53" s="7">
        <f t="shared" si="795"/>
        <v>5103.125</v>
      </c>
      <c r="WJW53" s="7">
        <f t="shared" si="795"/>
        <v>5103.125</v>
      </c>
      <c r="WJX53" s="7">
        <f t="shared" si="795"/>
        <v>5103.125</v>
      </c>
      <c r="WJY53" s="7">
        <f t="shared" si="795"/>
        <v>5103.125</v>
      </c>
      <c r="WJZ53" s="7">
        <f t="shared" si="795"/>
        <v>5103.125</v>
      </c>
      <c r="WKA53" s="7">
        <f t="shared" si="795"/>
        <v>5103.125</v>
      </c>
      <c r="WKB53" s="7">
        <f t="shared" si="795"/>
        <v>5103.125</v>
      </c>
      <c r="WKC53" s="7">
        <f t="shared" si="795"/>
        <v>5103.125</v>
      </c>
      <c r="WKD53" s="7">
        <f t="shared" si="795"/>
        <v>5103.125</v>
      </c>
      <c r="WKE53" s="7">
        <f t="shared" si="795"/>
        <v>5103.125</v>
      </c>
      <c r="WKF53" s="7">
        <f t="shared" si="795"/>
        <v>5103.125</v>
      </c>
      <c r="WKG53" s="7">
        <f t="shared" si="795"/>
        <v>5103.125</v>
      </c>
      <c r="WKH53" s="7">
        <f t="shared" si="795"/>
        <v>5103.125</v>
      </c>
      <c r="WKI53" s="7">
        <f t="shared" si="795"/>
        <v>5103.125</v>
      </c>
      <c r="WKJ53" s="7">
        <f t="shared" si="795"/>
        <v>5103.125</v>
      </c>
      <c r="WKK53" s="7">
        <f t="shared" si="795"/>
        <v>5103.125</v>
      </c>
      <c r="WKL53" s="7">
        <f t="shared" si="795"/>
        <v>5103.125</v>
      </c>
      <c r="WKM53" s="7">
        <f t="shared" si="795"/>
        <v>5103.125</v>
      </c>
      <c r="WKN53" s="7">
        <f t="shared" si="795"/>
        <v>5103.125</v>
      </c>
      <c r="WKO53" s="7">
        <f t="shared" si="795"/>
        <v>5103.125</v>
      </c>
      <c r="WKP53" s="7">
        <f t="shared" si="795"/>
        <v>5103.125</v>
      </c>
      <c r="WKQ53" s="7">
        <f t="shared" si="795"/>
        <v>5103.125</v>
      </c>
      <c r="WKR53" s="7">
        <f t="shared" si="795"/>
        <v>5103.125</v>
      </c>
      <c r="WKS53" s="7">
        <f t="shared" si="795"/>
        <v>5103.125</v>
      </c>
      <c r="WKT53" s="7">
        <f t="shared" si="795"/>
        <v>5103.125</v>
      </c>
      <c r="WKU53" s="7">
        <f t="shared" si="795"/>
        <v>5103.125</v>
      </c>
      <c r="WKV53" s="7">
        <f t="shared" si="795"/>
        <v>5103.125</v>
      </c>
      <c r="WKW53" s="7">
        <f t="shared" si="795"/>
        <v>5103.125</v>
      </c>
      <c r="WKX53" s="7">
        <f t="shared" si="795"/>
        <v>5103.125</v>
      </c>
      <c r="WKY53" s="7">
        <f t="shared" si="795"/>
        <v>5103.125</v>
      </c>
      <c r="WKZ53" s="7">
        <f t="shared" si="795"/>
        <v>5103.125</v>
      </c>
      <c r="WLA53" s="7">
        <f t="shared" si="795"/>
        <v>5103.125</v>
      </c>
      <c r="WLB53" s="7">
        <f t="shared" si="795"/>
        <v>5103.125</v>
      </c>
      <c r="WLC53" s="7">
        <f t="shared" si="795"/>
        <v>5103.125</v>
      </c>
      <c r="WLD53" s="7">
        <f t="shared" si="795"/>
        <v>5103.125</v>
      </c>
      <c r="WLE53" s="7">
        <f t="shared" si="795"/>
        <v>5103.125</v>
      </c>
      <c r="WLF53" s="7">
        <f t="shared" si="795"/>
        <v>5103.125</v>
      </c>
      <c r="WLG53" s="7">
        <f t="shared" si="795"/>
        <v>5103.125</v>
      </c>
      <c r="WLH53" s="7">
        <f t="shared" si="795"/>
        <v>5103.125</v>
      </c>
      <c r="WLI53" s="7">
        <f t="shared" si="795"/>
        <v>5103.125</v>
      </c>
      <c r="WLJ53" s="7">
        <f t="shared" si="795"/>
        <v>5103.125</v>
      </c>
      <c r="WLK53" s="7">
        <f t="shared" si="795"/>
        <v>5103.125</v>
      </c>
      <c r="WLL53" s="7">
        <f t="shared" si="795"/>
        <v>5103.125</v>
      </c>
      <c r="WLM53" s="7">
        <f t="shared" si="795"/>
        <v>5103.125</v>
      </c>
      <c r="WLN53" s="7">
        <f t="shared" si="795"/>
        <v>5103.125</v>
      </c>
      <c r="WLO53" s="7">
        <f t="shared" si="795"/>
        <v>5103.125</v>
      </c>
      <c r="WLP53" s="7">
        <f t="shared" si="795"/>
        <v>5103.125</v>
      </c>
      <c r="WLQ53" s="7">
        <f t="shared" si="795"/>
        <v>5103.125</v>
      </c>
      <c r="WLR53" s="7">
        <f t="shared" si="795"/>
        <v>5103.125</v>
      </c>
      <c r="WLS53" s="7">
        <f t="shared" si="795"/>
        <v>5103.125</v>
      </c>
      <c r="WLT53" s="7">
        <f t="shared" si="795"/>
        <v>5103.125</v>
      </c>
      <c r="WLU53" s="7">
        <f t="shared" si="795"/>
        <v>5103.125</v>
      </c>
      <c r="WLV53" s="7">
        <f t="shared" ref="WLV53:WOG53" si="796">WLV48+WLU53</f>
        <v>5103.125</v>
      </c>
      <c r="WLW53" s="7">
        <f t="shared" si="796"/>
        <v>5103.125</v>
      </c>
      <c r="WLX53" s="7">
        <f t="shared" si="796"/>
        <v>5103.125</v>
      </c>
      <c r="WLY53" s="7">
        <f t="shared" si="796"/>
        <v>5103.125</v>
      </c>
      <c r="WLZ53" s="7">
        <f t="shared" si="796"/>
        <v>5103.125</v>
      </c>
      <c r="WMA53" s="7">
        <f t="shared" si="796"/>
        <v>5103.125</v>
      </c>
      <c r="WMB53" s="7">
        <f t="shared" si="796"/>
        <v>5103.125</v>
      </c>
      <c r="WMC53" s="7">
        <f t="shared" si="796"/>
        <v>5103.125</v>
      </c>
      <c r="WMD53" s="7">
        <f t="shared" si="796"/>
        <v>5103.125</v>
      </c>
      <c r="WME53" s="7">
        <f t="shared" si="796"/>
        <v>5103.125</v>
      </c>
      <c r="WMF53" s="7">
        <f t="shared" si="796"/>
        <v>5103.125</v>
      </c>
      <c r="WMG53" s="7">
        <f t="shared" si="796"/>
        <v>5103.125</v>
      </c>
      <c r="WMH53" s="7">
        <f t="shared" si="796"/>
        <v>5103.125</v>
      </c>
      <c r="WMI53" s="7">
        <f t="shared" si="796"/>
        <v>5103.125</v>
      </c>
      <c r="WMJ53" s="7">
        <f t="shared" si="796"/>
        <v>5103.125</v>
      </c>
      <c r="WMK53" s="7">
        <f t="shared" si="796"/>
        <v>5103.125</v>
      </c>
      <c r="WML53" s="7">
        <f t="shared" si="796"/>
        <v>5103.125</v>
      </c>
      <c r="WMM53" s="7">
        <f t="shared" si="796"/>
        <v>5103.125</v>
      </c>
      <c r="WMN53" s="7">
        <f t="shared" si="796"/>
        <v>5103.125</v>
      </c>
      <c r="WMO53" s="7">
        <f t="shared" si="796"/>
        <v>5103.125</v>
      </c>
      <c r="WMP53" s="7">
        <f t="shared" si="796"/>
        <v>5103.125</v>
      </c>
      <c r="WMQ53" s="7">
        <f t="shared" si="796"/>
        <v>5103.125</v>
      </c>
      <c r="WMR53" s="7">
        <f t="shared" si="796"/>
        <v>5103.125</v>
      </c>
      <c r="WMS53" s="7">
        <f t="shared" si="796"/>
        <v>5103.125</v>
      </c>
      <c r="WMT53" s="7">
        <f t="shared" si="796"/>
        <v>5103.125</v>
      </c>
      <c r="WMU53" s="7">
        <f t="shared" si="796"/>
        <v>5103.125</v>
      </c>
      <c r="WMV53" s="7">
        <f t="shared" si="796"/>
        <v>5103.125</v>
      </c>
      <c r="WMW53" s="7">
        <f t="shared" si="796"/>
        <v>5103.125</v>
      </c>
      <c r="WMX53" s="7">
        <f t="shared" si="796"/>
        <v>5103.125</v>
      </c>
      <c r="WMY53" s="7">
        <f t="shared" si="796"/>
        <v>5103.125</v>
      </c>
      <c r="WMZ53" s="7">
        <f t="shared" si="796"/>
        <v>5103.125</v>
      </c>
      <c r="WNA53" s="7">
        <f t="shared" si="796"/>
        <v>5103.125</v>
      </c>
      <c r="WNB53" s="7">
        <f t="shared" si="796"/>
        <v>5103.125</v>
      </c>
      <c r="WNC53" s="7">
        <f t="shared" si="796"/>
        <v>5103.125</v>
      </c>
      <c r="WND53" s="7">
        <f t="shared" si="796"/>
        <v>5103.125</v>
      </c>
      <c r="WNE53" s="7">
        <f t="shared" si="796"/>
        <v>5103.125</v>
      </c>
      <c r="WNF53" s="7">
        <f t="shared" si="796"/>
        <v>5103.125</v>
      </c>
      <c r="WNG53" s="7">
        <f t="shared" si="796"/>
        <v>5103.125</v>
      </c>
      <c r="WNH53" s="7">
        <f t="shared" si="796"/>
        <v>5103.125</v>
      </c>
      <c r="WNI53" s="7">
        <f t="shared" si="796"/>
        <v>5103.125</v>
      </c>
      <c r="WNJ53" s="7">
        <f t="shared" si="796"/>
        <v>5103.125</v>
      </c>
      <c r="WNK53" s="7">
        <f t="shared" si="796"/>
        <v>5103.125</v>
      </c>
      <c r="WNL53" s="7">
        <f t="shared" si="796"/>
        <v>5103.125</v>
      </c>
      <c r="WNM53" s="7">
        <f t="shared" si="796"/>
        <v>5103.125</v>
      </c>
      <c r="WNN53" s="7">
        <f t="shared" si="796"/>
        <v>5103.125</v>
      </c>
      <c r="WNO53" s="7">
        <f t="shared" si="796"/>
        <v>5103.125</v>
      </c>
      <c r="WNP53" s="7">
        <f t="shared" si="796"/>
        <v>5103.125</v>
      </c>
      <c r="WNQ53" s="7">
        <f t="shared" si="796"/>
        <v>5103.125</v>
      </c>
      <c r="WNR53" s="7">
        <f t="shared" si="796"/>
        <v>5103.125</v>
      </c>
      <c r="WNS53" s="7">
        <f t="shared" si="796"/>
        <v>5103.125</v>
      </c>
      <c r="WNT53" s="7">
        <f t="shared" si="796"/>
        <v>5103.125</v>
      </c>
      <c r="WNU53" s="7">
        <f t="shared" si="796"/>
        <v>5103.125</v>
      </c>
      <c r="WNV53" s="7">
        <f t="shared" si="796"/>
        <v>5103.125</v>
      </c>
      <c r="WNW53" s="7">
        <f t="shared" si="796"/>
        <v>5103.125</v>
      </c>
      <c r="WNX53" s="7">
        <f t="shared" si="796"/>
        <v>5103.125</v>
      </c>
      <c r="WNY53" s="7">
        <f t="shared" si="796"/>
        <v>5103.125</v>
      </c>
      <c r="WNZ53" s="7">
        <f t="shared" si="796"/>
        <v>5103.125</v>
      </c>
      <c r="WOA53" s="7">
        <f t="shared" si="796"/>
        <v>5103.125</v>
      </c>
      <c r="WOB53" s="7">
        <f t="shared" si="796"/>
        <v>5103.125</v>
      </c>
      <c r="WOC53" s="7">
        <f t="shared" si="796"/>
        <v>5103.125</v>
      </c>
      <c r="WOD53" s="7">
        <f t="shared" si="796"/>
        <v>5103.125</v>
      </c>
      <c r="WOE53" s="7">
        <f t="shared" si="796"/>
        <v>5103.125</v>
      </c>
      <c r="WOF53" s="7">
        <f t="shared" si="796"/>
        <v>5103.125</v>
      </c>
      <c r="WOG53" s="7">
        <f t="shared" si="796"/>
        <v>5103.125</v>
      </c>
      <c r="WOH53" s="7">
        <f t="shared" ref="WOH53:WQS53" si="797">WOH48+WOG53</f>
        <v>5103.125</v>
      </c>
      <c r="WOI53" s="7">
        <f t="shared" si="797"/>
        <v>5103.125</v>
      </c>
      <c r="WOJ53" s="7">
        <f t="shared" si="797"/>
        <v>5103.125</v>
      </c>
      <c r="WOK53" s="7">
        <f t="shared" si="797"/>
        <v>5103.125</v>
      </c>
      <c r="WOL53" s="7">
        <f t="shared" si="797"/>
        <v>5103.125</v>
      </c>
      <c r="WOM53" s="7">
        <f t="shared" si="797"/>
        <v>5103.125</v>
      </c>
      <c r="WON53" s="7">
        <f t="shared" si="797"/>
        <v>5103.125</v>
      </c>
      <c r="WOO53" s="7">
        <f t="shared" si="797"/>
        <v>5103.125</v>
      </c>
      <c r="WOP53" s="7">
        <f t="shared" si="797"/>
        <v>5103.125</v>
      </c>
      <c r="WOQ53" s="7">
        <f t="shared" si="797"/>
        <v>5103.125</v>
      </c>
      <c r="WOR53" s="7">
        <f t="shared" si="797"/>
        <v>5103.125</v>
      </c>
      <c r="WOS53" s="7">
        <f t="shared" si="797"/>
        <v>5103.125</v>
      </c>
      <c r="WOT53" s="7">
        <f t="shared" si="797"/>
        <v>5103.125</v>
      </c>
      <c r="WOU53" s="7">
        <f t="shared" si="797"/>
        <v>5103.125</v>
      </c>
      <c r="WOV53" s="7">
        <f t="shared" si="797"/>
        <v>5103.125</v>
      </c>
      <c r="WOW53" s="7">
        <f t="shared" si="797"/>
        <v>5103.125</v>
      </c>
      <c r="WOX53" s="7">
        <f t="shared" si="797"/>
        <v>5103.125</v>
      </c>
      <c r="WOY53" s="7">
        <f t="shared" si="797"/>
        <v>5103.125</v>
      </c>
      <c r="WOZ53" s="7">
        <f t="shared" si="797"/>
        <v>5103.125</v>
      </c>
      <c r="WPA53" s="7">
        <f t="shared" si="797"/>
        <v>5103.125</v>
      </c>
      <c r="WPB53" s="7">
        <f t="shared" si="797"/>
        <v>5103.125</v>
      </c>
      <c r="WPC53" s="7">
        <f t="shared" si="797"/>
        <v>5103.125</v>
      </c>
      <c r="WPD53" s="7">
        <f t="shared" si="797"/>
        <v>5103.125</v>
      </c>
      <c r="WPE53" s="7">
        <f t="shared" si="797"/>
        <v>5103.125</v>
      </c>
      <c r="WPF53" s="7">
        <f t="shared" si="797"/>
        <v>5103.125</v>
      </c>
      <c r="WPG53" s="7">
        <f t="shared" si="797"/>
        <v>5103.125</v>
      </c>
      <c r="WPH53" s="7">
        <f t="shared" si="797"/>
        <v>5103.125</v>
      </c>
      <c r="WPI53" s="7">
        <f t="shared" si="797"/>
        <v>5103.125</v>
      </c>
      <c r="WPJ53" s="7">
        <f t="shared" si="797"/>
        <v>5103.125</v>
      </c>
      <c r="WPK53" s="7">
        <f t="shared" si="797"/>
        <v>5103.125</v>
      </c>
      <c r="WPL53" s="7">
        <f t="shared" si="797"/>
        <v>5103.125</v>
      </c>
      <c r="WPM53" s="7">
        <f t="shared" si="797"/>
        <v>5103.125</v>
      </c>
      <c r="WPN53" s="7">
        <f t="shared" si="797"/>
        <v>5103.125</v>
      </c>
      <c r="WPO53" s="7">
        <f t="shared" si="797"/>
        <v>5103.125</v>
      </c>
      <c r="WPP53" s="7">
        <f t="shared" si="797"/>
        <v>5103.125</v>
      </c>
      <c r="WPQ53" s="7">
        <f t="shared" si="797"/>
        <v>5103.125</v>
      </c>
      <c r="WPR53" s="7">
        <f t="shared" si="797"/>
        <v>5103.125</v>
      </c>
      <c r="WPS53" s="7">
        <f t="shared" si="797"/>
        <v>5103.125</v>
      </c>
      <c r="WPT53" s="7">
        <f t="shared" si="797"/>
        <v>5103.125</v>
      </c>
      <c r="WPU53" s="7">
        <f t="shared" si="797"/>
        <v>5103.125</v>
      </c>
      <c r="WPV53" s="7">
        <f t="shared" si="797"/>
        <v>5103.125</v>
      </c>
      <c r="WPW53" s="7">
        <f t="shared" si="797"/>
        <v>5103.125</v>
      </c>
      <c r="WPX53" s="7">
        <f t="shared" si="797"/>
        <v>5103.125</v>
      </c>
      <c r="WPY53" s="7">
        <f t="shared" si="797"/>
        <v>5103.125</v>
      </c>
      <c r="WPZ53" s="7">
        <f t="shared" si="797"/>
        <v>5103.125</v>
      </c>
      <c r="WQA53" s="7">
        <f t="shared" si="797"/>
        <v>5103.125</v>
      </c>
      <c r="WQB53" s="7">
        <f t="shared" si="797"/>
        <v>5103.125</v>
      </c>
      <c r="WQC53" s="7">
        <f t="shared" si="797"/>
        <v>5103.125</v>
      </c>
      <c r="WQD53" s="7">
        <f t="shared" si="797"/>
        <v>5103.125</v>
      </c>
      <c r="WQE53" s="7">
        <f t="shared" si="797"/>
        <v>5103.125</v>
      </c>
      <c r="WQF53" s="7">
        <f t="shared" si="797"/>
        <v>5103.125</v>
      </c>
      <c r="WQG53" s="7">
        <f t="shared" si="797"/>
        <v>5103.125</v>
      </c>
      <c r="WQH53" s="7">
        <f t="shared" si="797"/>
        <v>5103.125</v>
      </c>
      <c r="WQI53" s="7">
        <f t="shared" si="797"/>
        <v>5103.125</v>
      </c>
      <c r="WQJ53" s="7">
        <f t="shared" si="797"/>
        <v>5103.125</v>
      </c>
      <c r="WQK53" s="7">
        <f t="shared" si="797"/>
        <v>5103.125</v>
      </c>
      <c r="WQL53" s="7">
        <f t="shared" si="797"/>
        <v>5103.125</v>
      </c>
      <c r="WQM53" s="7">
        <f t="shared" si="797"/>
        <v>5103.125</v>
      </c>
      <c r="WQN53" s="7">
        <f t="shared" si="797"/>
        <v>5103.125</v>
      </c>
      <c r="WQO53" s="7">
        <f t="shared" si="797"/>
        <v>5103.125</v>
      </c>
      <c r="WQP53" s="7">
        <f t="shared" si="797"/>
        <v>5103.125</v>
      </c>
      <c r="WQQ53" s="7">
        <f t="shared" si="797"/>
        <v>5103.125</v>
      </c>
      <c r="WQR53" s="7">
        <f t="shared" si="797"/>
        <v>5103.125</v>
      </c>
      <c r="WQS53" s="7">
        <f t="shared" si="797"/>
        <v>5103.125</v>
      </c>
      <c r="WQT53" s="7">
        <f t="shared" ref="WQT53:WTE53" si="798">WQT48+WQS53</f>
        <v>5103.125</v>
      </c>
      <c r="WQU53" s="7">
        <f t="shared" si="798"/>
        <v>5103.125</v>
      </c>
      <c r="WQV53" s="7">
        <f t="shared" si="798"/>
        <v>5103.125</v>
      </c>
      <c r="WQW53" s="7">
        <f t="shared" si="798"/>
        <v>5103.125</v>
      </c>
      <c r="WQX53" s="7">
        <f t="shared" si="798"/>
        <v>5103.125</v>
      </c>
      <c r="WQY53" s="7">
        <f t="shared" si="798"/>
        <v>5103.125</v>
      </c>
      <c r="WQZ53" s="7">
        <f t="shared" si="798"/>
        <v>5103.125</v>
      </c>
      <c r="WRA53" s="7">
        <f t="shared" si="798"/>
        <v>5103.125</v>
      </c>
      <c r="WRB53" s="7">
        <f t="shared" si="798"/>
        <v>5103.125</v>
      </c>
      <c r="WRC53" s="7">
        <f t="shared" si="798"/>
        <v>5103.125</v>
      </c>
      <c r="WRD53" s="7">
        <f t="shared" si="798"/>
        <v>5103.125</v>
      </c>
      <c r="WRE53" s="7">
        <f t="shared" si="798"/>
        <v>5103.125</v>
      </c>
      <c r="WRF53" s="7">
        <f t="shared" si="798"/>
        <v>5103.125</v>
      </c>
      <c r="WRG53" s="7">
        <f t="shared" si="798"/>
        <v>5103.125</v>
      </c>
      <c r="WRH53" s="7">
        <f t="shared" si="798"/>
        <v>5103.125</v>
      </c>
      <c r="WRI53" s="7">
        <f t="shared" si="798"/>
        <v>5103.125</v>
      </c>
      <c r="WRJ53" s="7">
        <f t="shared" si="798"/>
        <v>5103.125</v>
      </c>
      <c r="WRK53" s="7">
        <f t="shared" si="798"/>
        <v>5103.125</v>
      </c>
      <c r="WRL53" s="7">
        <f t="shared" si="798"/>
        <v>5103.125</v>
      </c>
      <c r="WRM53" s="7">
        <f t="shared" si="798"/>
        <v>5103.125</v>
      </c>
      <c r="WRN53" s="7">
        <f t="shared" si="798"/>
        <v>5103.125</v>
      </c>
      <c r="WRO53" s="7">
        <f t="shared" si="798"/>
        <v>5103.125</v>
      </c>
      <c r="WRP53" s="7">
        <f t="shared" si="798"/>
        <v>5103.125</v>
      </c>
      <c r="WRQ53" s="7">
        <f t="shared" si="798"/>
        <v>5103.125</v>
      </c>
      <c r="WRR53" s="7">
        <f t="shared" si="798"/>
        <v>5103.125</v>
      </c>
      <c r="WRS53" s="7">
        <f t="shared" si="798"/>
        <v>5103.125</v>
      </c>
      <c r="WRT53" s="7">
        <f t="shared" si="798"/>
        <v>5103.125</v>
      </c>
      <c r="WRU53" s="7">
        <f t="shared" si="798"/>
        <v>5103.125</v>
      </c>
      <c r="WRV53" s="7">
        <f t="shared" si="798"/>
        <v>5103.125</v>
      </c>
      <c r="WRW53" s="7">
        <f t="shared" si="798"/>
        <v>5103.125</v>
      </c>
      <c r="WRX53" s="7">
        <f t="shared" si="798"/>
        <v>5103.125</v>
      </c>
      <c r="WRY53" s="7">
        <f t="shared" si="798"/>
        <v>5103.125</v>
      </c>
      <c r="WRZ53" s="7">
        <f t="shared" si="798"/>
        <v>5103.125</v>
      </c>
      <c r="WSA53" s="7">
        <f t="shared" si="798"/>
        <v>5103.125</v>
      </c>
      <c r="WSB53" s="7">
        <f t="shared" si="798"/>
        <v>5103.125</v>
      </c>
      <c r="WSC53" s="7">
        <f t="shared" si="798"/>
        <v>5103.125</v>
      </c>
      <c r="WSD53" s="7">
        <f t="shared" si="798"/>
        <v>5103.125</v>
      </c>
      <c r="WSE53" s="7">
        <f t="shared" si="798"/>
        <v>5103.125</v>
      </c>
      <c r="WSF53" s="7">
        <f t="shared" si="798"/>
        <v>5103.125</v>
      </c>
      <c r="WSG53" s="7">
        <f t="shared" si="798"/>
        <v>5103.125</v>
      </c>
      <c r="WSH53" s="7">
        <f t="shared" si="798"/>
        <v>5103.125</v>
      </c>
      <c r="WSI53" s="7">
        <f t="shared" si="798"/>
        <v>5103.125</v>
      </c>
      <c r="WSJ53" s="7">
        <f t="shared" si="798"/>
        <v>5103.125</v>
      </c>
      <c r="WSK53" s="7">
        <f t="shared" si="798"/>
        <v>5103.125</v>
      </c>
      <c r="WSL53" s="7">
        <f t="shared" si="798"/>
        <v>5103.125</v>
      </c>
      <c r="WSM53" s="7">
        <f t="shared" si="798"/>
        <v>5103.125</v>
      </c>
      <c r="WSN53" s="7">
        <f t="shared" si="798"/>
        <v>5103.125</v>
      </c>
      <c r="WSO53" s="7">
        <f t="shared" si="798"/>
        <v>5103.125</v>
      </c>
      <c r="WSP53" s="7">
        <f t="shared" si="798"/>
        <v>5103.125</v>
      </c>
      <c r="WSQ53" s="7">
        <f t="shared" si="798"/>
        <v>5103.125</v>
      </c>
      <c r="WSR53" s="7">
        <f t="shared" si="798"/>
        <v>5103.125</v>
      </c>
      <c r="WSS53" s="7">
        <f t="shared" si="798"/>
        <v>5103.125</v>
      </c>
      <c r="WST53" s="7">
        <f t="shared" si="798"/>
        <v>5103.125</v>
      </c>
      <c r="WSU53" s="7">
        <f t="shared" si="798"/>
        <v>5103.125</v>
      </c>
      <c r="WSV53" s="7">
        <f t="shared" si="798"/>
        <v>5103.125</v>
      </c>
      <c r="WSW53" s="7">
        <f t="shared" si="798"/>
        <v>5103.125</v>
      </c>
      <c r="WSX53" s="7">
        <f t="shared" si="798"/>
        <v>5103.125</v>
      </c>
      <c r="WSY53" s="7">
        <f t="shared" si="798"/>
        <v>5103.125</v>
      </c>
      <c r="WSZ53" s="7">
        <f t="shared" si="798"/>
        <v>5103.125</v>
      </c>
      <c r="WTA53" s="7">
        <f t="shared" si="798"/>
        <v>5103.125</v>
      </c>
      <c r="WTB53" s="7">
        <f t="shared" si="798"/>
        <v>5103.125</v>
      </c>
      <c r="WTC53" s="7">
        <f t="shared" si="798"/>
        <v>5103.125</v>
      </c>
      <c r="WTD53" s="7">
        <f t="shared" si="798"/>
        <v>5103.125</v>
      </c>
      <c r="WTE53" s="7">
        <f t="shared" si="798"/>
        <v>5103.125</v>
      </c>
      <c r="WTF53" s="7">
        <f t="shared" ref="WTF53:WVQ53" si="799">WTF48+WTE53</f>
        <v>5103.125</v>
      </c>
      <c r="WTG53" s="7">
        <f t="shared" si="799"/>
        <v>5103.125</v>
      </c>
      <c r="WTH53" s="7">
        <f t="shared" si="799"/>
        <v>5103.125</v>
      </c>
      <c r="WTI53" s="7">
        <f t="shared" si="799"/>
        <v>5103.125</v>
      </c>
      <c r="WTJ53" s="7">
        <f t="shared" si="799"/>
        <v>5103.125</v>
      </c>
      <c r="WTK53" s="7">
        <f t="shared" si="799"/>
        <v>5103.125</v>
      </c>
      <c r="WTL53" s="7">
        <f t="shared" si="799"/>
        <v>5103.125</v>
      </c>
      <c r="WTM53" s="7">
        <f t="shared" si="799"/>
        <v>5103.125</v>
      </c>
      <c r="WTN53" s="7">
        <f t="shared" si="799"/>
        <v>5103.125</v>
      </c>
      <c r="WTO53" s="7">
        <f t="shared" si="799"/>
        <v>5103.125</v>
      </c>
      <c r="WTP53" s="7">
        <f t="shared" si="799"/>
        <v>5103.125</v>
      </c>
      <c r="WTQ53" s="7">
        <f t="shared" si="799"/>
        <v>5103.125</v>
      </c>
      <c r="WTR53" s="7">
        <f t="shared" si="799"/>
        <v>5103.125</v>
      </c>
      <c r="WTS53" s="7">
        <f t="shared" si="799"/>
        <v>5103.125</v>
      </c>
      <c r="WTT53" s="7">
        <f t="shared" si="799"/>
        <v>5103.125</v>
      </c>
      <c r="WTU53" s="7">
        <f t="shared" si="799"/>
        <v>5103.125</v>
      </c>
      <c r="WTV53" s="7">
        <f t="shared" si="799"/>
        <v>5103.125</v>
      </c>
      <c r="WTW53" s="7">
        <f t="shared" si="799"/>
        <v>5103.125</v>
      </c>
      <c r="WTX53" s="7">
        <f t="shared" si="799"/>
        <v>5103.125</v>
      </c>
      <c r="WTY53" s="7">
        <f t="shared" si="799"/>
        <v>5103.125</v>
      </c>
      <c r="WTZ53" s="7">
        <f t="shared" si="799"/>
        <v>5103.125</v>
      </c>
      <c r="WUA53" s="7">
        <f t="shared" si="799"/>
        <v>5103.125</v>
      </c>
      <c r="WUB53" s="7">
        <f t="shared" si="799"/>
        <v>5103.125</v>
      </c>
      <c r="WUC53" s="7">
        <f t="shared" si="799"/>
        <v>5103.125</v>
      </c>
      <c r="WUD53" s="7">
        <f t="shared" si="799"/>
        <v>5103.125</v>
      </c>
      <c r="WUE53" s="7">
        <f t="shared" si="799"/>
        <v>5103.125</v>
      </c>
      <c r="WUF53" s="7">
        <f t="shared" si="799"/>
        <v>5103.125</v>
      </c>
      <c r="WUG53" s="7">
        <f t="shared" si="799"/>
        <v>5103.125</v>
      </c>
      <c r="WUH53" s="7">
        <f t="shared" si="799"/>
        <v>5103.125</v>
      </c>
      <c r="WUI53" s="7">
        <f t="shared" si="799"/>
        <v>5103.125</v>
      </c>
      <c r="WUJ53" s="7">
        <f t="shared" si="799"/>
        <v>5103.125</v>
      </c>
      <c r="WUK53" s="7">
        <f t="shared" si="799"/>
        <v>5103.125</v>
      </c>
      <c r="WUL53" s="7">
        <f t="shared" si="799"/>
        <v>5103.125</v>
      </c>
      <c r="WUM53" s="7">
        <f t="shared" si="799"/>
        <v>5103.125</v>
      </c>
      <c r="WUN53" s="7">
        <f t="shared" si="799"/>
        <v>5103.125</v>
      </c>
      <c r="WUO53" s="7">
        <f t="shared" si="799"/>
        <v>5103.125</v>
      </c>
      <c r="WUP53" s="7">
        <f t="shared" si="799"/>
        <v>5103.125</v>
      </c>
      <c r="WUQ53" s="7">
        <f t="shared" si="799"/>
        <v>5103.125</v>
      </c>
      <c r="WUR53" s="7">
        <f t="shared" si="799"/>
        <v>5103.125</v>
      </c>
      <c r="WUS53" s="7">
        <f t="shared" si="799"/>
        <v>5103.125</v>
      </c>
      <c r="WUT53" s="7">
        <f t="shared" si="799"/>
        <v>5103.125</v>
      </c>
      <c r="WUU53" s="7">
        <f t="shared" si="799"/>
        <v>5103.125</v>
      </c>
      <c r="WUV53" s="7">
        <f t="shared" si="799"/>
        <v>5103.125</v>
      </c>
      <c r="WUW53" s="7">
        <f t="shared" si="799"/>
        <v>5103.125</v>
      </c>
      <c r="WUX53" s="7">
        <f t="shared" si="799"/>
        <v>5103.125</v>
      </c>
      <c r="WUY53" s="7">
        <f t="shared" si="799"/>
        <v>5103.125</v>
      </c>
      <c r="WUZ53" s="7">
        <f t="shared" si="799"/>
        <v>5103.125</v>
      </c>
      <c r="WVA53" s="7">
        <f t="shared" si="799"/>
        <v>5103.125</v>
      </c>
      <c r="WVB53" s="7">
        <f t="shared" si="799"/>
        <v>5103.125</v>
      </c>
      <c r="WVC53" s="7">
        <f t="shared" si="799"/>
        <v>5103.125</v>
      </c>
      <c r="WVD53" s="7">
        <f t="shared" si="799"/>
        <v>5103.125</v>
      </c>
      <c r="WVE53" s="7">
        <f t="shared" si="799"/>
        <v>5103.125</v>
      </c>
      <c r="WVF53" s="7">
        <f t="shared" si="799"/>
        <v>5103.125</v>
      </c>
      <c r="WVG53" s="7">
        <f t="shared" si="799"/>
        <v>5103.125</v>
      </c>
      <c r="WVH53" s="7">
        <f t="shared" si="799"/>
        <v>5103.125</v>
      </c>
      <c r="WVI53" s="7">
        <f t="shared" si="799"/>
        <v>5103.125</v>
      </c>
      <c r="WVJ53" s="7">
        <f t="shared" si="799"/>
        <v>5103.125</v>
      </c>
      <c r="WVK53" s="7">
        <f t="shared" si="799"/>
        <v>5103.125</v>
      </c>
      <c r="WVL53" s="7">
        <f t="shared" si="799"/>
        <v>5103.125</v>
      </c>
      <c r="WVM53" s="7">
        <f t="shared" si="799"/>
        <v>5103.125</v>
      </c>
      <c r="WVN53" s="7">
        <f t="shared" si="799"/>
        <v>5103.125</v>
      </c>
      <c r="WVO53" s="7">
        <f t="shared" si="799"/>
        <v>5103.125</v>
      </c>
      <c r="WVP53" s="7">
        <f t="shared" si="799"/>
        <v>5103.125</v>
      </c>
      <c r="WVQ53" s="7">
        <f t="shared" si="799"/>
        <v>5103.125</v>
      </c>
      <c r="WVR53" s="7">
        <f t="shared" ref="WVR53:WYC53" si="800">WVR48+WVQ53</f>
        <v>5103.125</v>
      </c>
      <c r="WVS53" s="7">
        <f t="shared" si="800"/>
        <v>5103.125</v>
      </c>
      <c r="WVT53" s="7">
        <f t="shared" si="800"/>
        <v>5103.125</v>
      </c>
      <c r="WVU53" s="7">
        <f t="shared" si="800"/>
        <v>5103.125</v>
      </c>
      <c r="WVV53" s="7">
        <f t="shared" si="800"/>
        <v>5103.125</v>
      </c>
      <c r="WVW53" s="7">
        <f t="shared" si="800"/>
        <v>5103.125</v>
      </c>
      <c r="WVX53" s="7">
        <f t="shared" si="800"/>
        <v>5103.125</v>
      </c>
      <c r="WVY53" s="7">
        <f t="shared" si="800"/>
        <v>5103.125</v>
      </c>
      <c r="WVZ53" s="7">
        <f t="shared" si="800"/>
        <v>5103.125</v>
      </c>
      <c r="WWA53" s="7">
        <f t="shared" si="800"/>
        <v>5103.125</v>
      </c>
      <c r="WWB53" s="7">
        <f t="shared" si="800"/>
        <v>5103.125</v>
      </c>
      <c r="WWC53" s="7">
        <f t="shared" si="800"/>
        <v>5103.125</v>
      </c>
      <c r="WWD53" s="7">
        <f t="shared" si="800"/>
        <v>5103.125</v>
      </c>
      <c r="WWE53" s="7">
        <f t="shared" si="800"/>
        <v>5103.125</v>
      </c>
      <c r="WWF53" s="7">
        <f t="shared" si="800"/>
        <v>5103.125</v>
      </c>
      <c r="WWG53" s="7">
        <f t="shared" si="800"/>
        <v>5103.125</v>
      </c>
      <c r="WWH53" s="7">
        <f t="shared" si="800"/>
        <v>5103.125</v>
      </c>
      <c r="WWI53" s="7">
        <f t="shared" si="800"/>
        <v>5103.125</v>
      </c>
      <c r="WWJ53" s="7">
        <f t="shared" si="800"/>
        <v>5103.125</v>
      </c>
      <c r="WWK53" s="7">
        <f t="shared" si="800"/>
        <v>5103.125</v>
      </c>
      <c r="WWL53" s="7">
        <f t="shared" si="800"/>
        <v>5103.125</v>
      </c>
      <c r="WWM53" s="7">
        <f t="shared" si="800"/>
        <v>5103.125</v>
      </c>
      <c r="WWN53" s="7">
        <f t="shared" si="800"/>
        <v>5103.125</v>
      </c>
      <c r="WWO53" s="7">
        <f t="shared" si="800"/>
        <v>5103.125</v>
      </c>
      <c r="WWP53" s="7">
        <f t="shared" si="800"/>
        <v>5103.125</v>
      </c>
      <c r="WWQ53" s="7">
        <f t="shared" si="800"/>
        <v>5103.125</v>
      </c>
      <c r="WWR53" s="7">
        <f t="shared" si="800"/>
        <v>5103.125</v>
      </c>
      <c r="WWS53" s="7">
        <f t="shared" si="800"/>
        <v>5103.125</v>
      </c>
      <c r="WWT53" s="7">
        <f t="shared" si="800"/>
        <v>5103.125</v>
      </c>
      <c r="WWU53" s="7">
        <f t="shared" si="800"/>
        <v>5103.125</v>
      </c>
      <c r="WWV53" s="7">
        <f t="shared" si="800"/>
        <v>5103.125</v>
      </c>
      <c r="WWW53" s="7">
        <f t="shared" si="800"/>
        <v>5103.125</v>
      </c>
      <c r="WWX53" s="7">
        <f t="shared" si="800"/>
        <v>5103.125</v>
      </c>
      <c r="WWY53" s="7">
        <f t="shared" si="800"/>
        <v>5103.125</v>
      </c>
      <c r="WWZ53" s="7">
        <f t="shared" si="800"/>
        <v>5103.125</v>
      </c>
      <c r="WXA53" s="7">
        <f t="shared" si="800"/>
        <v>5103.125</v>
      </c>
      <c r="WXB53" s="7">
        <f t="shared" si="800"/>
        <v>5103.125</v>
      </c>
      <c r="WXC53" s="7">
        <f t="shared" si="800"/>
        <v>5103.125</v>
      </c>
      <c r="WXD53" s="7">
        <f t="shared" si="800"/>
        <v>5103.125</v>
      </c>
      <c r="WXE53" s="7">
        <f t="shared" si="800"/>
        <v>5103.125</v>
      </c>
      <c r="WXF53" s="7">
        <f t="shared" si="800"/>
        <v>5103.125</v>
      </c>
      <c r="WXG53" s="7">
        <f t="shared" si="800"/>
        <v>5103.125</v>
      </c>
      <c r="WXH53" s="7">
        <f t="shared" si="800"/>
        <v>5103.125</v>
      </c>
      <c r="WXI53" s="7">
        <f t="shared" si="800"/>
        <v>5103.125</v>
      </c>
      <c r="WXJ53" s="7">
        <f t="shared" si="800"/>
        <v>5103.125</v>
      </c>
      <c r="WXK53" s="7">
        <f t="shared" si="800"/>
        <v>5103.125</v>
      </c>
      <c r="WXL53" s="7">
        <f t="shared" si="800"/>
        <v>5103.125</v>
      </c>
      <c r="WXM53" s="7">
        <f t="shared" si="800"/>
        <v>5103.125</v>
      </c>
      <c r="WXN53" s="7">
        <f t="shared" si="800"/>
        <v>5103.125</v>
      </c>
      <c r="WXO53" s="7">
        <f t="shared" si="800"/>
        <v>5103.125</v>
      </c>
      <c r="WXP53" s="7">
        <f t="shared" si="800"/>
        <v>5103.125</v>
      </c>
      <c r="WXQ53" s="7">
        <f t="shared" si="800"/>
        <v>5103.125</v>
      </c>
      <c r="WXR53" s="7">
        <f t="shared" si="800"/>
        <v>5103.125</v>
      </c>
      <c r="WXS53" s="7">
        <f t="shared" si="800"/>
        <v>5103.125</v>
      </c>
      <c r="WXT53" s="7">
        <f t="shared" si="800"/>
        <v>5103.125</v>
      </c>
      <c r="WXU53" s="7">
        <f t="shared" si="800"/>
        <v>5103.125</v>
      </c>
      <c r="WXV53" s="7">
        <f t="shared" si="800"/>
        <v>5103.125</v>
      </c>
      <c r="WXW53" s="7">
        <f t="shared" si="800"/>
        <v>5103.125</v>
      </c>
      <c r="WXX53" s="7">
        <f t="shared" si="800"/>
        <v>5103.125</v>
      </c>
      <c r="WXY53" s="7">
        <f t="shared" si="800"/>
        <v>5103.125</v>
      </c>
      <c r="WXZ53" s="7">
        <f t="shared" si="800"/>
        <v>5103.125</v>
      </c>
      <c r="WYA53" s="7">
        <f t="shared" si="800"/>
        <v>5103.125</v>
      </c>
      <c r="WYB53" s="7">
        <f t="shared" si="800"/>
        <v>5103.125</v>
      </c>
      <c r="WYC53" s="7">
        <f t="shared" si="800"/>
        <v>5103.125</v>
      </c>
      <c r="WYD53" s="7">
        <f t="shared" ref="WYD53:XAO53" si="801">WYD48+WYC53</f>
        <v>5103.125</v>
      </c>
      <c r="WYE53" s="7">
        <f t="shared" si="801"/>
        <v>5103.125</v>
      </c>
      <c r="WYF53" s="7">
        <f t="shared" si="801"/>
        <v>5103.125</v>
      </c>
      <c r="WYG53" s="7">
        <f t="shared" si="801"/>
        <v>5103.125</v>
      </c>
      <c r="WYH53" s="7">
        <f t="shared" si="801"/>
        <v>5103.125</v>
      </c>
      <c r="WYI53" s="7">
        <f t="shared" si="801"/>
        <v>5103.125</v>
      </c>
      <c r="WYJ53" s="7">
        <f t="shared" si="801"/>
        <v>5103.125</v>
      </c>
      <c r="WYK53" s="7">
        <f t="shared" si="801"/>
        <v>5103.125</v>
      </c>
      <c r="WYL53" s="7">
        <f t="shared" si="801"/>
        <v>5103.125</v>
      </c>
      <c r="WYM53" s="7">
        <f t="shared" si="801"/>
        <v>5103.125</v>
      </c>
      <c r="WYN53" s="7">
        <f t="shared" si="801"/>
        <v>5103.125</v>
      </c>
      <c r="WYO53" s="7">
        <f t="shared" si="801"/>
        <v>5103.125</v>
      </c>
      <c r="WYP53" s="7">
        <f t="shared" si="801"/>
        <v>5103.125</v>
      </c>
      <c r="WYQ53" s="7">
        <f t="shared" si="801"/>
        <v>5103.125</v>
      </c>
      <c r="WYR53" s="7">
        <f t="shared" si="801"/>
        <v>5103.125</v>
      </c>
      <c r="WYS53" s="7">
        <f t="shared" si="801"/>
        <v>5103.125</v>
      </c>
      <c r="WYT53" s="7">
        <f t="shared" si="801"/>
        <v>5103.125</v>
      </c>
      <c r="WYU53" s="7">
        <f t="shared" si="801"/>
        <v>5103.125</v>
      </c>
      <c r="WYV53" s="7">
        <f t="shared" si="801"/>
        <v>5103.125</v>
      </c>
      <c r="WYW53" s="7">
        <f t="shared" si="801"/>
        <v>5103.125</v>
      </c>
      <c r="WYX53" s="7">
        <f t="shared" si="801"/>
        <v>5103.125</v>
      </c>
      <c r="WYY53" s="7">
        <f t="shared" si="801"/>
        <v>5103.125</v>
      </c>
      <c r="WYZ53" s="7">
        <f t="shared" si="801"/>
        <v>5103.125</v>
      </c>
      <c r="WZA53" s="7">
        <f t="shared" si="801"/>
        <v>5103.125</v>
      </c>
      <c r="WZB53" s="7">
        <f t="shared" si="801"/>
        <v>5103.125</v>
      </c>
      <c r="WZC53" s="7">
        <f t="shared" si="801"/>
        <v>5103.125</v>
      </c>
      <c r="WZD53" s="7">
        <f t="shared" si="801"/>
        <v>5103.125</v>
      </c>
      <c r="WZE53" s="7">
        <f t="shared" si="801"/>
        <v>5103.125</v>
      </c>
      <c r="WZF53" s="7">
        <f t="shared" si="801"/>
        <v>5103.125</v>
      </c>
      <c r="WZG53" s="7">
        <f t="shared" si="801"/>
        <v>5103.125</v>
      </c>
      <c r="WZH53" s="7">
        <f t="shared" si="801"/>
        <v>5103.125</v>
      </c>
      <c r="WZI53" s="7">
        <f t="shared" si="801"/>
        <v>5103.125</v>
      </c>
      <c r="WZJ53" s="7">
        <f t="shared" si="801"/>
        <v>5103.125</v>
      </c>
      <c r="WZK53" s="7">
        <f t="shared" si="801"/>
        <v>5103.125</v>
      </c>
      <c r="WZL53" s="7">
        <f t="shared" si="801"/>
        <v>5103.125</v>
      </c>
      <c r="WZM53" s="7">
        <f t="shared" si="801"/>
        <v>5103.125</v>
      </c>
      <c r="WZN53" s="7">
        <f t="shared" si="801"/>
        <v>5103.125</v>
      </c>
      <c r="WZO53" s="7">
        <f t="shared" si="801"/>
        <v>5103.125</v>
      </c>
      <c r="WZP53" s="7">
        <f t="shared" si="801"/>
        <v>5103.125</v>
      </c>
      <c r="WZQ53" s="7">
        <f t="shared" si="801"/>
        <v>5103.125</v>
      </c>
      <c r="WZR53" s="7">
        <f t="shared" si="801"/>
        <v>5103.125</v>
      </c>
      <c r="WZS53" s="7">
        <f t="shared" si="801"/>
        <v>5103.125</v>
      </c>
      <c r="WZT53" s="7">
        <f t="shared" si="801"/>
        <v>5103.125</v>
      </c>
      <c r="WZU53" s="7">
        <f t="shared" si="801"/>
        <v>5103.125</v>
      </c>
      <c r="WZV53" s="7">
        <f t="shared" si="801"/>
        <v>5103.125</v>
      </c>
      <c r="WZW53" s="7">
        <f t="shared" si="801"/>
        <v>5103.125</v>
      </c>
      <c r="WZX53" s="7">
        <f t="shared" si="801"/>
        <v>5103.125</v>
      </c>
      <c r="WZY53" s="7">
        <f t="shared" si="801"/>
        <v>5103.125</v>
      </c>
      <c r="WZZ53" s="7">
        <f t="shared" si="801"/>
        <v>5103.125</v>
      </c>
      <c r="XAA53" s="7">
        <f t="shared" si="801"/>
        <v>5103.125</v>
      </c>
      <c r="XAB53" s="7">
        <f t="shared" si="801"/>
        <v>5103.125</v>
      </c>
      <c r="XAC53" s="7">
        <f t="shared" si="801"/>
        <v>5103.125</v>
      </c>
      <c r="XAD53" s="7">
        <f t="shared" si="801"/>
        <v>5103.125</v>
      </c>
      <c r="XAE53" s="7">
        <f t="shared" si="801"/>
        <v>5103.125</v>
      </c>
      <c r="XAF53" s="7">
        <f t="shared" si="801"/>
        <v>5103.125</v>
      </c>
      <c r="XAG53" s="7">
        <f t="shared" si="801"/>
        <v>5103.125</v>
      </c>
      <c r="XAH53" s="7">
        <f t="shared" si="801"/>
        <v>5103.125</v>
      </c>
      <c r="XAI53" s="7">
        <f t="shared" si="801"/>
        <v>5103.125</v>
      </c>
      <c r="XAJ53" s="7">
        <f t="shared" si="801"/>
        <v>5103.125</v>
      </c>
      <c r="XAK53" s="7">
        <f t="shared" si="801"/>
        <v>5103.125</v>
      </c>
      <c r="XAL53" s="7">
        <f t="shared" si="801"/>
        <v>5103.125</v>
      </c>
      <c r="XAM53" s="7">
        <f t="shared" si="801"/>
        <v>5103.125</v>
      </c>
      <c r="XAN53" s="7">
        <f t="shared" si="801"/>
        <v>5103.125</v>
      </c>
      <c r="XAO53" s="7">
        <f t="shared" si="801"/>
        <v>5103.125</v>
      </c>
      <c r="XAP53" s="7">
        <f t="shared" ref="XAP53:XDA53" si="802">XAP48+XAO53</f>
        <v>5103.125</v>
      </c>
      <c r="XAQ53" s="7">
        <f t="shared" si="802"/>
        <v>5103.125</v>
      </c>
      <c r="XAR53" s="7">
        <f t="shared" si="802"/>
        <v>5103.125</v>
      </c>
      <c r="XAS53" s="7">
        <f t="shared" si="802"/>
        <v>5103.125</v>
      </c>
      <c r="XAT53" s="7">
        <f t="shared" si="802"/>
        <v>5103.125</v>
      </c>
      <c r="XAU53" s="7">
        <f t="shared" si="802"/>
        <v>5103.125</v>
      </c>
      <c r="XAV53" s="7">
        <f t="shared" si="802"/>
        <v>5103.125</v>
      </c>
      <c r="XAW53" s="7">
        <f t="shared" si="802"/>
        <v>5103.125</v>
      </c>
      <c r="XAX53" s="7">
        <f t="shared" si="802"/>
        <v>5103.125</v>
      </c>
      <c r="XAY53" s="7">
        <f t="shared" si="802"/>
        <v>5103.125</v>
      </c>
      <c r="XAZ53" s="7">
        <f t="shared" si="802"/>
        <v>5103.125</v>
      </c>
      <c r="XBA53" s="7">
        <f t="shared" si="802"/>
        <v>5103.125</v>
      </c>
      <c r="XBB53" s="7">
        <f t="shared" si="802"/>
        <v>5103.125</v>
      </c>
      <c r="XBC53" s="7">
        <f t="shared" si="802"/>
        <v>5103.125</v>
      </c>
      <c r="XBD53" s="7">
        <f t="shared" si="802"/>
        <v>5103.125</v>
      </c>
      <c r="XBE53" s="7">
        <f t="shared" si="802"/>
        <v>5103.125</v>
      </c>
      <c r="XBF53" s="7">
        <f t="shared" si="802"/>
        <v>5103.125</v>
      </c>
      <c r="XBG53" s="7">
        <f t="shared" si="802"/>
        <v>5103.125</v>
      </c>
      <c r="XBH53" s="7">
        <f t="shared" si="802"/>
        <v>5103.125</v>
      </c>
      <c r="XBI53" s="7">
        <f t="shared" si="802"/>
        <v>5103.125</v>
      </c>
      <c r="XBJ53" s="7">
        <f t="shared" si="802"/>
        <v>5103.125</v>
      </c>
      <c r="XBK53" s="7">
        <f t="shared" si="802"/>
        <v>5103.125</v>
      </c>
      <c r="XBL53" s="7">
        <f t="shared" si="802"/>
        <v>5103.125</v>
      </c>
      <c r="XBM53" s="7">
        <f t="shared" si="802"/>
        <v>5103.125</v>
      </c>
      <c r="XBN53" s="7">
        <f t="shared" si="802"/>
        <v>5103.125</v>
      </c>
      <c r="XBO53" s="7">
        <f t="shared" si="802"/>
        <v>5103.125</v>
      </c>
      <c r="XBP53" s="7">
        <f t="shared" si="802"/>
        <v>5103.125</v>
      </c>
      <c r="XBQ53" s="7">
        <f t="shared" si="802"/>
        <v>5103.125</v>
      </c>
      <c r="XBR53" s="7">
        <f t="shared" si="802"/>
        <v>5103.125</v>
      </c>
      <c r="XBS53" s="7">
        <f t="shared" si="802"/>
        <v>5103.125</v>
      </c>
      <c r="XBT53" s="7">
        <f t="shared" si="802"/>
        <v>5103.125</v>
      </c>
      <c r="XBU53" s="7">
        <f t="shared" si="802"/>
        <v>5103.125</v>
      </c>
      <c r="XBV53" s="7">
        <f t="shared" si="802"/>
        <v>5103.125</v>
      </c>
      <c r="XBW53" s="7">
        <f t="shared" si="802"/>
        <v>5103.125</v>
      </c>
      <c r="XBX53" s="7">
        <f t="shared" si="802"/>
        <v>5103.125</v>
      </c>
      <c r="XBY53" s="7">
        <f t="shared" si="802"/>
        <v>5103.125</v>
      </c>
      <c r="XBZ53" s="7">
        <f t="shared" si="802"/>
        <v>5103.125</v>
      </c>
      <c r="XCA53" s="7">
        <f t="shared" si="802"/>
        <v>5103.125</v>
      </c>
      <c r="XCB53" s="7">
        <f t="shared" si="802"/>
        <v>5103.125</v>
      </c>
      <c r="XCC53" s="7">
        <f t="shared" si="802"/>
        <v>5103.125</v>
      </c>
      <c r="XCD53" s="7">
        <f t="shared" si="802"/>
        <v>5103.125</v>
      </c>
      <c r="XCE53" s="7">
        <f t="shared" si="802"/>
        <v>5103.125</v>
      </c>
      <c r="XCF53" s="7">
        <f t="shared" si="802"/>
        <v>5103.125</v>
      </c>
      <c r="XCG53" s="7">
        <f t="shared" si="802"/>
        <v>5103.125</v>
      </c>
      <c r="XCH53" s="7">
        <f t="shared" si="802"/>
        <v>5103.125</v>
      </c>
      <c r="XCI53" s="7">
        <f t="shared" si="802"/>
        <v>5103.125</v>
      </c>
      <c r="XCJ53" s="7">
        <f t="shared" si="802"/>
        <v>5103.125</v>
      </c>
      <c r="XCK53" s="7">
        <f t="shared" si="802"/>
        <v>5103.125</v>
      </c>
      <c r="XCL53" s="7">
        <f t="shared" si="802"/>
        <v>5103.125</v>
      </c>
      <c r="XCM53" s="7">
        <f t="shared" si="802"/>
        <v>5103.125</v>
      </c>
      <c r="XCN53" s="7">
        <f t="shared" si="802"/>
        <v>5103.125</v>
      </c>
      <c r="XCO53" s="7">
        <f t="shared" si="802"/>
        <v>5103.125</v>
      </c>
      <c r="XCP53" s="7">
        <f t="shared" si="802"/>
        <v>5103.125</v>
      </c>
      <c r="XCQ53" s="7">
        <f t="shared" si="802"/>
        <v>5103.125</v>
      </c>
      <c r="XCR53" s="7">
        <f t="shared" si="802"/>
        <v>5103.125</v>
      </c>
      <c r="XCS53" s="7">
        <f t="shared" si="802"/>
        <v>5103.125</v>
      </c>
      <c r="XCT53" s="7">
        <f t="shared" si="802"/>
        <v>5103.125</v>
      </c>
      <c r="XCU53" s="7">
        <f t="shared" si="802"/>
        <v>5103.125</v>
      </c>
      <c r="XCV53" s="7">
        <f t="shared" si="802"/>
        <v>5103.125</v>
      </c>
      <c r="XCW53" s="7">
        <f t="shared" si="802"/>
        <v>5103.125</v>
      </c>
      <c r="XCX53" s="7">
        <f t="shared" si="802"/>
        <v>5103.125</v>
      </c>
      <c r="XCY53" s="7">
        <f t="shared" si="802"/>
        <v>5103.125</v>
      </c>
      <c r="XCZ53" s="7">
        <f t="shared" si="802"/>
        <v>5103.125</v>
      </c>
      <c r="XDA53" s="7">
        <f t="shared" si="802"/>
        <v>5103.125</v>
      </c>
      <c r="XDB53" s="7">
        <f t="shared" ref="XDB53:XFD53" si="803">XDB48+XDA53</f>
        <v>5103.125</v>
      </c>
      <c r="XDC53" s="7">
        <f t="shared" si="803"/>
        <v>5103.125</v>
      </c>
      <c r="XDD53" s="7">
        <f t="shared" si="803"/>
        <v>5103.125</v>
      </c>
      <c r="XDE53" s="7">
        <f t="shared" si="803"/>
        <v>5103.125</v>
      </c>
      <c r="XDF53" s="7">
        <f t="shared" si="803"/>
        <v>5103.125</v>
      </c>
      <c r="XDG53" s="7">
        <f t="shared" si="803"/>
        <v>5103.125</v>
      </c>
      <c r="XDH53" s="7">
        <f t="shared" si="803"/>
        <v>5103.125</v>
      </c>
      <c r="XDI53" s="7">
        <f t="shared" si="803"/>
        <v>5103.125</v>
      </c>
      <c r="XDJ53" s="7">
        <f t="shared" si="803"/>
        <v>5103.125</v>
      </c>
      <c r="XDK53" s="7">
        <f t="shared" si="803"/>
        <v>5103.125</v>
      </c>
      <c r="XDL53" s="7">
        <f t="shared" si="803"/>
        <v>5103.125</v>
      </c>
      <c r="XDM53" s="7">
        <f t="shared" si="803"/>
        <v>5103.125</v>
      </c>
      <c r="XDN53" s="7">
        <f t="shared" si="803"/>
        <v>5103.125</v>
      </c>
      <c r="XDO53" s="7">
        <f t="shared" si="803"/>
        <v>5103.125</v>
      </c>
      <c r="XDP53" s="7">
        <f t="shared" si="803"/>
        <v>5103.125</v>
      </c>
      <c r="XDQ53" s="7">
        <f t="shared" si="803"/>
        <v>5103.125</v>
      </c>
      <c r="XDR53" s="7">
        <f t="shared" si="803"/>
        <v>5103.125</v>
      </c>
      <c r="XDS53" s="7">
        <f t="shared" si="803"/>
        <v>5103.125</v>
      </c>
      <c r="XDT53" s="7">
        <f t="shared" si="803"/>
        <v>5103.125</v>
      </c>
      <c r="XDU53" s="7">
        <f t="shared" si="803"/>
        <v>5103.125</v>
      </c>
      <c r="XDV53" s="7">
        <f t="shared" si="803"/>
        <v>5103.125</v>
      </c>
      <c r="XDW53" s="7">
        <f t="shared" si="803"/>
        <v>5103.125</v>
      </c>
      <c r="XDX53" s="7">
        <f t="shared" si="803"/>
        <v>5103.125</v>
      </c>
      <c r="XDY53" s="7">
        <f t="shared" si="803"/>
        <v>5103.125</v>
      </c>
      <c r="XDZ53" s="7">
        <f t="shared" si="803"/>
        <v>5103.125</v>
      </c>
      <c r="XEA53" s="7">
        <f t="shared" si="803"/>
        <v>5103.125</v>
      </c>
      <c r="XEB53" s="7">
        <f t="shared" si="803"/>
        <v>5103.125</v>
      </c>
      <c r="XEC53" s="7">
        <f t="shared" si="803"/>
        <v>5103.125</v>
      </c>
      <c r="XED53" s="7">
        <f t="shared" si="803"/>
        <v>5103.125</v>
      </c>
      <c r="XEE53" s="7">
        <f t="shared" si="803"/>
        <v>5103.125</v>
      </c>
      <c r="XEF53" s="7">
        <f t="shared" si="803"/>
        <v>5103.125</v>
      </c>
      <c r="XEG53" s="7">
        <f t="shared" si="803"/>
        <v>5103.125</v>
      </c>
      <c r="XEH53" s="7">
        <f t="shared" si="803"/>
        <v>5103.125</v>
      </c>
      <c r="XEI53" s="7">
        <f t="shared" si="803"/>
        <v>5103.125</v>
      </c>
      <c r="XEJ53" s="7">
        <f t="shared" si="803"/>
        <v>5103.125</v>
      </c>
      <c r="XEK53" s="7">
        <f t="shared" si="803"/>
        <v>5103.125</v>
      </c>
      <c r="XEL53" s="7">
        <f t="shared" si="803"/>
        <v>5103.125</v>
      </c>
      <c r="XEM53" s="7">
        <f t="shared" si="803"/>
        <v>5103.125</v>
      </c>
      <c r="XEN53" s="7">
        <f t="shared" si="803"/>
        <v>5103.125</v>
      </c>
      <c r="XEO53" s="7">
        <f t="shared" si="803"/>
        <v>5103.125</v>
      </c>
      <c r="XEP53" s="7">
        <f t="shared" si="803"/>
        <v>5103.125</v>
      </c>
      <c r="XEQ53" s="7">
        <f t="shared" si="803"/>
        <v>5103.125</v>
      </c>
      <c r="XER53" s="7">
        <f t="shared" si="803"/>
        <v>5103.125</v>
      </c>
      <c r="XES53" s="7">
        <f t="shared" si="803"/>
        <v>5103.125</v>
      </c>
      <c r="XET53" s="7">
        <f t="shared" si="803"/>
        <v>5103.125</v>
      </c>
      <c r="XEU53" s="7">
        <f t="shared" si="803"/>
        <v>5103.125</v>
      </c>
      <c r="XEV53" s="7">
        <f t="shared" si="803"/>
        <v>5103.125</v>
      </c>
      <c r="XEW53" s="7">
        <f t="shared" si="803"/>
        <v>5103.125</v>
      </c>
      <c r="XEX53" s="7">
        <f t="shared" si="803"/>
        <v>5103.125</v>
      </c>
      <c r="XEY53" s="7">
        <f t="shared" si="803"/>
        <v>5103.125</v>
      </c>
      <c r="XEZ53" s="7">
        <f t="shared" si="803"/>
        <v>5103.125</v>
      </c>
      <c r="XFA53" s="7">
        <f t="shared" si="803"/>
        <v>5103.125</v>
      </c>
      <c r="XFB53" s="7">
        <f t="shared" si="803"/>
        <v>5103.125</v>
      </c>
      <c r="XFC53" s="7">
        <f t="shared" si="803"/>
        <v>5103.125</v>
      </c>
      <c r="XFD53" s="7">
        <f t="shared" si="803"/>
        <v>5103.125</v>
      </c>
    </row>
    <row r="54" spans="5:16384">
      <c r="E54" s="4" t="s">
        <v>33</v>
      </c>
      <c r="F54" s="4" t="s">
        <v>26</v>
      </c>
      <c r="H54" s="7">
        <f t="shared" si="289"/>
        <v>178329.74400000012</v>
      </c>
      <c r="J54" s="7">
        <f t="shared" ref="J54:BU54" si="804">J49+I54</f>
        <v>260.71600000000001</v>
      </c>
      <c r="K54" s="7">
        <f t="shared" si="804"/>
        <v>782.14800000000002</v>
      </c>
      <c r="L54" s="7">
        <f t="shared" si="804"/>
        <v>1303.58</v>
      </c>
      <c r="M54" s="7">
        <f t="shared" si="804"/>
        <v>1825.0120000000002</v>
      </c>
      <c r="N54" s="7">
        <f t="shared" si="804"/>
        <v>2346.444</v>
      </c>
      <c r="O54" s="7">
        <f t="shared" si="804"/>
        <v>2867.8759999999997</v>
      </c>
      <c r="P54" s="7">
        <f t="shared" si="804"/>
        <v>3128.5920000000001</v>
      </c>
      <c r="Q54" s="7">
        <f t="shared" si="804"/>
        <v>3128.5920000000001</v>
      </c>
      <c r="R54" s="7">
        <f t="shared" si="804"/>
        <v>3128.5920000000001</v>
      </c>
      <c r="S54" s="7">
        <f t="shared" si="804"/>
        <v>3128.5920000000001</v>
      </c>
      <c r="T54" s="7">
        <f t="shared" si="804"/>
        <v>3128.5920000000001</v>
      </c>
      <c r="U54" s="7">
        <f t="shared" si="804"/>
        <v>3128.5920000000001</v>
      </c>
      <c r="V54" s="7">
        <f t="shared" si="804"/>
        <v>3128.5920000000001</v>
      </c>
      <c r="W54" s="7">
        <f t="shared" si="804"/>
        <v>3128.5920000000001</v>
      </c>
      <c r="X54" s="7">
        <f t="shared" si="804"/>
        <v>3128.5920000000001</v>
      </c>
      <c r="Y54" s="7">
        <f t="shared" si="804"/>
        <v>3128.5920000000001</v>
      </c>
      <c r="Z54" s="7">
        <f t="shared" si="804"/>
        <v>3128.5920000000001</v>
      </c>
      <c r="AA54" s="7">
        <f t="shared" si="804"/>
        <v>3128.5920000000001</v>
      </c>
      <c r="AB54" s="7">
        <f t="shared" si="804"/>
        <v>3128.5920000000001</v>
      </c>
      <c r="AC54" s="7">
        <f t="shared" si="804"/>
        <v>3128.5920000000001</v>
      </c>
      <c r="AD54" s="7">
        <f t="shared" si="804"/>
        <v>3128.5920000000001</v>
      </c>
      <c r="AE54" s="7">
        <f t="shared" si="804"/>
        <v>3128.5920000000001</v>
      </c>
      <c r="AF54" s="7">
        <f t="shared" si="804"/>
        <v>3128.5920000000001</v>
      </c>
      <c r="AG54" s="7">
        <f t="shared" si="804"/>
        <v>3128.5920000000001</v>
      </c>
      <c r="AH54" s="7">
        <f t="shared" si="804"/>
        <v>3128.5920000000001</v>
      </c>
      <c r="AI54" s="7">
        <f t="shared" si="804"/>
        <v>3128.5920000000001</v>
      </c>
      <c r="AJ54" s="7">
        <f t="shared" si="804"/>
        <v>3128.5920000000001</v>
      </c>
      <c r="AK54" s="7">
        <f t="shared" si="804"/>
        <v>3128.5920000000001</v>
      </c>
      <c r="AL54" s="7">
        <f t="shared" si="804"/>
        <v>3128.5920000000001</v>
      </c>
      <c r="AM54" s="7">
        <f t="shared" si="804"/>
        <v>3128.5920000000001</v>
      </c>
      <c r="AN54" s="7">
        <f t="shared" si="804"/>
        <v>3128.5920000000001</v>
      </c>
      <c r="AO54" s="7">
        <f t="shared" si="804"/>
        <v>3128.5920000000001</v>
      </c>
      <c r="AP54" s="7">
        <f t="shared" si="804"/>
        <v>3128.5920000000001</v>
      </c>
      <c r="AQ54" s="7">
        <f t="shared" si="804"/>
        <v>3128.5920000000001</v>
      </c>
      <c r="AR54" s="7">
        <f t="shared" si="804"/>
        <v>3128.5920000000001</v>
      </c>
      <c r="AS54" s="7">
        <f t="shared" si="804"/>
        <v>3128.5920000000001</v>
      </c>
      <c r="AT54" s="7">
        <f t="shared" si="804"/>
        <v>3128.5920000000001</v>
      </c>
      <c r="AU54" s="7">
        <f t="shared" si="804"/>
        <v>3128.5920000000001</v>
      </c>
      <c r="AV54" s="7">
        <f t="shared" si="804"/>
        <v>3128.5920000000001</v>
      </c>
      <c r="AW54" s="7">
        <f t="shared" si="804"/>
        <v>3128.5920000000001</v>
      </c>
      <c r="AX54" s="7">
        <f t="shared" si="804"/>
        <v>3128.5920000000001</v>
      </c>
      <c r="AY54" s="7">
        <f t="shared" si="804"/>
        <v>3128.5920000000001</v>
      </c>
      <c r="AZ54" s="7">
        <f t="shared" si="804"/>
        <v>3128.5920000000001</v>
      </c>
      <c r="BA54" s="7">
        <f t="shared" si="804"/>
        <v>3128.5920000000001</v>
      </c>
      <c r="BB54" s="7">
        <f t="shared" si="804"/>
        <v>3128.5920000000001</v>
      </c>
      <c r="BC54" s="7">
        <f t="shared" si="804"/>
        <v>3128.5920000000001</v>
      </c>
      <c r="BD54" s="7">
        <f t="shared" si="804"/>
        <v>3128.5920000000001</v>
      </c>
      <c r="BE54" s="7">
        <f t="shared" si="804"/>
        <v>3128.5920000000001</v>
      </c>
      <c r="BF54" s="7">
        <f t="shared" si="804"/>
        <v>3128.5920000000001</v>
      </c>
      <c r="BG54" s="7">
        <f t="shared" si="804"/>
        <v>3128.5920000000001</v>
      </c>
      <c r="BH54" s="7">
        <f t="shared" si="804"/>
        <v>3128.5920000000001</v>
      </c>
      <c r="BI54" s="7">
        <f t="shared" si="804"/>
        <v>3128.5920000000001</v>
      </c>
      <c r="BJ54" s="7">
        <f t="shared" si="804"/>
        <v>3128.5920000000001</v>
      </c>
      <c r="BK54" s="7">
        <f t="shared" si="804"/>
        <v>3128.5920000000001</v>
      </c>
      <c r="BL54" s="7">
        <f t="shared" si="804"/>
        <v>3128.5920000000001</v>
      </c>
      <c r="BM54" s="7">
        <f t="shared" si="804"/>
        <v>3128.5920000000001</v>
      </c>
      <c r="BN54" s="7">
        <f t="shared" si="804"/>
        <v>3128.5920000000001</v>
      </c>
      <c r="BO54" s="7">
        <f t="shared" si="804"/>
        <v>3128.5920000000001</v>
      </c>
      <c r="BP54" s="7">
        <f t="shared" si="804"/>
        <v>3128.5920000000001</v>
      </c>
      <c r="BQ54" s="7">
        <f t="shared" si="804"/>
        <v>3128.5920000000001</v>
      </c>
      <c r="BR54" s="7">
        <f t="shared" si="804"/>
        <v>3128.5920000000001</v>
      </c>
      <c r="BS54" s="7">
        <f t="shared" si="804"/>
        <v>3128.5920000000001</v>
      </c>
      <c r="BT54" s="7">
        <f t="shared" si="804"/>
        <v>3128.5920000000001</v>
      </c>
      <c r="BU54" s="7">
        <f t="shared" si="804"/>
        <v>3128.5920000000001</v>
      </c>
      <c r="BV54" s="7">
        <f t="shared" ref="BV54:EG54" si="805">BV49+BU54</f>
        <v>3128.5920000000001</v>
      </c>
      <c r="BW54" s="7">
        <f t="shared" si="805"/>
        <v>3128.5920000000001</v>
      </c>
      <c r="BX54" s="7">
        <f t="shared" si="805"/>
        <v>3128.5920000000001</v>
      </c>
      <c r="BY54" s="7">
        <f t="shared" si="805"/>
        <v>3128.5920000000001</v>
      </c>
      <c r="BZ54" s="7">
        <f t="shared" si="805"/>
        <v>3128.5920000000001</v>
      </c>
      <c r="CA54" s="7">
        <f t="shared" si="805"/>
        <v>3128.5920000000001</v>
      </c>
      <c r="CB54" s="7">
        <f t="shared" si="805"/>
        <v>3128.5920000000001</v>
      </c>
      <c r="CC54" s="7">
        <f t="shared" si="805"/>
        <v>3128.5920000000001</v>
      </c>
      <c r="CD54" s="7">
        <f t="shared" si="805"/>
        <v>3128.5920000000001</v>
      </c>
      <c r="CE54" s="7">
        <f t="shared" si="805"/>
        <v>3128.5920000000001</v>
      </c>
      <c r="CF54" s="7">
        <f t="shared" si="805"/>
        <v>3128.5920000000001</v>
      </c>
      <c r="CG54" s="7">
        <f t="shared" si="805"/>
        <v>3128.5920000000001</v>
      </c>
      <c r="CH54" s="7">
        <f t="shared" si="805"/>
        <v>3128.5920000000001</v>
      </c>
      <c r="CI54" s="7">
        <f t="shared" si="805"/>
        <v>3128.5920000000001</v>
      </c>
      <c r="CJ54" s="7">
        <f t="shared" si="805"/>
        <v>3128.5920000000001</v>
      </c>
      <c r="CK54" s="7">
        <f t="shared" si="805"/>
        <v>3128.5920000000001</v>
      </c>
      <c r="CL54" s="7">
        <f t="shared" si="805"/>
        <v>3128.5920000000001</v>
      </c>
      <c r="CM54" s="7">
        <f t="shared" si="805"/>
        <v>3128.5920000000001</v>
      </c>
      <c r="CN54" s="7">
        <f t="shared" si="805"/>
        <v>3128.5920000000001</v>
      </c>
      <c r="CO54" s="7">
        <f t="shared" si="805"/>
        <v>3128.5920000000001</v>
      </c>
      <c r="CP54" s="7">
        <f t="shared" si="805"/>
        <v>3128.5920000000001</v>
      </c>
      <c r="CQ54" s="7">
        <f t="shared" si="805"/>
        <v>3128.5920000000001</v>
      </c>
      <c r="CR54" s="7">
        <f t="shared" si="805"/>
        <v>3128.5920000000001</v>
      </c>
      <c r="CS54" s="7">
        <f t="shared" si="805"/>
        <v>3128.5920000000001</v>
      </c>
      <c r="CT54" s="7">
        <f t="shared" si="805"/>
        <v>3128.5920000000001</v>
      </c>
      <c r="CU54" s="7">
        <f t="shared" si="805"/>
        <v>3128.5920000000001</v>
      </c>
      <c r="CV54" s="7">
        <f t="shared" si="805"/>
        <v>3128.5920000000001</v>
      </c>
      <c r="CW54" s="7">
        <f t="shared" si="805"/>
        <v>3128.5920000000001</v>
      </c>
      <c r="CX54" s="7">
        <f t="shared" si="805"/>
        <v>3128.5920000000001</v>
      </c>
      <c r="CY54" s="7">
        <f t="shared" si="805"/>
        <v>3128.5920000000001</v>
      </c>
      <c r="CZ54" s="7">
        <f t="shared" si="805"/>
        <v>3128.5920000000001</v>
      </c>
      <c r="DA54" s="7">
        <f t="shared" si="805"/>
        <v>3128.5920000000001</v>
      </c>
      <c r="DB54" s="7">
        <f t="shared" si="805"/>
        <v>3128.5920000000001</v>
      </c>
      <c r="DC54" s="7">
        <f t="shared" si="805"/>
        <v>3128.5920000000001</v>
      </c>
      <c r="DD54" s="7">
        <f t="shared" si="805"/>
        <v>3128.5920000000001</v>
      </c>
      <c r="DE54" s="7">
        <f t="shared" si="805"/>
        <v>3128.5920000000001</v>
      </c>
      <c r="DF54" s="7">
        <f t="shared" si="805"/>
        <v>3128.5920000000001</v>
      </c>
      <c r="DG54" s="7">
        <f t="shared" si="805"/>
        <v>3128.5920000000001</v>
      </c>
      <c r="DH54" s="7">
        <f t="shared" si="805"/>
        <v>3128.5920000000001</v>
      </c>
      <c r="DI54" s="7">
        <f t="shared" si="805"/>
        <v>3128.5920000000001</v>
      </c>
      <c r="DJ54" s="7">
        <f t="shared" si="805"/>
        <v>3128.5920000000001</v>
      </c>
      <c r="DK54" s="7">
        <f t="shared" si="805"/>
        <v>3128.5920000000001</v>
      </c>
      <c r="DL54" s="7">
        <f t="shared" si="805"/>
        <v>3128.5920000000001</v>
      </c>
      <c r="DM54" s="7">
        <f t="shared" si="805"/>
        <v>3128.5920000000001</v>
      </c>
      <c r="DN54" s="7">
        <f t="shared" si="805"/>
        <v>3128.5920000000001</v>
      </c>
      <c r="DO54" s="7">
        <f t="shared" si="805"/>
        <v>3128.5920000000001</v>
      </c>
      <c r="DP54" s="7">
        <f t="shared" si="805"/>
        <v>3128.5920000000001</v>
      </c>
      <c r="DQ54" s="7">
        <f t="shared" si="805"/>
        <v>3128.5920000000001</v>
      </c>
      <c r="DR54" s="7">
        <f t="shared" si="805"/>
        <v>3128.5920000000001</v>
      </c>
      <c r="DS54" s="7">
        <f t="shared" si="805"/>
        <v>3128.5920000000001</v>
      </c>
      <c r="DT54" s="7">
        <f t="shared" si="805"/>
        <v>3128.5920000000001</v>
      </c>
      <c r="DU54" s="7">
        <f t="shared" si="805"/>
        <v>3128.5920000000001</v>
      </c>
      <c r="DV54" s="7">
        <f t="shared" si="805"/>
        <v>3128.5920000000001</v>
      </c>
      <c r="DW54" s="7">
        <f t="shared" si="805"/>
        <v>3128.5920000000001</v>
      </c>
      <c r="DX54" s="7">
        <f t="shared" si="805"/>
        <v>3128.5920000000001</v>
      </c>
      <c r="DY54" s="7">
        <f t="shared" si="805"/>
        <v>3128.5920000000001</v>
      </c>
      <c r="DZ54" s="7">
        <f t="shared" si="805"/>
        <v>3128.5920000000001</v>
      </c>
      <c r="EA54" s="7">
        <f t="shared" si="805"/>
        <v>3128.5920000000001</v>
      </c>
      <c r="EB54" s="7">
        <f t="shared" si="805"/>
        <v>3128.5920000000001</v>
      </c>
      <c r="EC54" s="7">
        <f t="shared" si="805"/>
        <v>3128.5920000000001</v>
      </c>
      <c r="ED54" s="7">
        <f t="shared" si="805"/>
        <v>3128.5920000000001</v>
      </c>
      <c r="EE54" s="7">
        <f t="shared" si="805"/>
        <v>3128.5920000000001</v>
      </c>
      <c r="EF54" s="7">
        <f t="shared" si="805"/>
        <v>3128.5920000000001</v>
      </c>
      <c r="EG54" s="7">
        <f t="shared" si="805"/>
        <v>3128.5920000000001</v>
      </c>
      <c r="EH54" s="7">
        <f t="shared" ref="EH54:GS54" si="806">EH49+EG54</f>
        <v>3128.5920000000001</v>
      </c>
      <c r="EI54" s="7">
        <f t="shared" si="806"/>
        <v>3128.5920000000001</v>
      </c>
      <c r="EJ54" s="7">
        <f t="shared" si="806"/>
        <v>3128.5920000000001</v>
      </c>
      <c r="EK54" s="7">
        <f t="shared" si="806"/>
        <v>3128.5920000000001</v>
      </c>
      <c r="EL54" s="7">
        <f t="shared" si="806"/>
        <v>3128.5920000000001</v>
      </c>
      <c r="EM54" s="7">
        <f t="shared" si="806"/>
        <v>3128.5920000000001</v>
      </c>
      <c r="EN54" s="7">
        <f t="shared" si="806"/>
        <v>3128.5920000000001</v>
      </c>
      <c r="EO54" s="7">
        <f t="shared" si="806"/>
        <v>3128.5920000000001</v>
      </c>
      <c r="EP54" s="7">
        <f t="shared" si="806"/>
        <v>3128.5920000000001</v>
      </c>
      <c r="EQ54" s="7">
        <f t="shared" si="806"/>
        <v>3128.5920000000001</v>
      </c>
      <c r="ER54" s="7">
        <f t="shared" si="806"/>
        <v>3128.5920000000001</v>
      </c>
      <c r="ES54" s="7">
        <f t="shared" si="806"/>
        <v>3128.5920000000001</v>
      </c>
      <c r="ET54" s="7">
        <f t="shared" si="806"/>
        <v>3128.5920000000001</v>
      </c>
      <c r="EU54" s="7">
        <f t="shared" si="806"/>
        <v>3128.5920000000001</v>
      </c>
      <c r="EV54" s="7">
        <f t="shared" si="806"/>
        <v>3128.5920000000001</v>
      </c>
      <c r="EW54" s="7">
        <f t="shared" si="806"/>
        <v>3128.5920000000001</v>
      </c>
      <c r="EX54" s="7">
        <f t="shared" si="806"/>
        <v>3128.5920000000001</v>
      </c>
      <c r="EY54" s="7">
        <f t="shared" si="806"/>
        <v>3128.5920000000001</v>
      </c>
      <c r="EZ54" s="7">
        <f t="shared" si="806"/>
        <v>3128.5920000000001</v>
      </c>
      <c r="FA54" s="7">
        <f t="shared" si="806"/>
        <v>3128.5920000000001</v>
      </c>
      <c r="FB54" s="7">
        <f t="shared" si="806"/>
        <v>3128.5920000000001</v>
      </c>
      <c r="FC54" s="7">
        <f t="shared" si="806"/>
        <v>3128.5920000000001</v>
      </c>
      <c r="FD54" s="7">
        <f t="shared" si="806"/>
        <v>3128.5920000000001</v>
      </c>
      <c r="FE54" s="7">
        <f t="shared" si="806"/>
        <v>3128.5920000000001</v>
      </c>
      <c r="FF54" s="7">
        <f t="shared" si="806"/>
        <v>3128.5920000000001</v>
      </c>
      <c r="FG54" s="7">
        <f t="shared" si="806"/>
        <v>3128.5920000000001</v>
      </c>
      <c r="FH54" s="7">
        <f t="shared" si="806"/>
        <v>3128.5920000000001</v>
      </c>
      <c r="FI54" s="7">
        <f t="shared" si="806"/>
        <v>3128.5920000000001</v>
      </c>
      <c r="FJ54" s="7">
        <f t="shared" si="806"/>
        <v>3128.5920000000001</v>
      </c>
      <c r="FK54" s="7">
        <f t="shared" si="806"/>
        <v>3128.5920000000001</v>
      </c>
      <c r="FL54" s="7">
        <f t="shared" si="806"/>
        <v>3128.5920000000001</v>
      </c>
      <c r="FM54" s="7">
        <f t="shared" si="806"/>
        <v>3128.5920000000001</v>
      </c>
      <c r="FN54" s="7">
        <f t="shared" si="806"/>
        <v>3128.5920000000001</v>
      </c>
      <c r="FO54" s="7">
        <f t="shared" si="806"/>
        <v>3128.5920000000001</v>
      </c>
      <c r="FP54" s="7">
        <f t="shared" si="806"/>
        <v>3128.5920000000001</v>
      </c>
      <c r="FQ54" s="7">
        <f t="shared" si="806"/>
        <v>3128.5920000000001</v>
      </c>
      <c r="FR54" s="7">
        <f t="shared" si="806"/>
        <v>3128.5920000000001</v>
      </c>
      <c r="FS54" s="7">
        <f t="shared" si="806"/>
        <v>3128.5920000000001</v>
      </c>
      <c r="FT54" s="7">
        <f t="shared" si="806"/>
        <v>3128.5920000000001</v>
      </c>
      <c r="FU54" s="7">
        <f t="shared" si="806"/>
        <v>3128.5920000000001</v>
      </c>
      <c r="FV54" s="7">
        <f t="shared" si="806"/>
        <v>3128.5920000000001</v>
      </c>
      <c r="FW54" s="7">
        <f t="shared" si="806"/>
        <v>3128.5920000000001</v>
      </c>
      <c r="FX54" s="7">
        <f t="shared" si="806"/>
        <v>3128.5920000000001</v>
      </c>
      <c r="FY54" s="7">
        <f t="shared" si="806"/>
        <v>3128.5920000000001</v>
      </c>
      <c r="FZ54" s="7">
        <f t="shared" si="806"/>
        <v>3128.5920000000001</v>
      </c>
      <c r="GA54" s="7">
        <f t="shared" si="806"/>
        <v>3128.5920000000001</v>
      </c>
      <c r="GB54" s="7">
        <f t="shared" si="806"/>
        <v>3128.5920000000001</v>
      </c>
      <c r="GC54" s="7">
        <f t="shared" si="806"/>
        <v>3128.5920000000001</v>
      </c>
      <c r="GD54" s="7">
        <f t="shared" si="806"/>
        <v>3128.5920000000001</v>
      </c>
      <c r="GE54" s="7">
        <f t="shared" si="806"/>
        <v>3128.5920000000001</v>
      </c>
      <c r="GF54" s="7">
        <f t="shared" si="806"/>
        <v>3128.5920000000001</v>
      </c>
      <c r="GG54" s="7">
        <f t="shared" si="806"/>
        <v>3128.5920000000001</v>
      </c>
      <c r="GH54" s="7">
        <f t="shared" si="806"/>
        <v>3128.5920000000001</v>
      </c>
      <c r="GI54" s="7">
        <f t="shared" si="806"/>
        <v>3128.5920000000001</v>
      </c>
      <c r="GJ54" s="7">
        <f t="shared" si="806"/>
        <v>3128.5920000000001</v>
      </c>
      <c r="GK54" s="7">
        <f t="shared" si="806"/>
        <v>3128.5920000000001</v>
      </c>
      <c r="GL54" s="7">
        <f t="shared" si="806"/>
        <v>3128.5920000000001</v>
      </c>
      <c r="GM54" s="7">
        <f t="shared" si="806"/>
        <v>3128.5920000000001</v>
      </c>
      <c r="GN54" s="7">
        <f t="shared" si="806"/>
        <v>3128.5920000000001</v>
      </c>
      <c r="GO54" s="7">
        <f t="shared" si="806"/>
        <v>3128.5920000000001</v>
      </c>
      <c r="GP54" s="7">
        <f t="shared" si="806"/>
        <v>3128.5920000000001</v>
      </c>
      <c r="GQ54" s="7">
        <f t="shared" si="806"/>
        <v>3128.5920000000001</v>
      </c>
      <c r="GR54" s="7">
        <f t="shared" si="806"/>
        <v>3128.5920000000001</v>
      </c>
      <c r="GS54" s="7">
        <f t="shared" si="806"/>
        <v>3128.5920000000001</v>
      </c>
      <c r="GT54" s="7">
        <f t="shared" ref="GT54:JE54" si="807">GT49+GS54</f>
        <v>3128.5920000000001</v>
      </c>
      <c r="GU54" s="7">
        <f t="shared" si="807"/>
        <v>3128.5920000000001</v>
      </c>
      <c r="GV54" s="7">
        <f t="shared" si="807"/>
        <v>3128.5920000000001</v>
      </c>
      <c r="GW54" s="7">
        <f t="shared" si="807"/>
        <v>3128.5920000000001</v>
      </c>
      <c r="GX54" s="7">
        <f t="shared" si="807"/>
        <v>3128.5920000000001</v>
      </c>
      <c r="GY54" s="7">
        <f t="shared" si="807"/>
        <v>3128.5920000000001</v>
      </c>
      <c r="GZ54" s="7">
        <f t="shared" si="807"/>
        <v>3128.5920000000001</v>
      </c>
      <c r="HA54" s="7">
        <f t="shared" si="807"/>
        <v>3128.5920000000001</v>
      </c>
      <c r="HB54" s="7">
        <f t="shared" si="807"/>
        <v>3128.5920000000001</v>
      </c>
      <c r="HC54" s="7">
        <f t="shared" si="807"/>
        <v>3128.5920000000001</v>
      </c>
      <c r="HD54" s="7">
        <f t="shared" si="807"/>
        <v>3128.5920000000001</v>
      </c>
      <c r="HE54" s="7">
        <f t="shared" si="807"/>
        <v>3128.5920000000001</v>
      </c>
      <c r="HF54" s="7">
        <f t="shared" si="807"/>
        <v>3128.5920000000001</v>
      </c>
      <c r="HG54" s="7">
        <f t="shared" si="807"/>
        <v>3128.5920000000001</v>
      </c>
      <c r="HH54" s="7">
        <f t="shared" si="807"/>
        <v>3128.5920000000001</v>
      </c>
      <c r="HI54" s="7">
        <f t="shared" si="807"/>
        <v>3128.5920000000001</v>
      </c>
      <c r="HJ54" s="7">
        <f t="shared" si="807"/>
        <v>3128.5920000000001</v>
      </c>
      <c r="HK54" s="7">
        <f t="shared" si="807"/>
        <v>3128.5920000000001</v>
      </c>
      <c r="HL54" s="7">
        <f t="shared" si="807"/>
        <v>3128.5920000000001</v>
      </c>
      <c r="HM54" s="7">
        <f t="shared" si="807"/>
        <v>3128.5920000000001</v>
      </c>
      <c r="HN54" s="7">
        <f t="shared" si="807"/>
        <v>3128.5920000000001</v>
      </c>
      <c r="HO54" s="7">
        <f t="shared" si="807"/>
        <v>3128.5920000000001</v>
      </c>
      <c r="HP54" s="7">
        <f t="shared" si="807"/>
        <v>3128.5920000000001</v>
      </c>
      <c r="HQ54" s="7">
        <f t="shared" si="807"/>
        <v>3128.5920000000001</v>
      </c>
      <c r="HR54" s="7">
        <f t="shared" si="807"/>
        <v>3128.5920000000001</v>
      </c>
      <c r="HS54" s="7">
        <f t="shared" si="807"/>
        <v>3128.5920000000001</v>
      </c>
      <c r="HT54" s="7">
        <f t="shared" si="807"/>
        <v>3128.5920000000001</v>
      </c>
      <c r="HU54" s="7">
        <f t="shared" si="807"/>
        <v>3128.5920000000001</v>
      </c>
      <c r="HV54" s="7">
        <f t="shared" si="807"/>
        <v>3128.5920000000001</v>
      </c>
      <c r="HW54" s="7">
        <f t="shared" si="807"/>
        <v>3128.5920000000001</v>
      </c>
      <c r="HX54" s="7">
        <f t="shared" si="807"/>
        <v>3128.5920000000001</v>
      </c>
      <c r="HY54" s="7">
        <f t="shared" si="807"/>
        <v>3128.5920000000001</v>
      </c>
      <c r="HZ54" s="7">
        <f t="shared" si="807"/>
        <v>3128.5920000000001</v>
      </c>
      <c r="IA54" s="7">
        <f t="shared" si="807"/>
        <v>3128.5920000000001</v>
      </c>
      <c r="IB54" s="7">
        <f t="shared" si="807"/>
        <v>3128.5920000000001</v>
      </c>
      <c r="IC54" s="7">
        <f t="shared" si="807"/>
        <v>3128.5920000000001</v>
      </c>
      <c r="ID54" s="7">
        <f t="shared" si="807"/>
        <v>3128.5920000000001</v>
      </c>
      <c r="IE54" s="7">
        <f t="shared" si="807"/>
        <v>3128.5920000000001</v>
      </c>
      <c r="IF54" s="7">
        <f t="shared" si="807"/>
        <v>3128.5920000000001</v>
      </c>
      <c r="IG54" s="7">
        <f t="shared" si="807"/>
        <v>3128.5920000000001</v>
      </c>
      <c r="IH54" s="7">
        <f t="shared" si="807"/>
        <v>3128.5920000000001</v>
      </c>
      <c r="II54" s="7">
        <f t="shared" si="807"/>
        <v>3128.5920000000001</v>
      </c>
      <c r="IJ54" s="7">
        <f t="shared" si="807"/>
        <v>3128.5920000000001</v>
      </c>
      <c r="IK54" s="7">
        <f t="shared" si="807"/>
        <v>3128.5920000000001</v>
      </c>
      <c r="IL54" s="7">
        <f t="shared" si="807"/>
        <v>3128.5920000000001</v>
      </c>
      <c r="IM54" s="7">
        <f t="shared" si="807"/>
        <v>3128.5920000000001</v>
      </c>
      <c r="IN54" s="7">
        <f t="shared" si="807"/>
        <v>3128.5920000000001</v>
      </c>
      <c r="IO54" s="7">
        <f t="shared" si="807"/>
        <v>3128.5920000000001</v>
      </c>
      <c r="IP54" s="7">
        <f t="shared" si="807"/>
        <v>3128.5920000000001</v>
      </c>
      <c r="IQ54" s="7">
        <f t="shared" si="807"/>
        <v>3128.5920000000001</v>
      </c>
      <c r="IR54" s="7">
        <f t="shared" si="807"/>
        <v>3128.5920000000001</v>
      </c>
      <c r="IS54" s="7">
        <f t="shared" si="807"/>
        <v>3128.5920000000001</v>
      </c>
      <c r="IT54" s="7">
        <f t="shared" si="807"/>
        <v>3128.5920000000001</v>
      </c>
      <c r="IU54" s="7">
        <f t="shared" si="807"/>
        <v>3128.5920000000001</v>
      </c>
      <c r="IV54" s="7">
        <f t="shared" si="807"/>
        <v>3128.5920000000001</v>
      </c>
      <c r="IW54" s="7">
        <f t="shared" si="807"/>
        <v>3128.5920000000001</v>
      </c>
      <c r="IX54" s="7">
        <f t="shared" si="807"/>
        <v>3128.5920000000001</v>
      </c>
      <c r="IY54" s="7">
        <f t="shared" si="807"/>
        <v>3128.5920000000001</v>
      </c>
      <c r="IZ54" s="7">
        <f t="shared" si="807"/>
        <v>3128.5920000000001</v>
      </c>
      <c r="JA54" s="7">
        <f t="shared" si="807"/>
        <v>3128.5920000000001</v>
      </c>
      <c r="JB54" s="7">
        <f t="shared" si="807"/>
        <v>3128.5920000000001</v>
      </c>
      <c r="JC54" s="7">
        <f t="shared" si="807"/>
        <v>3128.5920000000001</v>
      </c>
      <c r="JD54" s="7">
        <f t="shared" si="807"/>
        <v>3128.5920000000001</v>
      </c>
      <c r="JE54" s="7">
        <f t="shared" si="807"/>
        <v>3128.5920000000001</v>
      </c>
      <c r="JF54" s="7">
        <f t="shared" ref="JF54:LQ54" si="808">JF49+JE54</f>
        <v>3128.5920000000001</v>
      </c>
      <c r="JG54" s="7">
        <f t="shared" si="808"/>
        <v>3128.5920000000001</v>
      </c>
      <c r="JH54" s="7">
        <f t="shared" si="808"/>
        <v>3128.5920000000001</v>
      </c>
      <c r="JI54" s="7">
        <f t="shared" si="808"/>
        <v>3128.5920000000001</v>
      </c>
      <c r="JJ54" s="7">
        <f t="shared" si="808"/>
        <v>3128.5920000000001</v>
      </c>
      <c r="JK54" s="7">
        <f t="shared" si="808"/>
        <v>3128.5920000000001</v>
      </c>
      <c r="JL54" s="7">
        <f t="shared" si="808"/>
        <v>3128.5920000000001</v>
      </c>
      <c r="JM54" s="7">
        <f t="shared" si="808"/>
        <v>3128.5920000000001</v>
      </c>
      <c r="JN54" s="7">
        <f t="shared" si="808"/>
        <v>3128.5920000000001</v>
      </c>
      <c r="JO54" s="7">
        <f t="shared" si="808"/>
        <v>3128.5920000000001</v>
      </c>
      <c r="JP54" s="7">
        <f t="shared" si="808"/>
        <v>3128.5920000000001</v>
      </c>
      <c r="JQ54" s="7">
        <f t="shared" si="808"/>
        <v>3128.5920000000001</v>
      </c>
      <c r="JR54" s="7">
        <f t="shared" si="808"/>
        <v>3128.5920000000001</v>
      </c>
      <c r="JS54" s="7">
        <f t="shared" si="808"/>
        <v>3128.5920000000001</v>
      </c>
      <c r="JT54" s="7">
        <f t="shared" si="808"/>
        <v>3128.5920000000001</v>
      </c>
      <c r="JU54" s="7">
        <f t="shared" si="808"/>
        <v>3128.5920000000001</v>
      </c>
      <c r="JV54" s="7">
        <f t="shared" si="808"/>
        <v>3128.5920000000001</v>
      </c>
      <c r="JW54" s="7">
        <f t="shared" si="808"/>
        <v>3128.5920000000001</v>
      </c>
      <c r="JX54" s="7">
        <f t="shared" si="808"/>
        <v>3128.5920000000001</v>
      </c>
      <c r="JY54" s="7">
        <f t="shared" si="808"/>
        <v>3128.5920000000001</v>
      </c>
      <c r="JZ54" s="7">
        <f t="shared" si="808"/>
        <v>3128.5920000000001</v>
      </c>
      <c r="KA54" s="7">
        <f t="shared" si="808"/>
        <v>3128.5920000000001</v>
      </c>
      <c r="KB54" s="7">
        <f t="shared" si="808"/>
        <v>3128.5920000000001</v>
      </c>
      <c r="KC54" s="7">
        <f t="shared" si="808"/>
        <v>3128.5920000000001</v>
      </c>
      <c r="KD54" s="7">
        <f t="shared" si="808"/>
        <v>3128.5920000000001</v>
      </c>
      <c r="KE54" s="7">
        <f t="shared" si="808"/>
        <v>3128.5920000000001</v>
      </c>
      <c r="KF54" s="7">
        <f t="shared" si="808"/>
        <v>3128.5920000000001</v>
      </c>
      <c r="KG54" s="7">
        <f t="shared" si="808"/>
        <v>3128.5920000000001</v>
      </c>
      <c r="KH54" s="7">
        <f t="shared" si="808"/>
        <v>3128.5920000000001</v>
      </c>
      <c r="KI54" s="7">
        <f t="shared" si="808"/>
        <v>3128.5920000000001</v>
      </c>
      <c r="KJ54" s="7">
        <f t="shared" si="808"/>
        <v>3128.5920000000001</v>
      </c>
      <c r="KK54" s="7">
        <f t="shared" si="808"/>
        <v>3128.5920000000001</v>
      </c>
      <c r="KL54" s="7">
        <f t="shared" si="808"/>
        <v>3128.5920000000001</v>
      </c>
      <c r="KM54" s="7">
        <f t="shared" si="808"/>
        <v>3128.5920000000001</v>
      </c>
      <c r="KN54" s="7">
        <f t="shared" si="808"/>
        <v>3128.5920000000001</v>
      </c>
      <c r="KO54" s="7">
        <f t="shared" si="808"/>
        <v>3128.5920000000001</v>
      </c>
      <c r="KP54" s="7">
        <f t="shared" si="808"/>
        <v>3128.5920000000001</v>
      </c>
      <c r="KQ54" s="7">
        <f t="shared" si="808"/>
        <v>3128.5920000000001</v>
      </c>
      <c r="KR54" s="7">
        <f t="shared" si="808"/>
        <v>3128.5920000000001</v>
      </c>
      <c r="KS54" s="7">
        <f t="shared" si="808"/>
        <v>3128.5920000000001</v>
      </c>
      <c r="KT54" s="7">
        <f t="shared" si="808"/>
        <v>3128.5920000000001</v>
      </c>
      <c r="KU54" s="7">
        <f t="shared" si="808"/>
        <v>3128.5920000000001</v>
      </c>
      <c r="KV54" s="7">
        <f t="shared" si="808"/>
        <v>3128.5920000000001</v>
      </c>
      <c r="KW54" s="7">
        <f t="shared" si="808"/>
        <v>3128.5920000000001</v>
      </c>
      <c r="KX54" s="7">
        <f t="shared" si="808"/>
        <v>3128.5920000000001</v>
      </c>
      <c r="KY54" s="7">
        <f t="shared" si="808"/>
        <v>3128.5920000000001</v>
      </c>
      <c r="KZ54" s="7">
        <f t="shared" si="808"/>
        <v>3128.5920000000001</v>
      </c>
      <c r="LA54" s="7">
        <f t="shared" si="808"/>
        <v>3128.5920000000001</v>
      </c>
      <c r="LB54" s="7">
        <f t="shared" si="808"/>
        <v>3128.5920000000001</v>
      </c>
      <c r="LC54" s="7">
        <f t="shared" si="808"/>
        <v>3128.5920000000001</v>
      </c>
      <c r="LD54" s="7">
        <f t="shared" si="808"/>
        <v>3128.5920000000001</v>
      </c>
      <c r="LE54" s="7">
        <f t="shared" si="808"/>
        <v>3128.5920000000001</v>
      </c>
      <c r="LF54" s="7">
        <f t="shared" si="808"/>
        <v>3128.5920000000001</v>
      </c>
      <c r="LG54" s="7">
        <f t="shared" si="808"/>
        <v>3128.5920000000001</v>
      </c>
      <c r="LH54" s="7">
        <f t="shared" si="808"/>
        <v>3128.5920000000001</v>
      </c>
      <c r="LI54" s="7">
        <f t="shared" si="808"/>
        <v>3128.5920000000001</v>
      </c>
      <c r="LJ54" s="7">
        <f t="shared" si="808"/>
        <v>3128.5920000000001</v>
      </c>
      <c r="LK54" s="7">
        <f t="shared" si="808"/>
        <v>3128.5920000000001</v>
      </c>
      <c r="LL54" s="7">
        <f t="shared" si="808"/>
        <v>3128.5920000000001</v>
      </c>
      <c r="LM54" s="7">
        <f t="shared" si="808"/>
        <v>3128.5920000000001</v>
      </c>
      <c r="LN54" s="7">
        <f t="shared" si="808"/>
        <v>3128.5920000000001</v>
      </c>
      <c r="LO54" s="7">
        <f t="shared" si="808"/>
        <v>3128.5920000000001</v>
      </c>
      <c r="LP54" s="7">
        <f t="shared" si="808"/>
        <v>3128.5920000000001</v>
      </c>
      <c r="LQ54" s="7">
        <f t="shared" si="808"/>
        <v>3128.5920000000001</v>
      </c>
      <c r="LR54" s="7">
        <f t="shared" ref="LR54:OC54" si="809">LR49+LQ54</f>
        <v>3128.5920000000001</v>
      </c>
      <c r="LS54" s="7">
        <f t="shared" si="809"/>
        <v>3128.5920000000001</v>
      </c>
      <c r="LT54" s="7">
        <f t="shared" si="809"/>
        <v>3128.5920000000001</v>
      </c>
      <c r="LU54" s="7">
        <f t="shared" si="809"/>
        <v>3128.5920000000001</v>
      </c>
      <c r="LV54" s="7">
        <f t="shared" si="809"/>
        <v>3128.5920000000001</v>
      </c>
      <c r="LW54" s="7">
        <f t="shared" si="809"/>
        <v>3128.5920000000001</v>
      </c>
      <c r="LX54" s="7">
        <f t="shared" si="809"/>
        <v>3128.5920000000001</v>
      </c>
      <c r="LY54" s="7">
        <f t="shared" si="809"/>
        <v>3128.5920000000001</v>
      </c>
      <c r="LZ54" s="7">
        <f t="shared" si="809"/>
        <v>3128.5920000000001</v>
      </c>
      <c r="MA54" s="7">
        <f t="shared" si="809"/>
        <v>3128.5920000000001</v>
      </c>
      <c r="MB54" s="7">
        <f t="shared" si="809"/>
        <v>3128.5920000000001</v>
      </c>
      <c r="MC54" s="7">
        <f t="shared" si="809"/>
        <v>3128.5920000000001</v>
      </c>
      <c r="MD54" s="7">
        <f t="shared" si="809"/>
        <v>3128.5920000000001</v>
      </c>
      <c r="ME54" s="7">
        <f t="shared" si="809"/>
        <v>3128.5920000000001</v>
      </c>
      <c r="MF54" s="7">
        <f t="shared" si="809"/>
        <v>3128.5920000000001</v>
      </c>
      <c r="MG54" s="7">
        <f t="shared" si="809"/>
        <v>3128.5920000000001</v>
      </c>
      <c r="MH54" s="7">
        <f t="shared" si="809"/>
        <v>3128.5920000000001</v>
      </c>
      <c r="MI54" s="7">
        <f t="shared" si="809"/>
        <v>3128.5920000000001</v>
      </c>
      <c r="MJ54" s="7">
        <f t="shared" si="809"/>
        <v>3128.5920000000001</v>
      </c>
      <c r="MK54" s="7">
        <f t="shared" si="809"/>
        <v>3128.5920000000001</v>
      </c>
      <c r="ML54" s="7">
        <f t="shared" si="809"/>
        <v>3128.5920000000001</v>
      </c>
      <c r="MM54" s="7">
        <f t="shared" si="809"/>
        <v>3128.5920000000001</v>
      </c>
      <c r="MN54" s="7">
        <f t="shared" si="809"/>
        <v>3128.5920000000001</v>
      </c>
      <c r="MO54" s="7">
        <f t="shared" si="809"/>
        <v>3128.5920000000001</v>
      </c>
      <c r="MP54" s="7">
        <f t="shared" si="809"/>
        <v>3128.5920000000001</v>
      </c>
      <c r="MQ54" s="7">
        <f t="shared" si="809"/>
        <v>3128.5920000000001</v>
      </c>
      <c r="MR54" s="7">
        <f t="shared" si="809"/>
        <v>3128.5920000000001</v>
      </c>
      <c r="MS54" s="7">
        <f t="shared" si="809"/>
        <v>3128.5920000000001</v>
      </c>
      <c r="MT54" s="7">
        <f t="shared" si="809"/>
        <v>3128.5920000000001</v>
      </c>
      <c r="MU54" s="7">
        <f t="shared" si="809"/>
        <v>3128.5920000000001</v>
      </c>
      <c r="MV54" s="7">
        <f t="shared" si="809"/>
        <v>3128.5920000000001</v>
      </c>
      <c r="MW54" s="7">
        <f t="shared" si="809"/>
        <v>3128.5920000000001</v>
      </c>
      <c r="MX54" s="7">
        <f t="shared" si="809"/>
        <v>3128.5920000000001</v>
      </c>
      <c r="MY54" s="7">
        <f t="shared" si="809"/>
        <v>3128.5920000000001</v>
      </c>
      <c r="MZ54" s="7">
        <f t="shared" si="809"/>
        <v>3128.5920000000001</v>
      </c>
      <c r="NA54" s="7">
        <f t="shared" si="809"/>
        <v>3128.5920000000001</v>
      </c>
      <c r="NB54" s="7">
        <f t="shared" si="809"/>
        <v>3128.5920000000001</v>
      </c>
      <c r="NC54" s="7">
        <f t="shared" si="809"/>
        <v>3128.5920000000001</v>
      </c>
      <c r="ND54" s="7">
        <f t="shared" si="809"/>
        <v>3128.5920000000001</v>
      </c>
      <c r="NE54" s="7">
        <f t="shared" si="809"/>
        <v>3128.5920000000001</v>
      </c>
      <c r="NF54" s="7">
        <f t="shared" si="809"/>
        <v>3128.5920000000001</v>
      </c>
      <c r="NG54" s="7">
        <f t="shared" si="809"/>
        <v>3128.5920000000001</v>
      </c>
      <c r="NH54" s="7">
        <f t="shared" si="809"/>
        <v>3128.5920000000001</v>
      </c>
      <c r="NI54" s="7">
        <f t="shared" si="809"/>
        <v>3128.5920000000001</v>
      </c>
      <c r="NJ54" s="7">
        <f t="shared" si="809"/>
        <v>3128.5920000000001</v>
      </c>
      <c r="NK54" s="7">
        <f t="shared" si="809"/>
        <v>3128.5920000000001</v>
      </c>
      <c r="NL54" s="7">
        <f t="shared" si="809"/>
        <v>3128.5920000000001</v>
      </c>
      <c r="NM54" s="7">
        <f t="shared" si="809"/>
        <v>3128.5920000000001</v>
      </c>
      <c r="NN54" s="7">
        <f t="shared" si="809"/>
        <v>3128.5920000000001</v>
      </c>
      <c r="NO54" s="7">
        <f t="shared" si="809"/>
        <v>3128.5920000000001</v>
      </c>
      <c r="NP54" s="7">
        <f t="shared" si="809"/>
        <v>3128.5920000000001</v>
      </c>
      <c r="NQ54" s="7">
        <f t="shared" si="809"/>
        <v>3128.5920000000001</v>
      </c>
      <c r="NR54" s="7">
        <f t="shared" si="809"/>
        <v>3128.5920000000001</v>
      </c>
      <c r="NS54" s="7">
        <f t="shared" si="809"/>
        <v>3128.5920000000001</v>
      </c>
      <c r="NT54" s="7">
        <f t="shared" si="809"/>
        <v>3128.5920000000001</v>
      </c>
      <c r="NU54" s="7">
        <f t="shared" si="809"/>
        <v>3128.5920000000001</v>
      </c>
      <c r="NV54" s="7">
        <f t="shared" si="809"/>
        <v>3128.5920000000001</v>
      </c>
      <c r="NW54" s="7">
        <f t="shared" si="809"/>
        <v>3128.5920000000001</v>
      </c>
      <c r="NX54" s="7">
        <f t="shared" si="809"/>
        <v>3128.5920000000001</v>
      </c>
      <c r="NY54" s="7">
        <f t="shared" si="809"/>
        <v>3128.5920000000001</v>
      </c>
      <c r="NZ54" s="7">
        <f t="shared" si="809"/>
        <v>3128.5920000000001</v>
      </c>
      <c r="OA54" s="7">
        <f t="shared" si="809"/>
        <v>3128.5920000000001</v>
      </c>
      <c r="OB54" s="7">
        <f t="shared" si="809"/>
        <v>3128.5920000000001</v>
      </c>
      <c r="OC54" s="7">
        <f t="shared" si="809"/>
        <v>3128.5920000000001</v>
      </c>
      <c r="OD54" s="7">
        <f t="shared" ref="OD54:QO54" si="810">OD49+OC54</f>
        <v>3128.5920000000001</v>
      </c>
      <c r="OE54" s="7">
        <f t="shared" si="810"/>
        <v>3128.5920000000001</v>
      </c>
      <c r="OF54" s="7">
        <f t="shared" si="810"/>
        <v>3128.5920000000001</v>
      </c>
      <c r="OG54" s="7">
        <f t="shared" si="810"/>
        <v>3128.5920000000001</v>
      </c>
      <c r="OH54" s="7">
        <f t="shared" si="810"/>
        <v>3128.5920000000001</v>
      </c>
      <c r="OI54" s="7">
        <f t="shared" si="810"/>
        <v>3128.5920000000001</v>
      </c>
      <c r="OJ54" s="7">
        <f t="shared" si="810"/>
        <v>3128.5920000000001</v>
      </c>
      <c r="OK54" s="7">
        <f t="shared" si="810"/>
        <v>3128.5920000000001</v>
      </c>
      <c r="OL54" s="7">
        <f t="shared" si="810"/>
        <v>3128.5920000000001</v>
      </c>
      <c r="OM54" s="7">
        <f t="shared" si="810"/>
        <v>3128.5920000000001</v>
      </c>
      <c r="ON54" s="7">
        <f t="shared" si="810"/>
        <v>3128.5920000000001</v>
      </c>
      <c r="OO54" s="7">
        <f t="shared" si="810"/>
        <v>3128.5920000000001</v>
      </c>
      <c r="OP54" s="7">
        <f t="shared" si="810"/>
        <v>3128.5920000000001</v>
      </c>
      <c r="OQ54" s="7">
        <f t="shared" si="810"/>
        <v>3128.5920000000001</v>
      </c>
      <c r="OR54" s="7">
        <f t="shared" si="810"/>
        <v>3128.5920000000001</v>
      </c>
      <c r="OS54" s="7">
        <f t="shared" si="810"/>
        <v>3128.5920000000001</v>
      </c>
      <c r="OT54" s="7">
        <f t="shared" si="810"/>
        <v>3128.5920000000001</v>
      </c>
      <c r="OU54" s="7">
        <f t="shared" si="810"/>
        <v>3128.5920000000001</v>
      </c>
      <c r="OV54" s="7">
        <f t="shared" si="810"/>
        <v>3128.5920000000001</v>
      </c>
      <c r="OW54" s="7">
        <f t="shared" si="810"/>
        <v>3128.5920000000001</v>
      </c>
      <c r="OX54" s="7">
        <f t="shared" si="810"/>
        <v>3128.5920000000001</v>
      </c>
      <c r="OY54" s="7">
        <f t="shared" si="810"/>
        <v>3128.5920000000001</v>
      </c>
      <c r="OZ54" s="7">
        <f t="shared" si="810"/>
        <v>3128.5920000000001</v>
      </c>
      <c r="PA54" s="7">
        <f t="shared" si="810"/>
        <v>3128.5920000000001</v>
      </c>
      <c r="PB54" s="7">
        <f t="shared" si="810"/>
        <v>3128.5920000000001</v>
      </c>
      <c r="PC54" s="7">
        <f t="shared" si="810"/>
        <v>3128.5920000000001</v>
      </c>
      <c r="PD54" s="7">
        <f t="shared" si="810"/>
        <v>3128.5920000000001</v>
      </c>
      <c r="PE54" s="7">
        <f t="shared" si="810"/>
        <v>3128.5920000000001</v>
      </c>
      <c r="PF54" s="7">
        <f t="shared" si="810"/>
        <v>3128.5920000000001</v>
      </c>
      <c r="PG54" s="7">
        <f t="shared" si="810"/>
        <v>3128.5920000000001</v>
      </c>
      <c r="PH54" s="7">
        <f t="shared" si="810"/>
        <v>3128.5920000000001</v>
      </c>
      <c r="PI54" s="7">
        <f t="shared" si="810"/>
        <v>3128.5920000000001</v>
      </c>
      <c r="PJ54" s="7">
        <f t="shared" si="810"/>
        <v>3128.5920000000001</v>
      </c>
      <c r="PK54" s="7">
        <f t="shared" si="810"/>
        <v>3128.5920000000001</v>
      </c>
      <c r="PL54" s="7">
        <f t="shared" si="810"/>
        <v>3128.5920000000001</v>
      </c>
      <c r="PM54" s="7">
        <f t="shared" si="810"/>
        <v>3128.5920000000001</v>
      </c>
      <c r="PN54" s="7">
        <f t="shared" si="810"/>
        <v>3128.5920000000001</v>
      </c>
      <c r="PO54" s="7">
        <f t="shared" si="810"/>
        <v>3128.5920000000001</v>
      </c>
      <c r="PP54" s="7">
        <f t="shared" si="810"/>
        <v>3128.5920000000001</v>
      </c>
      <c r="PQ54" s="7">
        <f t="shared" si="810"/>
        <v>3128.5920000000001</v>
      </c>
      <c r="PR54" s="7">
        <f t="shared" si="810"/>
        <v>3128.5920000000001</v>
      </c>
      <c r="PS54" s="7">
        <f t="shared" si="810"/>
        <v>3128.5920000000001</v>
      </c>
      <c r="PT54" s="7">
        <f t="shared" si="810"/>
        <v>3128.5920000000001</v>
      </c>
      <c r="PU54" s="7">
        <f t="shared" si="810"/>
        <v>3128.5920000000001</v>
      </c>
      <c r="PV54" s="7">
        <f t="shared" si="810"/>
        <v>3128.5920000000001</v>
      </c>
      <c r="PW54" s="7">
        <f t="shared" si="810"/>
        <v>3128.5920000000001</v>
      </c>
      <c r="PX54" s="7">
        <f t="shared" si="810"/>
        <v>3128.5920000000001</v>
      </c>
      <c r="PY54" s="7">
        <f t="shared" si="810"/>
        <v>3128.5920000000001</v>
      </c>
      <c r="PZ54" s="7">
        <f t="shared" si="810"/>
        <v>3128.5920000000001</v>
      </c>
      <c r="QA54" s="7">
        <f t="shared" si="810"/>
        <v>3128.5920000000001</v>
      </c>
      <c r="QB54" s="7">
        <f t="shared" si="810"/>
        <v>3128.5920000000001</v>
      </c>
      <c r="QC54" s="7">
        <f t="shared" si="810"/>
        <v>3128.5920000000001</v>
      </c>
      <c r="QD54" s="7">
        <f t="shared" si="810"/>
        <v>3128.5920000000001</v>
      </c>
      <c r="QE54" s="7">
        <f t="shared" si="810"/>
        <v>3128.5920000000001</v>
      </c>
      <c r="QF54" s="7">
        <f t="shared" si="810"/>
        <v>3128.5920000000001</v>
      </c>
      <c r="QG54" s="7">
        <f t="shared" si="810"/>
        <v>3128.5920000000001</v>
      </c>
      <c r="QH54" s="7">
        <f t="shared" si="810"/>
        <v>3128.5920000000001</v>
      </c>
      <c r="QI54" s="7">
        <f t="shared" si="810"/>
        <v>3128.5920000000001</v>
      </c>
      <c r="QJ54" s="7">
        <f t="shared" si="810"/>
        <v>3128.5920000000001</v>
      </c>
      <c r="QK54" s="7">
        <f t="shared" si="810"/>
        <v>3128.5920000000001</v>
      </c>
      <c r="QL54" s="7">
        <f t="shared" si="810"/>
        <v>3128.5920000000001</v>
      </c>
      <c r="QM54" s="7">
        <f t="shared" si="810"/>
        <v>3128.5920000000001</v>
      </c>
      <c r="QN54" s="7">
        <f t="shared" si="810"/>
        <v>3128.5920000000001</v>
      </c>
      <c r="QO54" s="7">
        <f t="shared" si="810"/>
        <v>3128.5920000000001</v>
      </c>
      <c r="QP54" s="7">
        <f t="shared" ref="QP54:TA54" si="811">QP49+QO54</f>
        <v>3128.5920000000001</v>
      </c>
      <c r="QQ54" s="7">
        <f t="shared" si="811"/>
        <v>3128.5920000000001</v>
      </c>
      <c r="QR54" s="7">
        <f t="shared" si="811"/>
        <v>3128.5920000000001</v>
      </c>
      <c r="QS54" s="7">
        <f t="shared" si="811"/>
        <v>3128.5920000000001</v>
      </c>
      <c r="QT54" s="7">
        <f t="shared" si="811"/>
        <v>3128.5920000000001</v>
      </c>
      <c r="QU54" s="7">
        <f t="shared" si="811"/>
        <v>3128.5920000000001</v>
      </c>
      <c r="QV54" s="7">
        <f t="shared" si="811"/>
        <v>3128.5920000000001</v>
      </c>
      <c r="QW54" s="7">
        <f t="shared" si="811"/>
        <v>3128.5920000000001</v>
      </c>
      <c r="QX54" s="7">
        <f t="shared" si="811"/>
        <v>3128.5920000000001</v>
      </c>
      <c r="QY54" s="7">
        <f t="shared" si="811"/>
        <v>3128.5920000000001</v>
      </c>
      <c r="QZ54" s="7">
        <f t="shared" si="811"/>
        <v>3128.5920000000001</v>
      </c>
      <c r="RA54" s="7">
        <f t="shared" si="811"/>
        <v>3128.5920000000001</v>
      </c>
      <c r="RB54" s="7">
        <f t="shared" si="811"/>
        <v>3128.5920000000001</v>
      </c>
      <c r="RC54" s="7">
        <f t="shared" si="811"/>
        <v>3128.5920000000001</v>
      </c>
      <c r="RD54" s="7">
        <f t="shared" si="811"/>
        <v>3128.5920000000001</v>
      </c>
      <c r="RE54" s="7">
        <f t="shared" si="811"/>
        <v>3128.5920000000001</v>
      </c>
      <c r="RF54" s="7">
        <f t="shared" si="811"/>
        <v>3128.5920000000001</v>
      </c>
      <c r="RG54" s="7">
        <f t="shared" si="811"/>
        <v>3128.5920000000001</v>
      </c>
      <c r="RH54" s="7">
        <f t="shared" si="811"/>
        <v>3128.5920000000001</v>
      </c>
      <c r="RI54" s="7">
        <f t="shared" si="811"/>
        <v>3128.5920000000001</v>
      </c>
      <c r="RJ54" s="7">
        <f t="shared" si="811"/>
        <v>3128.5920000000001</v>
      </c>
      <c r="RK54" s="7">
        <f t="shared" si="811"/>
        <v>3128.5920000000001</v>
      </c>
      <c r="RL54" s="7">
        <f t="shared" si="811"/>
        <v>3128.5920000000001</v>
      </c>
      <c r="RM54" s="7">
        <f t="shared" si="811"/>
        <v>3128.5920000000001</v>
      </c>
      <c r="RN54" s="7">
        <f t="shared" si="811"/>
        <v>3128.5920000000001</v>
      </c>
      <c r="RO54" s="7">
        <f t="shared" si="811"/>
        <v>3128.5920000000001</v>
      </c>
      <c r="RP54" s="7">
        <f t="shared" si="811"/>
        <v>3128.5920000000001</v>
      </c>
      <c r="RQ54" s="7">
        <f t="shared" si="811"/>
        <v>3128.5920000000001</v>
      </c>
      <c r="RR54" s="7">
        <f t="shared" si="811"/>
        <v>3128.5920000000001</v>
      </c>
      <c r="RS54" s="7">
        <f t="shared" si="811"/>
        <v>3128.5920000000001</v>
      </c>
      <c r="RT54" s="7">
        <f t="shared" si="811"/>
        <v>3128.5920000000001</v>
      </c>
      <c r="RU54" s="7">
        <f t="shared" si="811"/>
        <v>3128.5920000000001</v>
      </c>
      <c r="RV54" s="7">
        <f t="shared" si="811"/>
        <v>3128.5920000000001</v>
      </c>
      <c r="RW54" s="7">
        <f t="shared" si="811"/>
        <v>3128.5920000000001</v>
      </c>
      <c r="RX54" s="7">
        <f t="shared" si="811"/>
        <v>3128.5920000000001</v>
      </c>
      <c r="RY54" s="7">
        <f t="shared" si="811"/>
        <v>3128.5920000000001</v>
      </c>
      <c r="RZ54" s="7">
        <f t="shared" si="811"/>
        <v>3128.5920000000001</v>
      </c>
      <c r="SA54" s="7">
        <f t="shared" si="811"/>
        <v>3128.5920000000001</v>
      </c>
      <c r="SB54" s="7">
        <f t="shared" si="811"/>
        <v>3128.5920000000001</v>
      </c>
      <c r="SC54" s="7">
        <f t="shared" si="811"/>
        <v>3128.5920000000001</v>
      </c>
      <c r="SD54" s="7">
        <f t="shared" si="811"/>
        <v>3128.5920000000001</v>
      </c>
      <c r="SE54" s="7">
        <f t="shared" si="811"/>
        <v>3128.5920000000001</v>
      </c>
      <c r="SF54" s="7">
        <f t="shared" si="811"/>
        <v>3128.5920000000001</v>
      </c>
      <c r="SG54" s="7">
        <f t="shared" si="811"/>
        <v>3128.5920000000001</v>
      </c>
      <c r="SH54" s="7">
        <f t="shared" si="811"/>
        <v>3128.5920000000001</v>
      </c>
      <c r="SI54" s="7">
        <f t="shared" si="811"/>
        <v>3128.5920000000001</v>
      </c>
      <c r="SJ54" s="7">
        <f t="shared" si="811"/>
        <v>3128.5920000000001</v>
      </c>
      <c r="SK54" s="7">
        <f t="shared" si="811"/>
        <v>3128.5920000000001</v>
      </c>
      <c r="SL54" s="7">
        <f t="shared" si="811"/>
        <v>3128.5920000000001</v>
      </c>
      <c r="SM54" s="7">
        <f t="shared" si="811"/>
        <v>3128.5920000000001</v>
      </c>
      <c r="SN54" s="7">
        <f t="shared" si="811"/>
        <v>3128.5920000000001</v>
      </c>
      <c r="SO54" s="7">
        <f t="shared" si="811"/>
        <v>3128.5920000000001</v>
      </c>
      <c r="SP54" s="7">
        <f t="shared" si="811"/>
        <v>3128.5920000000001</v>
      </c>
      <c r="SQ54" s="7">
        <f t="shared" si="811"/>
        <v>3128.5920000000001</v>
      </c>
      <c r="SR54" s="7">
        <f t="shared" si="811"/>
        <v>3128.5920000000001</v>
      </c>
      <c r="SS54" s="7">
        <f t="shared" si="811"/>
        <v>3128.5920000000001</v>
      </c>
      <c r="ST54" s="7">
        <f t="shared" si="811"/>
        <v>3128.5920000000001</v>
      </c>
      <c r="SU54" s="7">
        <f t="shared" si="811"/>
        <v>3128.5920000000001</v>
      </c>
      <c r="SV54" s="7">
        <f t="shared" si="811"/>
        <v>3128.5920000000001</v>
      </c>
      <c r="SW54" s="7">
        <f t="shared" si="811"/>
        <v>3128.5920000000001</v>
      </c>
      <c r="SX54" s="7">
        <f t="shared" si="811"/>
        <v>3128.5920000000001</v>
      </c>
      <c r="SY54" s="7">
        <f t="shared" si="811"/>
        <v>3128.5920000000001</v>
      </c>
      <c r="SZ54" s="7">
        <f t="shared" si="811"/>
        <v>3128.5920000000001</v>
      </c>
      <c r="TA54" s="7">
        <f t="shared" si="811"/>
        <v>3128.5920000000001</v>
      </c>
      <c r="TB54" s="7">
        <f t="shared" ref="TB54:VM54" si="812">TB49+TA54</f>
        <v>3128.5920000000001</v>
      </c>
      <c r="TC54" s="7">
        <f t="shared" si="812"/>
        <v>3128.5920000000001</v>
      </c>
      <c r="TD54" s="7">
        <f t="shared" si="812"/>
        <v>3128.5920000000001</v>
      </c>
      <c r="TE54" s="7">
        <f t="shared" si="812"/>
        <v>3128.5920000000001</v>
      </c>
      <c r="TF54" s="7">
        <f t="shared" si="812"/>
        <v>3128.5920000000001</v>
      </c>
      <c r="TG54" s="7">
        <f t="shared" si="812"/>
        <v>3128.5920000000001</v>
      </c>
      <c r="TH54" s="7">
        <f t="shared" si="812"/>
        <v>3128.5920000000001</v>
      </c>
      <c r="TI54" s="7">
        <f t="shared" si="812"/>
        <v>3128.5920000000001</v>
      </c>
      <c r="TJ54" s="7">
        <f t="shared" si="812"/>
        <v>3128.5920000000001</v>
      </c>
      <c r="TK54" s="7">
        <f t="shared" si="812"/>
        <v>3128.5920000000001</v>
      </c>
      <c r="TL54" s="7">
        <f t="shared" si="812"/>
        <v>3128.5920000000001</v>
      </c>
      <c r="TM54" s="7">
        <f t="shared" si="812"/>
        <v>3128.5920000000001</v>
      </c>
      <c r="TN54" s="7">
        <f t="shared" si="812"/>
        <v>3128.5920000000001</v>
      </c>
      <c r="TO54" s="7">
        <f t="shared" si="812"/>
        <v>3128.5920000000001</v>
      </c>
      <c r="TP54" s="7">
        <f t="shared" si="812"/>
        <v>3128.5920000000001</v>
      </c>
      <c r="TQ54" s="7">
        <f t="shared" si="812"/>
        <v>3128.5920000000001</v>
      </c>
      <c r="TR54" s="7">
        <f t="shared" si="812"/>
        <v>3128.5920000000001</v>
      </c>
      <c r="TS54" s="7">
        <f t="shared" si="812"/>
        <v>3128.5920000000001</v>
      </c>
      <c r="TT54" s="7">
        <f t="shared" si="812"/>
        <v>3128.5920000000001</v>
      </c>
      <c r="TU54" s="7">
        <f t="shared" si="812"/>
        <v>3128.5920000000001</v>
      </c>
      <c r="TV54" s="7">
        <f t="shared" si="812"/>
        <v>3128.5920000000001</v>
      </c>
      <c r="TW54" s="7">
        <f t="shared" si="812"/>
        <v>3128.5920000000001</v>
      </c>
      <c r="TX54" s="7">
        <f t="shared" si="812"/>
        <v>3128.5920000000001</v>
      </c>
      <c r="TY54" s="7">
        <f t="shared" si="812"/>
        <v>3128.5920000000001</v>
      </c>
      <c r="TZ54" s="7">
        <f t="shared" si="812"/>
        <v>3128.5920000000001</v>
      </c>
      <c r="UA54" s="7">
        <f t="shared" si="812"/>
        <v>3128.5920000000001</v>
      </c>
      <c r="UB54" s="7">
        <f t="shared" si="812"/>
        <v>3128.5920000000001</v>
      </c>
      <c r="UC54" s="7">
        <f t="shared" si="812"/>
        <v>3128.5920000000001</v>
      </c>
      <c r="UD54" s="7">
        <f t="shared" si="812"/>
        <v>3128.5920000000001</v>
      </c>
      <c r="UE54" s="7">
        <f t="shared" si="812"/>
        <v>3128.5920000000001</v>
      </c>
      <c r="UF54" s="7">
        <f t="shared" si="812"/>
        <v>3128.5920000000001</v>
      </c>
      <c r="UG54" s="7">
        <f t="shared" si="812"/>
        <v>3128.5920000000001</v>
      </c>
      <c r="UH54" s="7">
        <f t="shared" si="812"/>
        <v>3128.5920000000001</v>
      </c>
      <c r="UI54" s="7">
        <f t="shared" si="812"/>
        <v>3128.5920000000001</v>
      </c>
      <c r="UJ54" s="7">
        <f t="shared" si="812"/>
        <v>3128.5920000000001</v>
      </c>
      <c r="UK54" s="7">
        <f t="shared" si="812"/>
        <v>3128.5920000000001</v>
      </c>
      <c r="UL54" s="7">
        <f t="shared" si="812"/>
        <v>3128.5920000000001</v>
      </c>
      <c r="UM54" s="7">
        <f t="shared" si="812"/>
        <v>3128.5920000000001</v>
      </c>
      <c r="UN54" s="7">
        <f t="shared" si="812"/>
        <v>3128.5920000000001</v>
      </c>
      <c r="UO54" s="7">
        <f t="shared" si="812"/>
        <v>3128.5920000000001</v>
      </c>
      <c r="UP54" s="7">
        <f t="shared" si="812"/>
        <v>3128.5920000000001</v>
      </c>
      <c r="UQ54" s="7">
        <f t="shared" si="812"/>
        <v>3128.5920000000001</v>
      </c>
      <c r="UR54" s="7">
        <f t="shared" si="812"/>
        <v>3128.5920000000001</v>
      </c>
      <c r="US54" s="7">
        <f t="shared" si="812"/>
        <v>3128.5920000000001</v>
      </c>
      <c r="UT54" s="7">
        <f t="shared" si="812"/>
        <v>3128.5920000000001</v>
      </c>
      <c r="UU54" s="7">
        <f t="shared" si="812"/>
        <v>3128.5920000000001</v>
      </c>
      <c r="UV54" s="7">
        <f t="shared" si="812"/>
        <v>3128.5920000000001</v>
      </c>
      <c r="UW54" s="7">
        <f t="shared" si="812"/>
        <v>3128.5920000000001</v>
      </c>
      <c r="UX54" s="7">
        <f t="shared" si="812"/>
        <v>3128.5920000000001</v>
      </c>
      <c r="UY54" s="7">
        <f t="shared" si="812"/>
        <v>3128.5920000000001</v>
      </c>
      <c r="UZ54" s="7">
        <f t="shared" si="812"/>
        <v>3128.5920000000001</v>
      </c>
      <c r="VA54" s="7">
        <f t="shared" si="812"/>
        <v>3128.5920000000001</v>
      </c>
      <c r="VB54" s="7">
        <f t="shared" si="812"/>
        <v>3128.5920000000001</v>
      </c>
      <c r="VC54" s="7">
        <f t="shared" si="812"/>
        <v>3128.5920000000001</v>
      </c>
      <c r="VD54" s="7">
        <f t="shared" si="812"/>
        <v>3128.5920000000001</v>
      </c>
      <c r="VE54" s="7">
        <f t="shared" si="812"/>
        <v>3128.5920000000001</v>
      </c>
      <c r="VF54" s="7">
        <f t="shared" si="812"/>
        <v>3128.5920000000001</v>
      </c>
      <c r="VG54" s="7">
        <f t="shared" si="812"/>
        <v>3128.5920000000001</v>
      </c>
      <c r="VH54" s="7">
        <f t="shared" si="812"/>
        <v>3128.5920000000001</v>
      </c>
      <c r="VI54" s="7">
        <f t="shared" si="812"/>
        <v>3128.5920000000001</v>
      </c>
      <c r="VJ54" s="7">
        <f t="shared" si="812"/>
        <v>3128.5920000000001</v>
      </c>
      <c r="VK54" s="7">
        <f t="shared" si="812"/>
        <v>3128.5920000000001</v>
      </c>
      <c r="VL54" s="7">
        <f t="shared" si="812"/>
        <v>3128.5920000000001</v>
      </c>
      <c r="VM54" s="7">
        <f t="shared" si="812"/>
        <v>3128.5920000000001</v>
      </c>
      <c r="VN54" s="7">
        <f t="shared" ref="VN54:XY54" si="813">VN49+VM54</f>
        <v>3128.5920000000001</v>
      </c>
      <c r="VO54" s="7">
        <f t="shared" si="813"/>
        <v>3128.5920000000001</v>
      </c>
      <c r="VP54" s="7">
        <f t="shared" si="813"/>
        <v>3128.5920000000001</v>
      </c>
      <c r="VQ54" s="7">
        <f t="shared" si="813"/>
        <v>3128.5920000000001</v>
      </c>
      <c r="VR54" s="7">
        <f t="shared" si="813"/>
        <v>3128.5920000000001</v>
      </c>
      <c r="VS54" s="7">
        <f t="shared" si="813"/>
        <v>3128.5920000000001</v>
      </c>
      <c r="VT54" s="7">
        <f t="shared" si="813"/>
        <v>3128.5920000000001</v>
      </c>
      <c r="VU54" s="7">
        <f t="shared" si="813"/>
        <v>3128.5920000000001</v>
      </c>
      <c r="VV54" s="7">
        <f t="shared" si="813"/>
        <v>3128.5920000000001</v>
      </c>
      <c r="VW54" s="7">
        <f t="shared" si="813"/>
        <v>3128.5920000000001</v>
      </c>
      <c r="VX54" s="7">
        <f t="shared" si="813"/>
        <v>3128.5920000000001</v>
      </c>
      <c r="VY54" s="7">
        <f t="shared" si="813"/>
        <v>3128.5920000000001</v>
      </c>
      <c r="VZ54" s="7">
        <f t="shared" si="813"/>
        <v>3128.5920000000001</v>
      </c>
      <c r="WA54" s="7">
        <f t="shared" si="813"/>
        <v>3128.5920000000001</v>
      </c>
      <c r="WB54" s="7">
        <f t="shared" si="813"/>
        <v>3128.5920000000001</v>
      </c>
      <c r="WC54" s="7">
        <f t="shared" si="813"/>
        <v>3128.5920000000001</v>
      </c>
      <c r="WD54" s="7">
        <f t="shared" si="813"/>
        <v>3128.5920000000001</v>
      </c>
      <c r="WE54" s="7">
        <f t="shared" si="813"/>
        <v>3128.5920000000001</v>
      </c>
      <c r="WF54" s="7">
        <f t="shared" si="813"/>
        <v>3128.5920000000001</v>
      </c>
      <c r="WG54" s="7">
        <f t="shared" si="813"/>
        <v>3128.5920000000001</v>
      </c>
      <c r="WH54" s="7">
        <f t="shared" si="813"/>
        <v>3128.5920000000001</v>
      </c>
      <c r="WI54" s="7">
        <f t="shared" si="813"/>
        <v>3128.5920000000001</v>
      </c>
      <c r="WJ54" s="7">
        <f t="shared" si="813"/>
        <v>3128.5920000000001</v>
      </c>
      <c r="WK54" s="7">
        <f t="shared" si="813"/>
        <v>3128.5920000000001</v>
      </c>
      <c r="WL54" s="7">
        <f t="shared" si="813"/>
        <v>3128.5920000000001</v>
      </c>
      <c r="WM54" s="7">
        <f t="shared" si="813"/>
        <v>3128.5920000000001</v>
      </c>
      <c r="WN54" s="7">
        <f t="shared" si="813"/>
        <v>3128.5920000000001</v>
      </c>
      <c r="WO54" s="7">
        <f t="shared" si="813"/>
        <v>3128.5920000000001</v>
      </c>
      <c r="WP54" s="7">
        <f t="shared" si="813"/>
        <v>3128.5920000000001</v>
      </c>
      <c r="WQ54" s="7">
        <f t="shared" si="813"/>
        <v>3128.5920000000001</v>
      </c>
      <c r="WR54" s="7">
        <f t="shared" si="813"/>
        <v>3128.5920000000001</v>
      </c>
      <c r="WS54" s="7">
        <f t="shared" si="813"/>
        <v>3128.5920000000001</v>
      </c>
      <c r="WT54" s="7">
        <f t="shared" si="813"/>
        <v>3128.5920000000001</v>
      </c>
      <c r="WU54" s="7">
        <f t="shared" si="813"/>
        <v>3128.5920000000001</v>
      </c>
      <c r="WV54" s="7">
        <f t="shared" si="813"/>
        <v>3128.5920000000001</v>
      </c>
      <c r="WW54" s="7">
        <f t="shared" si="813"/>
        <v>3128.5920000000001</v>
      </c>
      <c r="WX54" s="7">
        <f t="shared" si="813"/>
        <v>3128.5920000000001</v>
      </c>
      <c r="WY54" s="7">
        <f t="shared" si="813"/>
        <v>3128.5920000000001</v>
      </c>
      <c r="WZ54" s="7">
        <f t="shared" si="813"/>
        <v>3128.5920000000001</v>
      </c>
      <c r="XA54" s="7">
        <f t="shared" si="813"/>
        <v>3128.5920000000001</v>
      </c>
      <c r="XB54" s="7">
        <f t="shared" si="813"/>
        <v>3128.5920000000001</v>
      </c>
      <c r="XC54" s="7">
        <f t="shared" si="813"/>
        <v>3128.5920000000001</v>
      </c>
      <c r="XD54" s="7">
        <f t="shared" si="813"/>
        <v>3128.5920000000001</v>
      </c>
      <c r="XE54" s="7">
        <f t="shared" si="813"/>
        <v>3128.5920000000001</v>
      </c>
      <c r="XF54" s="7">
        <f t="shared" si="813"/>
        <v>3128.5920000000001</v>
      </c>
      <c r="XG54" s="7">
        <f t="shared" si="813"/>
        <v>3128.5920000000001</v>
      </c>
      <c r="XH54" s="7">
        <f t="shared" si="813"/>
        <v>3128.5920000000001</v>
      </c>
      <c r="XI54" s="7">
        <f t="shared" si="813"/>
        <v>3128.5920000000001</v>
      </c>
      <c r="XJ54" s="7">
        <f t="shared" si="813"/>
        <v>3128.5920000000001</v>
      </c>
      <c r="XK54" s="7">
        <f t="shared" si="813"/>
        <v>3128.5920000000001</v>
      </c>
      <c r="XL54" s="7">
        <f t="shared" si="813"/>
        <v>3128.5920000000001</v>
      </c>
      <c r="XM54" s="7">
        <f t="shared" si="813"/>
        <v>3128.5920000000001</v>
      </c>
      <c r="XN54" s="7">
        <f t="shared" si="813"/>
        <v>3128.5920000000001</v>
      </c>
      <c r="XO54" s="7">
        <f t="shared" si="813"/>
        <v>3128.5920000000001</v>
      </c>
      <c r="XP54" s="7">
        <f t="shared" si="813"/>
        <v>3128.5920000000001</v>
      </c>
      <c r="XQ54" s="7">
        <f t="shared" si="813"/>
        <v>3128.5920000000001</v>
      </c>
      <c r="XR54" s="7">
        <f t="shared" si="813"/>
        <v>3128.5920000000001</v>
      </c>
      <c r="XS54" s="7">
        <f t="shared" si="813"/>
        <v>3128.5920000000001</v>
      </c>
      <c r="XT54" s="7">
        <f t="shared" si="813"/>
        <v>3128.5920000000001</v>
      </c>
      <c r="XU54" s="7">
        <f t="shared" si="813"/>
        <v>3128.5920000000001</v>
      </c>
      <c r="XV54" s="7">
        <f t="shared" si="813"/>
        <v>3128.5920000000001</v>
      </c>
      <c r="XW54" s="7">
        <f t="shared" si="813"/>
        <v>3128.5920000000001</v>
      </c>
      <c r="XX54" s="7">
        <f t="shared" si="813"/>
        <v>3128.5920000000001</v>
      </c>
      <c r="XY54" s="7">
        <f t="shared" si="813"/>
        <v>3128.5920000000001</v>
      </c>
      <c r="XZ54" s="7">
        <f t="shared" ref="XZ54:AAK54" si="814">XZ49+XY54</f>
        <v>3128.5920000000001</v>
      </c>
      <c r="YA54" s="7">
        <f t="shared" si="814"/>
        <v>3128.5920000000001</v>
      </c>
      <c r="YB54" s="7">
        <f t="shared" si="814"/>
        <v>3128.5920000000001</v>
      </c>
      <c r="YC54" s="7">
        <f t="shared" si="814"/>
        <v>3128.5920000000001</v>
      </c>
      <c r="YD54" s="7">
        <f t="shared" si="814"/>
        <v>3128.5920000000001</v>
      </c>
      <c r="YE54" s="7">
        <f t="shared" si="814"/>
        <v>3128.5920000000001</v>
      </c>
      <c r="YF54" s="7">
        <f t="shared" si="814"/>
        <v>3128.5920000000001</v>
      </c>
      <c r="YG54" s="7">
        <f t="shared" si="814"/>
        <v>3128.5920000000001</v>
      </c>
      <c r="YH54" s="7">
        <f t="shared" si="814"/>
        <v>3128.5920000000001</v>
      </c>
      <c r="YI54" s="7">
        <f t="shared" si="814"/>
        <v>3128.5920000000001</v>
      </c>
      <c r="YJ54" s="7">
        <f t="shared" si="814"/>
        <v>3128.5920000000001</v>
      </c>
      <c r="YK54" s="7">
        <f t="shared" si="814"/>
        <v>3128.5920000000001</v>
      </c>
      <c r="YL54" s="7">
        <f t="shared" si="814"/>
        <v>3128.5920000000001</v>
      </c>
      <c r="YM54" s="7">
        <f t="shared" si="814"/>
        <v>3128.5920000000001</v>
      </c>
      <c r="YN54" s="7">
        <f t="shared" si="814"/>
        <v>3128.5920000000001</v>
      </c>
      <c r="YO54" s="7">
        <f t="shared" si="814"/>
        <v>3128.5920000000001</v>
      </c>
      <c r="YP54" s="7">
        <f t="shared" si="814"/>
        <v>3128.5920000000001</v>
      </c>
      <c r="YQ54" s="7">
        <f t="shared" si="814"/>
        <v>3128.5920000000001</v>
      </c>
      <c r="YR54" s="7">
        <f t="shared" si="814"/>
        <v>3128.5920000000001</v>
      </c>
      <c r="YS54" s="7">
        <f t="shared" si="814"/>
        <v>3128.5920000000001</v>
      </c>
      <c r="YT54" s="7">
        <f t="shared" si="814"/>
        <v>3128.5920000000001</v>
      </c>
      <c r="YU54" s="7">
        <f t="shared" si="814"/>
        <v>3128.5920000000001</v>
      </c>
      <c r="YV54" s="7">
        <f t="shared" si="814"/>
        <v>3128.5920000000001</v>
      </c>
      <c r="YW54" s="7">
        <f t="shared" si="814"/>
        <v>3128.5920000000001</v>
      </c>
      <c r="YX54" s="7">
        <f t="shared" si="814"/>
        <v>3128.5920000000001</v>
      </c>
      <c r="YY54" s="7">
        <f t="shared" si="814"/>
        <v>3128.5920000000001</v>
      </c>
      <c r="YZ54" s="7">
        <f t="shared" si="814"/>
        <v>3128.5920000000001</v>
      </c>
      <c r="ZA54" s="7">
        <f t="shared" si="814"/>
        <v>3128.5920000000001</v>
      </c>
      <c r="ZB54" s="7">
        <f t="shared" si="814"/>
        <v>3128.5920000000001</v>
      </c>
      <c r="ZC54" s="7">
        <f t="shared" si="814"/>
        <v>3128.5920000000001</v>
      </c>
      <c r="ZD54" s="7">
        <f t="shared" si="814"/>
        <v>3128.5920000000001</v>
      </c>
      <c r="ZE54" s="7">
        <f t="shared" si="814"/>
        <v>3128.5920000000001</v>
      </c>
      <c r="ZF54" s="7">
        <f t="shared" si="814"/>
        <v>3128.5920000000001</v>
      </c>
      <c r="ZG54" s="7">
        <f t="shared" si="814"/>
        <v>3128.5920000000001</v>
      </c>
      <c r="ZH54" s="7">
        <f t="shared" si="814"/>
        <v>3128.5920000000001</v>
      </c>
      <c r="ZI54" s="7">
        <f t="shared" si="814"/>
        <v>3128.5920000000001</v>
      </c>
      <c r="ZJ54" s="7">
        <f t="shared" si="814"/>
        <v>3128.5920000000001</v>
      </c>
      <c r="ZK54" s="7">
        <f t="shared" si="814"/>
        <v>3128.5920000000001</v>
      </c>
      <c r="ZL54" s="7">
        <f t="shared" si="814"/>
        <v>3128.5920000000001</v>
      </c>
      <c r="ZM54" s="7">
        <f t="shared" si="814"/>
        <v>3128.5920000000001</v>
      </c>
      <c r="ZN54" s="7">
        <f t="shared" si="814"/>
        <v>3128.5920000000001</v>
      </c>
      <c r="ZO54" s="7">
        <f t="shared" si="814"/>
        <v>3128.5920000000001</v>
      </c>
      <c r="ZP54" s="7">
        <f t="shared" si="814"/>
        <v>3128.5920000000001</v>
      </c>
      <c r="ZQ54" s="7">
        <f t="shared" si="814"/>
        <v>3128.5920000000001</v>
      </c>
      <c r="ZR54" s="7">
        <f t="shared" si="814"/>
        <v>3128.5920000000001</v>
      </c>
      <c r="ZS54" s="7">
        <f t="shared" si="814"/>
        <v>3128.5920000000001</v>
      </c>
      <c r="ZT54" s="7">
        <f t="shared" si="814"/>
        <v>3128.5920000000001</v>
      </c>
      <c r="ZU54" s="7">
        <f t="shared" si="814"/>
        <v>3128.5920000000001</v>
      </c>
      <c r="ZV54" s="7">
        <f t="shared" si="814"/>
        <v>3128.5920000000001</v>
      </c>
      <c r="ZW54" s="7">
        <f t="shared" si="814"/>
        <v>3128.5920000000001</v>
      </c>
      <c r="ZX54" s="7">
        <f t="shared" si="814"/>
        <v>3128.5920000000001</v>
      </c>
      <c r="ZY54" s="7">
        <f t="shared" si="814"/>
        <v>3128.5920000000001</v>
      </c>
      <c r="ZZ54" s="7">
        <f t="shared" si="814"/>
        <v>3128.5920000000001</v>
      </c>
      <c r="AAA54" s="7">
        <f t="shared" si="814"/>
        <v>3128.5920000000001</v>
      </c>
      <c r="AAB54" s="7">
        <f t="shared" si="814"/>
        <v>3128.5920000000001</v>
      </c>
      <c r="AAC54" s="7">
        <f t="shared" si="814"/>
        <v>3128.5920000000001</v>
      </c>
      <c r="AAD54" s="7">
        <f t="shared" si="814"/>
        <v>3128.5920000000001</v>
      </c>
      <c r="AAE54" s="7">
        <f t="shared" si="814"/>
        <v>3128.5920000000001</v>
      </c>
      <c r="AAF54" s="7">
        <f t="shared" si="814"/>
        <v>3128.5920000000001</v>
      </c>
      <c r="AAG54" s="7">
        <f t="shared" si="814"/>
        <v>3128.5920000000001</v>
      </c>
      <c r="AAH54" s="7">
        <f t="shared" si="814"/>
        <v>3128.5920000000001</v>
      </c>
      <c r="AAI54" s="7">
        <f t="shared" si="814"/>
        <v>3128.5920000000001</v>
      </c>
      <c r="AAJ54" s="7">
        <f t="shared" si="814"/>
        <v>3128.5920000000001</v>
      </c>
      <c r="AAK54" s="7">
        <f t="shared" si="814"/>
        <v>3128.5920000000001</v>
      </c>
      <c r="AAL54" s="7">
        <f t="shared" ref="AAL54:ACW54" si="815">AAL49+AAK54</f>
        <v>3128.5920000000001</v>
      </c>
      <c r="AAM54" s="7">
        <f t="shared" si="815"/>
        <v>3128.5920000000001</v>
      </c>
      <c r="AAN54" s="7">
        <f t="shared" si="815"/>
        <v>3128.5920000000001</v>
      </c>
      <c r="AAO54" s="7">
        <f t="shared" si="815"/>
        <v>3128.5920000000001</v>
      </c>
      <c r="AAP54" s="7">
        <f t="shared" si="815"/>
        <v>3128.5920000000001</v>
      </c>
      <c r="AAQ54" s="7">
        <f t="shared" si="815"/>
        <v>3128.5920000000001</v>
      </c>
      <c r="AAR54" s="7">
        <f t="shared" si="815"/>
        <v>3128.5920000000001</v>
      </c>
      <c r="AAS54" s="7">
        <f t="shared" si="815"/>
        <v>3128.5920000000001</v>
      </c>
      <c r="AAT54" s="7">
        <f t="shared" si="815"/>
        <v>3128.5920000000001</v>
      </c>
      <c r="AAU54" s="7">
        <f t="shared" si="815"/>
        <v>3128.5920000000001</v>
      </c>
      <c r="AAV54" s="7">
        <f t="shared" si="815"/>
        <v>3128.5920000000001</v>
      </c>
      <c r="AAW54" s="7">
        <f t="shared" si="815"/>
        <v>3128.5920000000001</v>
      </c>
      <c r="AAX54" s="7">
        <f t="shared" si="815"/>
        <v>3128.5920000000001</v>
      </c>
      <c r="AAY54" s="7">
        <f t="shared" si="815"/>
        <v>3128.5920000000001</v>
      </c>
      <c r="AAZ54" s="7">
        <f t="shared" si="815"/>
        <v>3128.5920000000001</v>
      </c>
      <c r="ABA54" s="7">
        <f t="shared" si="815"/>
        <v>3128.5920000000001</v>
      </c>
      <c r="ABB54" s="7">
        <f t="shared" si="815"/>
        <v>3128.5920000000001</v>
      </c>
      <c r="ABC54" s="7">
        <f t="shared" si="815"/>
        <v>3128.5920000000001</v>
      </c>
      <c r="ABD54" s="7">
        <f t="shared" si="815"/>
        <v>3128.5920000000001</v>
      </c>
      <c r="ABE54" s="7">
        <f t="shared" si="815"/>
        <v>3128.5920000000001</v>
      </c>
      <c r="ABF54" s="7">
        <f t="shared" si="815"/>
        <v>3128.5920000000001</v>
      </c>
      <c r="ABG54" s="7">
        <f t="shared" si="815"/>
        <v>3128.5920000000001</v>
      </c>
      <c r="ABH54" s="7">
        <f t="shared" si="815"/>
        <v>3128.5920000000001</v>
      </c>
      <c r="ABI54" s="7">
        <f t="shared" si="815"/>
        <v>3128.5920000000001</v>
      </c>
      <c r="ABJ54" s="7">
        <f t="shared" si="815"/>
        <v>3128.5920000000001</v>
      </c>
      <c r="ABK54" s="7">
        <f t="shared" si="815"/>
        <v>3128.5920000000001</v>
      </c>
      <c r="ABL54" s="7">
        <f t="shared" si="815"/>
        <v>3128.5920000000001</v>
      </c>
      <c r="ABM54" s="7">
        <f t="shared" si="815"/>
        <v>3128.5920000000001</v>
      </c>
      <c r="ABN54" s="7">
        <f t="shared" si="815"/>
        <v>3128.5920000000001</v>
      </c>
      <c r="ABO54" s="7">
        <f t="shared" si="815"/>
        <v>3128.5920000000001</v>
      </c>
      <c r="ABP54" s="7">
        <f t="shared" si="815"/>
        <v>3128.5920000000001</v>
      </c>
      <c r="ABQ54" s="7">
        <f t="shared" si="815"/>
        <v>3128.5920000000001</v>
      </c>
      <c r="ABR54" s="7">
        <f t="shared" si="815"/>
        <v>3128.5920000000001</v>
      </c>
      <c r="ABS54" s="7">
        <f t="shared" si="815"/>
        <v>3128.5920000000001</v>
      </c>
      <c r="ABT54" s="7">
        <f t="shared" si="815"/>
        <v>3128.5920000000001</v>
      </c>
      <c r="ABU54" s="7">
        <f t="shared" si="815"/>
        <v>3128.5920000000001</v>
      </c>
      <c r="ABV54" s="7">
        <f t="shared" si="815"/>
        <v>3128.5920000000001</v>
      </c>
      <c r="ABW54" s="7">
        <f t="shared" si="815"/>
        <v>3128.5920000000001</v>
      </c>
      <c r="ABX54" s="7">
        <f t="shared" si="815"/>
        <v>3128.5920000000001</v>
      </c>
      <c r="ABY54" s="7">
        <f t="shared" si="815"/>
        <v>3128.5920000000001</v>
      </c>
      <c r="ABZ54" s="7">
        <f t="shared" si="815"/>
        <v>3128.5920000000001</v>
      </c>
      <c r="ACA54" s="7">
        <f t="shared" si="815"/>
        <v>3128.5920000000001</v>
      </c>
      <c r="ACB54" s="7">
        <f t="shared" si="815"/>
        <v>3128.5920000000001</v>
      </c>
      <c r="ACC54" s="7">
        <f t="shared" si="815"/>
        <v>3128.5920000000001</v>
      </c>
      <c r="ACD54" s="7">
        <f t="shared" si="815"/>
        <v>3128.5920000000001</v>
      </c>
      <c r="ACE54" s="7">
        <f t="shared" si="815"/>
        <v>3128.5920000000001</v>
      </c>
      <c r="ACF54" s="7">
        <f t="shared" si="815"/>
        <v>3128.5920000000001</v>
      </c>
      <c r="ACG54" s="7">
        <f t="shared" si="815"/>
        <v>3128.5920000000001</v>
      </c>
      <c r="ACH54" s="7">
        <f t="shared" si="815"/>
        <v>3128.5920000000001</v>
      </c>
      <c r="ACI54" s="7">
        <f t="shared" si="815"/>
        <v>3128.5920000000001</v>
      </c>
      <c r="ACJ54" s="7">
        <f t="shared" si="815"/>
        <v>3128.5920000000001</v>
      </c>
      <c r="ACK54" s="7">
        <f t="shared" si="815"/>
        <v>3128.5920000000001</v>
      </c>
      <c r="ACL54" s="7">
        <f t="shared" si="815"/>
        <v>3128.5920000000001</v>
      </c>
      <c r="ACM54" s="7">
        <f t="shared" si="815"/>
        <v>3128.5920000000001</v>
      </c>
      <c r="ACN54" s="7">
        <f t="shared" si="815"/>
        <v>3128.5920000000001</v>
      </c>
      <c r="ACO54" s="7">
        <f t="shared" si="815"/>
        <v>3128.5920000000001</v>
      </c>
      <c r="ACP54" s="7">
        <f t="shared" si="815"/>
        <v>3128.5920000000001</v>
      </c>
      <c r="ACQ54" s="7">
        <f t="shared" si="815"/>
        <v>3128.5920000000001</v>
      </c>
      <c r="ACR54" s="7">
        <f t="shared" si="815"/>
        <v>3128.5920000000001</v>
      </c>
      <c r="ACS54" s="7">
        <f t="shared" si="815"/>
        <v>3128.5920000000001</v>
      </c>
      <c r="ACT54" s="7">
        <f t="shared" si="815"/>
        <v>3128.5920000000001</v>
      </c>
      <c r="ACU54" s="7">
        <f t="shared" si="815"/>
        <v>3128.5920000000001</v>
      </c>
      <c r="ACV54" s="7">
        <f t="shared" si="815"/>
        <v>3128.5920000000001</v>
      </c>
      <c r="ACW54" s="7">
        <f t="shared" si="815"/>
        <v>3128.5920000000001</v>
      </c>
      <c r="ACX54" s="7">
        <f t="shared" ref="ACX54:AFI54" si="816">ACX49+ACW54</f>
        <v>3128.5920000000001</v>
      </c>
      <c r="ACY54" s="7">
        <f t="shared" si="816"/>
        <v>3128.5920000000001</v>
      </c>
      <c r="ACZ54" s="7">
        <f t="shared" si="816"/>
        <v>3128.5920000000001</v>
      </c>
      <c r="ADA54" s="7">
        <f t="shared" si="816"/>
        <v>3128.5920000000001</v>
      </c>
      <c r="ADB54" s="7">
        <f t="shared" si="816"/>
        <v>3128.5920000000001</v>
      </c>
      <c r="ADC54" s="7">
        <f t="shared" si="816"/>
        <v>3128.5920000000001</v>
      </c>
      <c r="ADD54" s="7">
        <f t="shared" si="816"/>
        <v>3128.5920000000001</v>
      </c>
      <c r="ADE54" s="7">
        <f t="shared" si="816"/>
        <v>3128.5920000000001</v>
      </c>
      <c r="ADF54" s="7">
        <f t="shared" si="816"/>
        <v>3128.5920000000001</v>
      </c>
      <c r="ADG54" s="7">
        <f t="shared" si="816"/>
        <v>3128.5920000000001</v>
      </c>
      <c r="ADH54" s="7">
        <f t="shared" si="816"/>
        <v>3128.5920000000001</v>
      </c>
      <c r="ADI54" s="7">
        <f t="shared" si="816"/>
        <v>3128.5920000000001</v>
      </c>
      <c r="ADJ54" s="7">
        <f t="shared" si="816"/>
        <v>3128.5920000000001</v>
      </c>
      <c r="ADK54" s="7">
        <f t="shared" si="816"/>
        <v>3128.5920000000001</v>
      </c>
      <c r="ADL54" s="7">
        <f t="shared" si="816"/>
        <v>3128.5920000000001</v>
      </c>
      <c r="ADM54" s="7">
        <f t="shared" si="816"/>
        <v>3128.5920000000001</v>
      </c>
      <c r="ADN54" s="7">
        <f t="shared" si="816"/>
        <v>3128.5920000000001</v>
      </c>
      <c r="ADO54" s="7">
        <f t="shared" si="816"/>
        <v>3128.5920000000001</v>
      </c>
      <c r="ADP54" s="7">
        <f t="shared" si="816"/>
        <v>3128.5920000000001</v>
      </c>
      <c r="ADQ54" s="7">
        <f t="shared" si="816"/>
        <v>3128.5920000000001</v>
      </c>
      <c r="ADR54" s="7">
        <f t="shared" si="816"/>
        <v>3128.5920000000001</v>
      </c>
      <c r="ADS54" s="7">
        <f t="shared" si="816"/>
        <v>3128.5920000000001</v>
      </c>
      <c r="ADT54" s="7">
        <f t="shared" si="816"/>
        <v>3128.5920000000001</v>
      </c>
      <c r="ADU54" s="7">
        <f t="shared" si="816"/>
        <v>3128.5920000000001</v>
      </c>
      <c r="ADV54" s="7">
        <f t="shared" si="816"/>
        <v>3128.5920000000001</v>
      </c>
      <c r="ADW54" s="7">
        <f t="shared" si="816"/>
        <v>3128.5920000000001</v>
      </c>
      <c r="ADX54" s="7">
        <f t="shared" si="816"/>
        <v>3128.5920000000001</v>
      </c>
      <c r="ADY54" s="7">
        <f t="shared" si="816"/>
        <v>3128.5920000000001</v>
      </c>
      <c r="ADZ54" s="7">
        <f t="shared" si="816"/>
        <v>3128.5920000000001</v>
      </c>
      <c r="AEA54" s="7">
        <f t="shared" si="816"/>
        <v>3128.5920000000001</v>
      </c>
      <c r="AEB54" s="7">
        <f t="shared" si="816"/>
        <v>3128.5920000000001</v>
      </c>
      <c r="AEC54" s="7">
        <f t="shared" si="816"/>
        <v>3128.5920000000001</v>
      </c>
      <c r="AED54" s="7">
        <f t="shared" si="816"/>
        <v>3128.5920000000001</v>
      </c>
      <c r="AEE54" s="7">
        <f t="shared" si="816"/>
        <v>3128.5920000000001</v>
      </c>
      <c r="AEF54" s="7">
        <f t="shared" si="816"/>
        <v>3128.5920000000001</v>
      </c>
      <c r="AEG54" s="7">
        <f t="shared" si="816"/>
        <v>3128.5920000000001</v>
      </c>
      <c r="AEH54" s="7">
        <f t="shared" si="816"/>
        <v>3128.5920000000001</v>
      </c>
      <c r="AEI54" s="7">
        <f t="shared" si="816"/>
        <v>3128.5920000000001</v>
      </c>
      <c r="AEJ54" s="7">
        <f t="shared" si="816"/>
        <v>3128.5920000000001</v>
      </c>
      <c r="AEK54" s="7">
        <f t="shared" si="816"/>
        <v>3128.5920000000001</v>
      </c>
      <c r="AEL54" s="7">
        <f t="shared" si="816"/>
        <v>3128.5920000000001</v>
      </c>
      <c r="AEM54" s="7">
        <f t="shared" si="816"/>
        <v>3128.5920000000001</v>
      </c>
      <c r="AEN54" s="7">
        <f t="shared" si="816"/>
        <v>3128.5920000000001</v>
      </c>
      <c r="AEO54" s="7">
        <f t="shared" si="816"/>
        <v>3128.5920000000001</v>
      </c>
      <c r="AEP54" s="7">
        <f t="shared" si="816"/>
        <v>3128.5920000000001</v>
      </c>
      <c r="AEQ54" s="7">
        <f t="shared" si="816"/>
        <v>3128.5920000000001</v>
      </c>
      <c r="AER54" s="7">
        <f t="shared" si="816"/>
        <v>3128.5920000000001</v>
      </c>
      <c r="AES54" s="7">
        <f t="shared" si="816"/>
        <v>3128.5920000000001</v>
      </c>
      <c r="AET54" s="7">
        <f t="shared" si="816"/>
        <v>3128.5920000000001</v>
      </c>
      <c r="AEU54" s="7">
        <f t="shared" si="816"/>
        <v>3128.5920000000001</v>
      </c>
      <c r="AEV54" s="7">
        <f t="shared" si="816"/>
        <v>3128.5920000000001</v>
      </c>
      <c r="AEW54" s="7">
        <f t="shared" si="816"/>
        <v>3128.5920000000001</v>
      </c>
      <c r="AEX54" s="7">
        <f t="shared" si="816"/>
        <v>3128.5920000000001</v>
      </c>
      <c r="AEY54" s="7">
        <f t="shared" si="816"/>
        <v>3128.5920000000001</v>
      </c>
      <c r="AEZ54" s="7">
        <f t="shared" si="816"/>
        <v>3128.5920000000001</v>
      </c>
      <c r="AFA54" s="7">
        <f t="shared" si="816"/>
        <v>3128.5920000000001</v>
      </c>
      <c r="AFB54" s="7">
        <f t="shared" si="816"/>
        <v>3128.5920000000001</v>
      </c>
      <c r="AFC54" s="7">
        <f t="shared" si="816"/>
        <v>3128.5920000000001</v>
      </c>
      <c r="AFD54" s="7">
        <f t="shared" si="816"/>
        <v>3128.5920000000001</v>
      </c>
      <c r="AFE54" s="7">
        <f t="shared" si="816"/>
        <v>3128.5920000000001</v>
      </c>
      <c r="AFF54" s="7">
        <f t="shared" si="816"/>
        <v>3128.5920000000001</v>
      </c>
      <c r="AFG54" s="7">
        <f t="shared" si="816"/>
        <v>3128.5920000000001</v>
      </c>
      <c r="AFH54" s="7">
        <f t="shared" si="816"/>
        <v>3128.5920000000001</v>
      </c>
      <c r="AFI54" s="7">
        <f t="shared" si="816"/>
        <v>3128.5920000000001</v>
      </c>
      <c r="AFJ54" s="7">
        <f t="shared" ref="AFJ54:AHU54" si="817">AFJ49+AFI54</f>
        <v>3128.5920000000001</v>
      </c>
      <c r="AFK54" s="7">
        <f t="shared" si="817"/>
        <v>3128.5920000000001</v>
      </c>
      <c r="AFL54" s="7">
        <f t="shared" si="817"/>
        <v>3128.5920000000001</v>
      </c>
      <c r="AFM54" s="7">
        <f t="shared" si="817"/>
        <v>3128.5920000000001</v>
      </c>
      <c r="AFN54" s="7">
        <f t="shared" si="817"/>
        <v>3128.5920000000001</v>
      </c>
      <c r="AFO54" s="7">
        <f t="shared" si="817"/>
        <v>3128.5920000000001</v>
      </c>
      <c r="AFP54" s="7">
        <f t="shared" si="817"/>
        <v>3128.5920000000001</v>
      </c>
      <c r="AFQ54" s="7">
        <f t="shared" si="817"/>
        <v>3128.5920000000001</v>
      </c>
      <c r="AFR54" s="7">
        <f t="shared" si="817"/>
        <v>3128.5920000000001</v>
      </c>
      <c r="AFS54" s="7">
        <f t="shared" si="817"/>
        <v>3128.5920000000001</v>
      </c>
      <c r="AFT54" s="7">
        <f t="shared" si="817"/>
        <v>3128.5920000000001</v>
      </c>
      <c r="AFU54" s="7">
        <f t="shared" si="817"/>
        <v>3128.5920000000001</v>
      </c>
      <c r="AFV54" s="7">
        <f t="shared" si="817"/>
        <v>3128.5920000000001</v>
      </c>
      <c r="AFW54" s="7">
        <f t="shared" si="817"/>
        <v>3128.5920000000001</v>
      </c>
      <c r="AFX54" s="7">
        <f t="shared" si="817"/>
        <v>3128.5920000000001</v>
      </c>
      <c r="AFY54" s="7">
        <f t="shared" si="817"/>
        <v>3128.5920000000001</v>
      </c>
      <c r="AFZ54" s="7">
        <f t="shared" si="817"/>
        <v>3128.5920000000001</v>
      </c>
      <c r="AGA54" s="7">
        <f t="shared" si="817"/>
        <v>3128.5920000000001</v>
      </c>
      <c r="AGB54" s="7">
        <f t="shared" si="817"/>
        <v>3128.5920000000001</v>
      </c>
      <c r="AGC54" s="7">
        <f t="shared" si="817"/>
        <v>3128.5920000000001</v>
      </c>
      <c r="AGD54" s="7">
        <f t="shared" si="817"/>
        <v>3128.5920000000001</v>
      </c>
      <c r="AGE54" s="7">
        <f t="shared" si="817"/>
        <v>3128.5920000000001</v>
      </c>
      <c r="AGF54" s="7">
        <f t="shared" si="817"/>
        <v>3128.5920000000001</v>
      </c>
      <c r="AGG54" s="7">
        <f t="shared" si="817"/>
        <v>3128.5920000000001</v>
      </c>
      <c r="AGH54" s="7">
        <f t="shared" si="817"/>
        <v>3128.5920000000001</v>
      </c>
      <c r="AGI54" s="7">
        <f t="shared" si="817"/>
        <v>3128.5920000000001</v>
      </c>
      <c r="AGJ54" s="7">
        <f t="shared" si="817"/>
        <v>3128.5920000000001</v>
      </c>
      <c r="AGK54" s="7">
        <f t="shared" si="817"/>
        <v>3128.5920000000001</v>
      </c>
      <c r="AGL54" s="7">
        <f t="shared" si="817"/>
        <v>3128.5920000000001</v>
      </c>
      <c r="AGM54" s="7">
        <f t="shared" si="817"/>
        <v>3128.5920000000001</v>
      </c>
      <c r="AGN54" s="7">
        <f t="shared" si="817"/>
        <v>3128.5920000000001</v>
      </c>
      <c r="AGO54" s="7">
        <f t="shared" si="817"/>
        <v>3128.5920000000001</v>
      </c>
      <c r="AGP54" s="7">
        <f t="shared" si="817"/>
        <v>3128.5920000000001</v>
      </c>
      <c r="AGQ54" s="7">
        <f t="shared" si="817"/>
        <v>3128.5920000000001</v>
      </c>
      <c r="AGR54" s="7">
        <f t="shared" si="817"/>
        <v>3128.5920000000001</v>
      </c>
      <c r="AGS54" s="7">
        <f t="shared" si="817"/>
        <v>3128.5920000000001</v>
      </c>
      <c r="AGT54" s="7">
        <f t="shared" si="817"/>
        <v>3128.5920000000001</v>
      </c>
      <c r="AGU54" s="7">
        <f t="shared" si="817"/>
        <v>3128.5920000000001</v>
      </c>
      <c r="AGV54" s="7">
        <f t="shared" si="817"/>
        <v>3128.5920000000001</v>
      </c>
      <c r="AGW54" s="7">
        <f t="shared" si="817"/>
        <v>3128.5920000000001</v>
      </c>
      <c r="AGX54" s="7">
        <f t="shared" si="817"/>
        <v>3128.5920000000001</v>
      </c>
      <c r="AGY54" s="7">
        <f t="shared" si="817"/>
        <v>3128.5920000000001</v>
      </c>
      <c r="AGZ54" s="7">
        <f t="shared" si="817"/>
        <v>3128.5920000000001</v>
      </c>
      <c r="AHA54" s="7">
        <f t="shared" si="817"/>
        <v>3128.5920000000001</v>
      </c>
      <c r="AHB54" s="7">
        <f t="shared" si="817"/>
        <v>3128.5920000000001</v>
      </c>
      <c r="AHC54" s="7">
        <f t="shared" si="817"/>
        <v>3128.5920000000001</v>
      </c>
      <c r="AHD54" s="7">
        <f t="shared" si="817"/>
        <v>3128.5920000000001</v>
      </c>
      <c r="AHE54" s="7">
        <f t="shared" si="817"/>
        <v>3128.5920000000001</v>
      </c>
      <c r="AHF54" s="7">
        <f t="shared" si="817"/>
        <v>3128.5920000000001</v>
      </c>
      <c r="AHG54" s="7">
        <f t="shared" si="817"/>
        <v>3128.5920000000001</v>
      </c>
      <c r="AHH54" s="7">
        <f t="shared" si="817"/>
        <v>3128.5920000000001</v>
      </c>
      <c r="AHI54" s="7">
        <f t="shared" si="817"/>
        <v>3128.5920000000001</v>
      </c>
      <c r="AHJ54" s="7">
        <f t="shared" si="817"/>
        <v>3128.5920000000001</v>
      </c>
      <c r="AHK54" s="7">
        <f t="shared" si="817"/>
        <v>3128.5920000000001</v>
      </c>
      <c r="AHL54" s="7">
        <f t="shared" si="817"/>
        <v>3128.5920000000001</v>
      </c>
      <c r="AHM54" s="7">
        <f t="shared" si="817"/>
        <v>3128.5920000000001</v>
      </c>
      <c r="AHN54" s="7">
        <f t="shared" si="817"/>
        <v>3128.5920000000001</v>
      </c>
      <c r="AHO54" s="7">
        <f t="shared" si="817"/>
        <v>3128.5920000000001</v>
      </c>
      <c r="AHP54" s="7">
        <f t="shared" si="817"/>
        <v>3128.5920000000001</v>
      </c>
      <c r="AHQ54" s="7">
        <f t="shared" si="817"/>
        <v>3128.5920000000001</v>
      </c>
      <c r="AHR54" s="7">
        <f t="shared" si="817"/>
        <v>3128.5920000000001</v>
      </c>
      <c r="AHS54" s="7">
        <f t="shared" si="817"/>
        <v>3128.5920000000001</v>
      </c>
      <c r="AHT54" s="7">
        <f t="shared" si="817"/>
        <v>3128.5920000000001</v>
      </c>
      <c r="AHU54" s="7">
        <f t="shared" si="817"/>
        <v>3128.5920000000001</v>
      </c>
      <c r="AHV54" s="7">
        <f t="shared" ref="AHV54:AKG54" si="818">AHV49+AHU54</f>
        <v>3128.5920000000001</v>
      </c>
      <c r="AHW54" s="7">
        <f t="shared" si="818"/>
        <v>3128.5920000000001</v>
      </c>
      <c r="AHX54" s="7">
        <f t="shared" si="818"/>
        <v>3128.5920000000001</v>
      </c>
      <c r="AHY54" s="7">
        <f t="shared" si="818"/>
        <v>3128.5920000000001</v>
      </c>
      <c r="AHZ54" s="7">
        <f t="shared" si="818"/>
        <v>3128.5920000000001</v>
      </c>
      <c r="AIA54" s="7">
        <f t="shared" si="818"/>
        <v>3128.5920000000001</v>
      </c>
      <c r="AIB54" s="7">
        <f t="shared" si="818"/>
        <v>3128.5920000000001</v>
      </c>
      <c r="AIC54" s="7">
        <f t="shared" si="818"/>
        <v>3128.5920000000001</v>
      </c>
      <c r="AID54" s="7">
        <f t="shared" si="818"/>
        <v>3128.5920000000001</v>
      </c>
      <c r="AIE54" s="7">
        <f t="shared" si="818"/>
        <v>3128.5920000000001</v>
      </c>
      <c r="AIF54" s="7">
        <f t="shared" si="818"/>
        <v>3128.5920000000001</v>
      </c>
      <c r="AIG54" s="7">
        <f t="shared" si="818"/>
        <v>3128.5920000000001</v>
      </c>
      <c r="AIH54" s="7">
        <f t="shared" si="818"/>
        <v>3128.5920000000001</v>
      </c>
      <c r="AII54" s="7">
        <f t="shared" si="818"/>
        <v>3128.5920000000001</v>
      </c>
      <c r="AIJ54" s="7">
        <f t="shared" si="818"/>
        <v>3128.5920000000001</v>
      </c>
      <c r="AIK54" s="7">
        <f t="shared" si="818"/>
        <v>3128.5920000000001</v>
      </c>
      <c r="AIL54" s="7">
        <f t="shared" si="818"/>
        <v>3128.5920000000001</v>
      </c>
      <c r="AIM54" s="7">
        <f t="shared" si="818"/>
        <v>3128.5920000000001</v>
      </c>
      <c r="AIN54" s="7">
        <f t="shared" si="818"/>
        <v>3128.5920000000001</v>
      </c>
      <c r="AIO54" s="7">
        <f t="shared" si="818"/>
        <v>3128.5920000000001</v>
      </c>
      <c r="AIP54" s="7">
        <f t="shared" si="818"/>
        <v>3128.5920000000001</v>
      </c>
      <c r="AIQ54" s="7">
        <f t="shared" si="818"/>
        <v>3128.5920000000001</v>
      </c>
      <c r="AIR54" s="7">
        <f t="shared" si="818"/>
        <v>3128.5920000000001</v>
      </c>
      <c r="AIS54" s="7">
        <f t="shared" si="818"/>
        <v>3128.5920000000001</v>
      </c>
      <c r="AIT54" s="7">
        <f t="shared" si="818"/>
        <v>3128.5920000000001</v>
      </c>
      <c r="AIU54" s="7">
        <f t="shared" si="818"/>
        <v>3128.5920000000001</v>
      </c>
      <c r="AIV54" s="7">
        <f t="shared" si="818"/>
        <v>3128.5920000000001</v>
      </c>
      <c r="AIW54" s="7">
        <f t="shared" si="818"/>
        <v>3128.5920000000001</v>
      </c>
      <c r="AIX54" s="7">
        <f t="shared" si="818"/>
        <v>3128.5920000000001</v>
      </c>
      <c r="AIY54" s="7">
        <f t="shared" si="818"/>
        <v>3128.5920000000001</v>
      </c>
      <c r="AIZ54" s="7">
        <f t="shared" si="818"/>
        <v>3128.5920000000001</v>
      </c>
      <c r="AJA54" s="7">
        <f t="shared" si="818"/>
        <v>3128.5920000000001</v>
      </c>
      <c r="AJB54" s="7">
        <f t="shared" si="818"/>
        <v>3128.5920000000001</v>
      </c>
      <c r="AJC54" s="7">
        <f t="shared" si="818"/>
        <v>3128.5920000000001</v>
      </c>
      <c r="AJD54" s="7">
        <f t="shared" si="818"/>
        <v>3128.5920000000001</v>
      </c>
      <c r="AJE54" s="7">
        <f t="shared" si="818"/>
        <v>3128.5920000000001</v>
      </c>
      <c r="AJF54" s="7">
        <f t="shared" si="818"/>
        <v>3128.5920000000001</v>
      </c>
      <c r="AJG54" s="7">
        <f t="shared" si="818"/>
        <v>3128.5920000000001</v>
      </c>
      <c r="AJH54" s="7">
        <f t="shared" si="818"/>
        <v>3128.5920000000001</v>
      </c>
      <c r="AJI54" s="7">
        <f t="shared" si="818"/>
        <v>3128.5920000000001</v>
      </c>
      <c r="AJJ54" s="7">
        <f t="shared" si="818"/>
        <v>3128.5920000000001</v>
      </c>
      <c r="AJK54" s="7">
        <f t="shared" si="818"/>
        <v>3128.5920000000001</v>
      </c>
      <c r="AJL54" s="7">
        <f t="shared" si="818"/>
        <v>3128.5920000000001</v>
      </c>
      <c r="AJM54" s="7">
        <f t="shared" si="818"/>
        <v>3128.5920000000001</v>
      </c>
      <c r="AJN54" s="7">
        <f t="shared" si="818"/>
        <v>3128.5920000000001</v>
      </c>
      <c r="AJO54" s="7">
        <f t="shared" si="818"/>
        <v>3128.5920000000001</v>
      </c>
      <c r="AJP54" s="7">
        <f t="shared" si="818"/>
        <v>3128.5920000000001</v>
      </c>
      <c r="AJQ54" s="7">
        <f t="shared" si="818"/>
        <v>3128.5920000000001</v>
      </c>
      <c r="AJR54" s="7">
        <f t="shared" si="818"/>
        <v>3128.5920000000001</v>
      </c>
      <c r="AJS54" s="7">
        <f t="shared" si="818"/>
        <v>3128.5920000000001</v>
      </c>
      <c r="AJT54" s="7">
        <f t="shared" si="818"/>
        <v>3128.5920000000001</v>
      </c>
      <c r="AJU54" s="7">
        <f t="shared" si="818"/>
        <v>3128.5920000000001</v>
      </c>
      <c r="AJV54" s="7">
        <f t="shared" si="818"/>
        <v>3128.5920000000001</v>
      </c>
      <c r="AJW54" s="7">
        <f t="shared" si="818"/>
        <v>3128.5920000000001</v>
      </c>
      <c r="AJX54" s="7">
        <f t="shared" si="818"/>
        <v>3128.5920000000001</v>
      </c>
      <c r="AJY54" s="7">
        <f t="shared" si="818"/>
        <v>3128.5920000000001</v>
      </c>
      <c r="AJZ54" s="7">
        <f t="shared" si="818"/>
        <v>3128.5920000000001</v>
      </c>
      <c r="AKA54" s="7">
        <f t="shared" si="818"/>
        <v>3128.5920000000001</v>
      </c>
      <c r="AKB54" s="7">
        <f t="shared" si="818"/>
        <v>3128.5920000000001</v>
      </c>
      <c r="AKC54" s="7">
        <f t="shared" si="818"/>
        <v>3128.5920000000001</v>
      </c>
      <c r="AKD54" s="7">
        <f t="shared" si="818"/>
        <v>3128.5920000000001</v>
      </c>
      <c r="AKE54" s="7">
        <f t="shared" si="818"/>
        <v>3128.5920000000001</v>
      </c>
      <c r="AKF54" s="7">
        <f t="shared" si="818"/>
        <v>3128.5920000000001</v>
      </c>
      <c r="AKG54" s="7">
        <f t="shared" si="818"/>
        <v>3128.5920000000001</v>
      </c>
      <c r="AKH54" s="7">
        <f t="shared" ref="AKH54:AMS54" si="819">AKH49+AKG54</f>
        <v>3128.5920000000001</v>
      </c>
      <c r="AKI54" s="7">
        <f t="shared" si="819"/>
        <v>3128.5920000000001</v>
      </c>
      <c r="AKJ54" s="7">
        <f t="shared" si="819"/>
        <v>3128.5920000000001</v>
      </c>
      <c r="AKK54" s="7">
        <f t="shared" si="819"/>
        <v>3128.5920000000001</v>
      </c>
      <c r="AKL54" s="7">
        <f t="shared" si="819"/>
        <v>3128.5920000000001</v>
      </c>
      <c r="AKM54" s="7">
        <f t="shared" si="819"/>
        <v>3128.5920000000001</v>
      </c>
      <c r="AKN54" s="7">
        <f t="shared" si="819"/>
        <v>3128.5920000000001</v>
      </c>
      <c r="AKO54" s="7">
        <f t="shared" si="819"/>
        <v>3128.5920000000001</v>
      </c>
      <c r="AKP54" s="7">
        <f t="shared" si="819"/>
        <v>3128.5920000000001</v>
      </c>
      <c r="AKQ54" s="7">
        <f t="shared" si="819"/>
        <v>3128.5920000000001</v>
      </c>
      <c r="AKR54" s="7">
        <f t="shared" si="819"/>
        <v>3128.5920000000001</v>
      </c>
      <c r="AKS54" s="7">
        <f t="shared" si="819"/>
        <v>3128.5920000000001</v>
      </c>
      <c r="AKT54" s="7">
        <f t="shared" si="819"/>
        <v>3128.5920000000001</v>
      </c>
      <c r="AKU54" s="7">
        <f t="shared" si="819"/>
        <v>3128.5920000000001</v>
      </c>
      <c r="AKV54" s="7">
        <f t="shared" si="819"/>
        <v>3128.5920000000001</v>
      </c>
      <c r="AKW54" s="7">
        <f t="shared" si="819"/>
        <v>3128.5920000000001</v>
      </c>
      <c r="AKX54" s="7">
        <f t="shared" si="819"/>
        <v>3128.5920000000001</v>
      </c>
      <c r="AKY54" s="7">
        <f t="shared" si="819"/>
        <v>3128.5920000000001</v>
      </c>
      <c r="AKZ54" s="7">
        <f t="shared" si="819"/>
        <v>3128.5920000000001</v>
      </c>
      <c r="ALA54" s="7">
        <f t="shared" si="819"/>
        <v>3128.5920000000001</v>
      </c>
      <c r="ALB54" s="7">
        <f t="shared" si="819"/>
        <v>3128.5920000000001</v>
      </c>
      <c r="ALC54" s="7">
        <f t="shared" si="819"/>
        <v>3128.5920000000001</v>
      </c>
      <c r="ALD54" s="7">
        <f t="shared" si="819"/>
        <v>3128.5920000000001</v>
      </c>
      <c r="ALE54" s="7">
        <f t="shared" si="819"/>
        <v>3128.5920000000001</v>
      </c>
      <c r="ALF54" s="7">
        <f t="shared" si="819"/>
        <v>3128.5920000000001</v>
      </c>
      <c r="ALG54" s="7">
        <f t="shared" si="819"/>
        <v>3128.5920000000001</v>
      </c>
      <c r="ALH54" s="7">
        <f t="shared" si="819"/>
        <v>3128.5920000000001</v>
      </c>
      <c r="ALI54" s="7">
        <f t="shared" si="819"/>
        <v>3128.5920000000001</v>
      </c>
      <c r="ALJ54" s="7">
        <f t="shared" si="819"/>
        <v>3128.5920000000001</v>
      </c>
      <c r="ALK54" s="7">
        <f t="shared" si="819"/>
        <v>3128.5920000000001</v>
      </c>
      <c r="ALL54" s="7">
        <f t="shared" si="819"/>
        <v>3128.5920000000001</v>
      </c>
      <c r="ALM54" s="7">
        <f t="shared" si="819"/>
        <v>3128.5920000000001</v>
      </c>
      <c r="ALN54" s="7">
        <f t="shared" si="819"/>
        <v>3128.5920000000001</v>
      </c>
      <c r="ALO54" s="7">
        <f t="shared" si="819"/>
        <v>3128.5920000000001</v>
      </c>
      <c r="ALP54" s="7">
        <f t="shared" si="819"/>
        <v>3128.5920000000001</v>
      </c>
      <c r="ALQ54" s="7">
        <f t="shared" si="819"/>
        <v>3128.5920000000001</v>
      </c>
      <c r="ALR54" s="7">
        <f t="shared" si="819"/>
        <v>3128.5920000000001</v>
      </c>
      <c r="ALS54" s="7">
        <f t="shared" si="819"/>
        <v>3128.5920000000001</v>
      </c>
      <c r="ALT54" s="7">
        <f t="shared" si="819"/>
        <v>3128.5920000000001</v>
      </c>
      <c r="ALU54" s="7">
        <f t="shared" si="819"/>
        <v>3128.5920000000001</v>
      </c>
      <c r="ALV54" s="7">
        <f t="shared" si="819"/>
        <v>3128.5920000000001</v>
      </c>
      <c r="ALW54" s="7">
        <f t="shared" si="819"/>
        <v>3128.5920000000001</v>
      </c>
      <c r="ALX54" s="7">
        <f t="shared" si="819"/>
        <v>3128.5920000000001</v>
      </c>
      <c r="ALY54" s="7">
        <f t="shared" si="819"/>
        <v>3128.5920000000001</v>
      </c>
      <c r="ALZ54" s="7">
        <f t="shared" si="819"/>
        <v>3128.5920000000001</v>
      </c>
      <c r="AMA54" s="7">
        <f t="shared" si="819"/>
        <v>3128.5920000000001</v>
      </c>
      <c r="AMB54" s="7">
        <f t="shared" si="819"/>
        <v>3128.5920000000001</v>
      </c>
      <c r="AMC54" s="7">
        <f t="shared" si="819"/>
        <v>3128.5920000000001</v>
      </c>
      <c r="AMD54" s="7">
        <f t="shared" si="819"/>
        <v>3128.5920000000001</v>
      </c>
      <c r="AME54" s="7">
        <f t="shared" si="819"/>
        <v>3128.5920000000001</v>
      </c>
      <c r="AMF54" s="7">
        <f t="shared" si="819"/>
        <v>3128.5920000000001</v>
      </c>
      <c r="AMG54" s="7">
        <f t="shared" si="819"/>
        <v>3128.5920000000001</v>
      </c>
      <c r="AMH54" s="7">
        <f t="shared" si="819"/>
        <v>3128.5920000000001</v>
      </c>
      <c r="AMI54" s="7">
        <f t="shared" si="819"/>
        <v>3128.5920000000001</v>
      </c>
      <c r="AMJ54" s="7">
        <f t="shared" si="819"/>
        <v>3128.5920000000001</v>
      </c>
      <c r="AMK54" s="7">
        <f t="shared" si="819"/>
        <v>3128.5920000000001</v>
      </c>
      <c r="AML54" s="7">
        <f t="shared" si="819"/>
        <v>3128.5920000000001</v>
      </c>
      <c r="AMM54" s="7">
        <f t="shared" si="819"/>
        <v>3128.5920000000001</v>
      </c>
      <c r="AMN54" s="7">
        <f t="shared" si="819"/>
        <v>3128.5920000000001</v>
      </c>
      <c r="AMO54" s="7">
        <f t="shared" si="819"/>
        <v>3128.5920000000001</v>
      </c>
      <c r="AMP54" s="7">
        <f t="shared" si="819"/>
        <v>3128.5920000000001</v>
      </c>
      <c r="AMQ54" s="7">
        <f t="shared" si="819"/>
        <v>3128.5920000000001</v>
      </c>
      <c r="AMR54" s="7">
        <f t="shared" si="819"/>
        <v>3128.5920000000001</v>
      </c>
      <c r="AMS54" s="7">
        <f t="shared" si="819"/>
        <v>3128.5920000000001</v>
      </c>
      <c r="AMT54" s="7">
        <f t="shared" ref="AMT54:APE54" si="820">AMT49+AMS54</f>
        <v>3128.5920000000001</v>
      </c>
      <c r="AMU54" s="7">
        <f t="shared" si="820"/>
        <v>3128.5920000000001</v>
      </c>
      <c r="AMV54" s="7">
        <f t="shared" si="820"/>
        <v>3128.5920000000001</v>
      </c>
      <c r="AMW54" s="7">
        <f t="shared" si="820"/>
        <v>3128.5920000000001</v>
      </c>
      <c r="AMX54" s="7">
        <f t="shared" si="820"/>
        <v>3128.5920000000001</v>
      </c>
      <c r="AMY54" s="7">
        <f t="shared" si="820"/>
        <v>3128.5920000000001</v>
      </c>
      <c r="AMZ54" s="7">
        <f t="shared" si="820"/>
        <v>3128.5920000000001</v>
      </c>
      <c r="ANA54" s="7">
        <f t="shared" si="820"/>
        <v>3128.5920000000001</v>
      </c>
      <c r="ANB54" s="7">
        <f t="shared" si="820"/>
        <v>3128.5920000000001</v>
      </c>
      <c r="ANC54" s="7">
        <f t="shared" si="820"/>
        <v>3128.5920000000001</v>
      </c>
      <c r="AND54" s="7">
        <f t="shared" si="820"/>
        <v>3128.5920000000001</v>
      </c>
      <c r="ANE54" s="7">
        <f t="shared" si="820"/>
        <v>3128.5920000000001</v>
      </c>
      <c r="ANF54" s="7">
        <f t="shared" si="820"/>
        <v>3128.5920000000001</v>
      </c>
      <c r="ANG54" s="7">
        <f t="shared" si="820"/>
        <v>3128.5920000000001</v>
      </c>
      <c r="ANH54" s="7">
        <f t="shared" si="820"/>
        <v>3128.5920000000001</v>
      </c>
      <c r="ANI54" s="7">
        <f t="shared" si="820"/>
        <v>3128.5920000000001</v>
      </c>
      <c r="ANJ54" s="7">
        <f t="shared" si="820"/>
        <v>3128.5920000000001</v>
      </c>
      <c r="ANK54" s="7">
        <f t="shared" si="820"/>
        <v>3128.5920000000001</v>
      </c>
      <c r="ANL54" s="7">
        <f t="shared" si="820"/>
        <v>3128.5920000000001</v>
      </c>
      <c r="ANM54" s="7">
        <f t="shared" si="820"/>
        <v>3128.5920000000001</v>
      </c>
      <c r="ANN54" s="7">
        <f t="shared" si="820"/>
        <v>3128.5920000000001</v>
      </c>
      <c r="ANO54" s="7">
        <f t="shared" si="820"/>
        <v>3128.5920000000001</v>
      </c>
      <c r="ANP54" s="7">
        <f t="shared" si="820"/>
        <v>3128.5920000000001</v>
      </c>
      <c r="ANQ54" s="7">
        <f t="shared" si="820"/>
        <v>3128.5920000000001</v>
      </c>
      <c r="ANR54" s="7">
        <f t="shared" si="820"/>
        <v>3128.5920000000001</v>
      </c>
      <c r="ANS54" s="7">
        <f t="shared" si="820"/>
        <v>3128.5920000000001</v>
      </c>
      <c r="ANT54" s="7">
        <f t="shared" si="820"/>
        <v>3128.5920000000001</v>
      </c>
      <c r="ANU54" s="7">
        <f t="shared" si="820"/>
        <v>3128.5920000000001</v>
      </c>
      <c r="ANV54" s="7">
        <f t="shared" si="820"/>
        <v>3128.5920000000001</v>
      </c>
      <c r="ANW54" s="7">
        <f t="shared" si="820"/>
        <v>3128.5920000000001</v>
      </c>
      <c r="ANX54" s="7">
        <f t="shared" si="820"/>
        <v>3128.5920000000001</v>
      </c>
      <c r="ANY54" s="7">
        <f t="shared" si="820"/>
        <v>3128.5920000000001</v>
      </c>
      <c r="ANZ54" s="7">
        <f t="shared" si="820"/>
        <v>3128.5920000000001</v>
      </c>
      <c r="AOA54" s="7">
        <f t="shared" si="820"/>
        <v>3128.5920000000001</v>
      </c>
      <c r="AOB54" s="7">
        <f t="shared" si="820"/>
        <v>3128.5920000000001</v>
      </c>
      <c r="AOC54" s="7">
        <f t="shared" si="820"/>
        <v>3128.5920000000001</v>
      </c>
      <c r="AOD54" s="7">
        <f t="shared" si="820"/>
        <v>3128.5920000000001</v>
      </c>
      <c r="AOE54" s="7">
        <f t="shared" si="820"/>
        <v>3128.5920000000001</v>
      </c>
      <c r="AOF54" s="7">
        <f t="shared" si="820"/>
        <v>3128.5920000000001</v>
      </c>
      <c r="AOG54" s="7">
        <f t="shared" si="820"/>
        <v>3128.5920000000001</v>
      </c>
      <c r="AOH54" s="7">
        <f t="shared" si="820"/>
        <v>3128.5920000000001</v>
      </c>
      <c r="AOI54" s="7">
        <f t="shared" si="820"/>
        <v>3128.5920000000001</v>
      </c>
      <c r="AOJ54" s="7">
        <f t="shared" si="820"/>
        <v>3128.5920000000001</v>
      </c>
      <c r="AOK54" s="7">
        <f t="shared" si="820"/>
        <v>3128.5920000000001</v>
      </c>
      <c r="AOL54" s="7">
        <f t="shared" si="820"/>
        <v>3128.5920000000001</v>
      </c>
      <c r="AOM54" s="7">
        <f t="shared" si="820"/>
        <v>3128.5920000000001</v>
      </c>
      <c r="AON54" s="7">
        <f t="shared" si="820"/>
        <v>3128.5920000000001</v>
      </c>
      <c r="AOO54" s="7">
        <f t="shared" si="820"/>
        <v>3128.5920000000001</v>
      </c>
      <c r="AOP54" s="7">
        <f t="shared" si="820"/>
        <v>3128.5920000000001</v>
      </c>
      <c r="AOQ54" s="7">
        <f t="shared" si="820"/>
        <v>3128.5920000000001</v>
      </c>
      <c r="AOR54" s="7">
        <f t="shared" si="820"/>
        <v>3128.5920000000001</v>
      </c>
      <c r="AOS54" s="7">
        <f t="shared" si="820"/>
        <v>3128.5920000000001</v>
      </c>
      <c r="AOT54" s="7">
        <f t="shared" si="820"/>
        <v>3128.5920000000001</v>
      </c>
      <c r="AOU54" s="7">
        <f t="shared" si="820"/>
        <v>3128.5920000000001</v>
      </c>
      <c r="AOV54" s="7">
        <f t="shared" si="820"/>
        <v>3128.5920000000001</v>
      </c>
      <c r="AOW54" s="7">
        <f t="shared" si="820"/>
        <v>3128.5920000000001</v>
      </c>
      <c r="AOX54" s="7">
        <f t="shared" si="820"/>
        <v>3128.5920000000001</v>
      </c>
      <c r="AOY54" s="7">
        <f t="shared" si="820"/>
        <v>3128.5920000000001</v>
      </c>
      <c r="AOZ54" s="7">
        <f t="shared" si="820"/>
        <v>3128.5920000000001</v>
      </c>
      <c r="APA54" s="7">
        <f t="shared" si="820"/>
        <v>3128.5920000000001</v>
      </c>
      <c r="APB54" s="7">
        <f t="shared" si="820"/>
        <v>3128.5920000000001</v>
      </c>
      <c r="APC54" s="7">
        <f t="shared" si="820"/>
        <v>3128.5920000000001</v>
      </c>
      <c r="APD54" s="7">
        <f t="shared" si="820"/>
        <v>3128.5920000000001</v>
      </c>
      <c r="APE54" s="7">
        <f t="shared" si="820"/>
        <v>3128.5920000000001</v>
      </c>
      <c r="APF54" s="7">
        <f t="shared" ref="APF54:ARQ54" si="821">APF49+APE54</f>
        <v>3128.5920000000001</v>
      </c>
      <c r="APG54" s="7">
        <f t="shared" si="821"/>
        <v>3128.5920000000001</v>
      </c>
      <c r="APH54" s="7">
        <f t="shared" si="821"/>
        <v>3128.5920000000001</v>
      </c>
      <c r="API54" s="7">
        <f t="shared" si="821"/>
        <v>3128.5920000000001</v>
      </c>
      <c r="APJ54" s="7">
        <f t="shared" si="821"/>
        <v>3128.5920000000001</v>
      </c>
      <c r="APK54" s="7">
        <f t="shared" si="821"/>
        <v>3128.5920000000001</v>
      </c>
      <c r="APL54" s="7">
        <f t="shared" si="821"/>
        <v>3128.5920000000001</v>
      </c>
      <c r="APM54" s="7">
        <f t="shared" si="821"/>
        <v>3128.5920000000001</v>
      </c>
      <c r="APN54" s="7">
        <f t="shared" si="821"/>
        <v>3128.5920000000001</v>
      </c>
      <c r="APO54" s="7">
        <f t="shared" si="821"/>
        <v>3128.5920000000001</v>
      </c>
      <c r="APP54" s="7">
        <f t="shared" si="821"/>
        <v>3128.5920000000001</v>
      </c>
      <c r="APQ54" s="7">
        <f t="shared" si="821"/>
        <v>3128.5920000000001</v>
      </c>
      <c r="APR54" s="7">
        <f t="shared" si="821"/>
        <v>3128.5920000000001</v>
      </c>
      <c r="APS54" s="7">
        <f t="shared" si="821"/>
        <v>3128.5920000000001</v>
      </c>
      <c r="APT54" s="7">
        <f t="shared" si="821"/>
        <v>3128.5920000000001</v>
      </c>
      <c r="APU54" s="7">
        <f t="shared" si="821"/>
        <v>3128.5920000000001</v>
      </c>
      <c r="APV54" s="7">
        <f t="shared" si="821"/>
        <v>3128.5920000000001</v>
      </c>
      <c r="APW54" s="7">
        <f t="shared" si="821"/>
        <v>3128.5920000000001</v>
      </c>
      <c r="APX54" s="7">
        <f t="shared" si="821"/>
        <v>3128.5920000000001</v>
      </c>
      <c r="APY54" s="7">
        <f t="shared" si="821"/>
        <v>3128.5920000000001</v>
      </c>
      <c r="APZ54" s="7">
        <f t="shared" si="821"/>
        <v>3128.5920000000001</v>
      </c>
      <c r="AQA54" s="7">
        <f t="shared" si="821"/>
        <v>3128.5920000000001</v>
      </c>
      <c r="AQB54" s="7">
        <f t="shared" si="821"/>
        <v>3128.5920000000001</v>
      </c>
      <c r="AQC54" s="7">
        <f t="shared" si="821"/>
        <v>3128.5920000000001</v>
      </c>
      <c r="AQD54" s="7">
        <f t="shared" si="821"/>
        <v>3128.5920000000001</v>
      </c>
      <c r="AQE54" s="7">
        <f t="shared" si="821"/>
        <v>3128.5920000000001</v>
      </c>
      <c r="AQF54" s="7">
        <f t="shared" si="821"/>
        <v>3128.5920000000001</v>
      </c>
      <c r="AQG54" s="7">
        <f t="shared" si="821"/>
        <v>3128.5920000000001</v>
      </c>
      <c r="AQH54" s="7">
        <f t="shared" si="821"/>
        <v>3128.5920000000001</v>
      </c>
      <c r="AQI54" s="7">
        <f t="shared" si="821"/>
        <v>3128.5920000000001</v>
      </c>
      <c r="AQJ54" s="7">
        <f t="shared" si="821"/>
        <v>3128.5920000000001</v>
      </c>
      <c r="AQK54" s="7">
        <f t="shared" si="821"/>
        <v>3128.5920000000001</v>
      </c>
      <c r="AQL54" s="7">
        <f t="shared" si="821"/>
        <v>3128.5920000000001</v>
      </c>
      <c r="AQM54" s="7">
        <f t="shared" si="821"/>
        <v>3128.5920000000001</v>
      </c>
      <c r="AQN54" s="7">
        <f t="shared" si="821"/>
        <v>3128.5920000000001</v>
      </c>
      <c r="AQO54" s="7">
        <f t="shared" si="821"/>
        <v>3128.5920000000001</v>
      </c>
      <c r="AQP54" s="7">
        <f t="shared" si="821"/>
        <v>3128.5920000000001</v>
      </c>
      <c r="AQQ54" s="7">
        <f t="shared" si="821"/>
        <v>3128.5920000000001</v>
      </c>
      <c r="AQR54" s="7">
        <f t="shared" si="821"/>
        <v>3128.5920000000001</v>
      </c>
      <c r="AQS54" s="7">
        <f t="shared" si="821"/>
        <v>3128.5920000000001</v>
      </c>
      <c r="AQT54" s="7">
        <f t="shared" si="821"/>
        <v>3128.5920000000001</v>
      </c>
      <c r="AQU54" s="7">
        <f t="shared" si="821"/>
        <v>3128.5920000000001</v>
      </c>
      <c r="AQV54" s="7">
        <f t="shared" si="821"/>
        <v>3128.5920000000001</v>
      </c>
      <c r="AQW54" s="7">
        <f t="shared" si="821"/>
        <v>3128.5920000000001</v>
      </c>
      <c r="AQX54" s="7">
        <f t="shared" si="821"/>
        <v>3128.5920000000001</v>
      </c>
      <c r="AQY54" s="7">
        <f t="shared" si="821"/>
        <v>3128.5920000000001</v>
      </c>
      <c r="AQZ54" s="7">
        <f t="shared" si="821"/>
        <v>3128.5920000000001</v>
      </c>
      <c r="ARA54" s="7">
        <f t="shared" si="821"/>
        <v>3128.5920000000001</v>
      </c>
      <c r="ARB54" s="7">
        <f t="shared" si="821"/>
        <v>3128.5920000000001</v>
      </c>
      <c r="ARC54" s="7">
        <f t="shared" si="821"/>
        <v>3128.5920000000001</v>
      </c>
      <c r="ARD54" s="7">
        <f t="shared" si="821"/>
        <v>3128.5920000000001</v>
      </c>
      <c r="ARE54" s="7">
        <f t="shared" si="821"/>
        <v>3128.5920000000001</v>
      </c>
      <c r="ARF54" s="7">
        <f t="shared" si="821"/>
        <v>3128.5920000000001</v>
      </c>
      <c r="ARG54" s="7">
        <f t="shared" si="821"/>
        <v>3128.5920000000001</v>
      </c>
      <c r="ARH54" s="7">
        <f t="shared" si="821"/>
        <v>3128.5920000000001</v>
      </c>
      <c r="ARI54" s="7">
        <f t="shared" si="821"/>
        <v>3128.5920000000001</v>
      </c>
      <c r="ARJ54" s="7">
        <f t="shared" si="821"/>
        <v>3128.5920000000001</v>
      </c>
      <c r="ARK54" s="7">
        <f t="shared" si="821"/>
        <v>3128.5920000000001</v>
      </c>
      <c r="ARL54" s="7">
        <f t="shared" si="821"/>
        <v>3128.5920000000001</v>
      </c>
      <c r="ARM54" s="7">
        <f t="shared" si="821"/>
        <v>3128.5920000000001</v>
      </c>
      <c r="ARN54" s="7">
        <f t="shared" si="821"/>
        <v>3128.5920000000001</v>
      </c>
      <c r="ARO54" s="7">
        <f t="shared" si="821"/>
        <v>3128.5920000000001</v>
      </c>
      <c r="ARP54" s="7">
        <f t="shared" si="821"/>
        <v>3128.5920000000001</v>
      </c>
      <c r="ARQ54" s="7">
        <f t="shared" si="821"/>
        <v>3128.5920000000001</v>
      </c>
      <c r="ARR54" s="7">
        <f t="shared" ref="ARR54:AUC54" si="822">ARR49+ARQ54</f>
        <v>3128.5920000000001</v>
      </c>
      <c r="ARS54" s="7">
        <f t="shared" si="822"/>
        <v>3128.5920000000001</v>
      </c>
      <c r="ART54" s="7">
        <f t="shared" si="822"/>
        <v>3128.5920000000001</v>
      </c>
      <c r="ARU54" s="7">
        <f t="shared" si="822"/>
        <v>3128.5920000000001</v>
      </c>
      <c r="ARV54" s="7">
        <f t="shared" si="822"/>
        <v>3128.5920000000001</v>
      </c>
      <c r="ARW54" s="7">
        <f t="shared" si="822"/>
        <v>3128.5920000000001</v>
      </c>
      <c r="ARX54" s="7">
        <f t="shared" si="822"/>
        <v>3128.5920000000001</v>
      </c>
      <c r="ARY54" s="7">
        <f t="shared" si="822"/>
        <v>3128.5920000000001</v>
      </c>
      <c r="ARZ54" s="7">
        <f t="shared" si="822"/>
        <v>3128.5920000000001</v>
      </c>
      <c r="ASA54" s="7">
        <f t="shared" si="822"/>
        <v>3128.5920000000001</v>
      </c>
      <c r="ASB54" s="7">
        <f t="shared" si="822"/>
        <v>3128.5920000000001</v>
      </c>
      <c r="ASC54" s="7">
        <f t="shared" si="822"/>
        <v>3128.5920000000001</v>
      </c>
      <c r="ASD54" s="7">
        <f t="shared" si="822"/>
        <v>3128.5920000000001</v>
      </c>
      <c r="ASE54" s="7">
        <f t="shared" si="822"/>
        <v>3128.5920000000001</v>
      </c>
      <c r="ASF54" s="7">
        <f t="shared" si="822"/>
        <v>3128.5920000000001</v>
      </c>
      <c r="ASG54" s="7">
        <f t="shared" si="822"/>
        <v>3128.5920000000001</v>
      </c>
      <c r="ASH54" s="7">
        <f t="shared" si="822"/>
        <v>3128.5920000000001</v>
      </c>
      <c r="ASI54" s="7">
        <f t="shared" si="822"/>
        <v>3128.5920000000001</v>
      </c>
      <c r="ASJ54" s="7">
        <f t="shared" si="822"/>
        <v>3128.5920000000001</v>
      </c>
      <c r="ASK54" s="7">
        <f t="shared" si="822"/>
        <v>3128.5920000000001</v>
      </c>
      <c r="ASL54" s="7">
        <f t="shared" si="822"/>
        <v>3128.5920000000001</v>
      </c>
      <c r="ASM54" s="7">
        <f t="shared" si="822"/>
        <v>3128.5920000000001</v>
      </c>
      <c r="ASN54" s="7">
        <f t="shared" si="822"/>
        <v>3128.5920000000001</v>
      </c>
      <c r="ASO54" s="7">
        <f t="shared" si="822"/>
        <v>3128.5920000000001</v>
      </c>
      <c r="ASP54" s="7">
        <f t="shared" si="822"/>
        <v>3128.5920000000001</v>
      </c>
      <c r="ASQ54" s="7">
        <f t="shared" si="822"/>
        <v>3128.5920000000001</v>
      </c>
      <c r="ASR54" s="7">
        <f t="shared" si="822"/>
        <v>3128.5920000000001</v>
      </c>
      <c r="ASS54" s="7">
        <f t="shared" si="822"/>
        <v>3128.5920000000001</v>
      </c>
      <c r="AST54" s="7">
        <f t="shared" si="822"/>
        <v>3128.5920000000001</v>
      </c>
      <c r="ASU54" s="7">
        <f t="shared" si="822"/>
        <v>3128.5920000000001</v>
      </c>
      <c r="ASV54" s="7">
        <f t="shared" si="822"/>
        <v>3128.5920000000001</v>
      </c>
      <c r="ASW54" s="7">
        <f t="shared" si="822"/>
        <v>3128.5920000000001</v>
      </c>
      <c r="ASX54" s="7">
        <f t="shared" si="822"/>
        <v>3128.5920000000001</v>
      </c>
      <c r="ASY54" s="7">
        <f t="shared" si="822"/>
        <v>3128.5920000000001</v>
      </c>
      <c r="ASZ54" s="7">
        <f t="shared" si="822"/>
        <v>3128.5920000000001</v>
      </c>
      <c r="ATA54" s="7">
        <f t="shared" si="822"/>
        <v>3128.5920000000001</v>
      </c>
      <c r="ATB54" s="7">
        <f t="shared" si="822"/>
        <v>3128.5920000000001</v>
      </c>
      <c r="ATC54" s="7">
        <f t="shared" si="822"/>
        <v>3128.5920000000001</v>
      </c>
      <c r="ATD54" s="7">
        <f t="shared" si="822"/>
        <v>3128.5920000000001</v>
      </c>
      <c r="ATE54" s="7">
        <f t="shared" si="822"/>
        <v>3128.5920000000001</v>
      </c>
      <c r="ATF54" s="7">
        <f t="shared" si="822"/>
        <v>3128.5920000000001</v>
      </c>
      <c r="ATG54" s="7">
        <f t="shared" si="822"/>
        <v>3128.5920000000001</v>
      </c>
      <c r="ATH54" s="7">
        <f t="shared" si="822"/>
        <v>3128.5920000000001</v>
      </c>
      <c r="ATI54" s="7">
        <f t="shared" si="822"/>
        <v>3128.5920000000001</v>
      </c>
      <c r="ATJ54" s="7">
        <f t="shared" si="822"/>
        <v>3128.5920000000001</v>
      </c>
      <c r="ATK54" s="7">
        <f t="shared" si="822"/>
        <v>3128.5920000000001</v>
      </c>
      <c r="ATL54" s="7">
        <f t="shared" si="822"/>
        <v>3128.5920000000001</v>
      </c>
      <c r="ATM54" s="7">
        <f t="shared" si="822"/>
        <v>3128.5920000000001</v>
      </c>
      <c r="ATN54" s="7">
        <f t="shared" si="822"/>
        <v>3128.5920000000001</v>
      </c>
      <c r="ATO54" s="7">
        <f t="shared" si="822"/>
        <v>3128.5920000000001</v>
      </c>
      <c r="ATP54" s="7">
        <f t="shared" si="822"/>
        <v>3128.5920000000001</v>
      </c>
      <c r="ATQ54" s="7">
        <f t="shared" si="822"/>
        <v>3128.5920000000001</v>
      </c>
      <c r="ATR54" s="7">
        <f t="shared" si="822"/>
        <v>3128.5920000000001</v>
      </c>
      <c r="ATS54" s="7">
        <f t="shared" si="822"/>
        <v>3128.5920000000001</v>
      </c>
      <c r="ATT54" s="7">
        <f t="shared" si="822"/>
        <v>3128.5920000000001</v>
      </c>
      <c r="ATU54" s="7">
        <f t="shared" si="822"/>
        <v>3128.5920000000001</v>
      </c>
      <c r="ATV54" s="7">
        <f t="shared" si="822"/>
        <v>3128.5920000000001</v>
      </c>
      <c r="ATW54" s="7">
        <f t="shared" si="822"/>
        <v>3128.5920000000001</v>
      </c>
      <c r="ATX54" s="7">
        <f t="shared" si="822"/>
        <v>3128.5920000000001</v>
      </c>
      <c r="ATY54" s="7">
        <f t="shared" si="822"/>
        <v>3128.5920000000001</v>
      </c>
      <c r="ATZ54" s="7">
        <f t="shared" si="822"/>
        <v>3128.5920000000001</v>
      </c>
      <c r="AUA54" s="7">
        <f t="shared" si="822"/>
        <v>3128.5920000000001</v>
      </c>
      <c r="AUB54" s="7">
        <f t="shared" si="822"/>
        <v>3128.5920000000001</v>
      </c>
      <c r="AUC54" s="7">
        <f t="shared" si="822"/>
        <v>3128.5920000000001</v>
      </c>
      <c r="AUD54" s="7">
        <f t="shared" ref="AUD54:AWO54" si="823">AUD49+AUC54</f>
        <v>3128.5920000000001</v>
      </c>
      <c r="AUE54" s="7">
        <f t="shared" si="823"/>
        <v>3128.5920000000001</v>
      </c>
      <c r="AUF54" s="7">
        <f t="shared" si="823"/>
        <v>3128.5920000000001</v>
      </c>
      <c r="AUG54" s="7">
        <f t="shared" si="823"/>
        <v>3128.5920000000001</v>
      </c>
      <c r="AUH54" s="7">
        <f t="shared" si="823"/>
        <v>3128.5920000000001</v>
      </c>
      <c r="AUI54" s="7">
        <f t="shared" si="823"/>
        <v>3128.5920000000001</v>
      </c>
      <c r="AUJ54" s="7">
        <f t="shared" si="823"/>
        <v>3128.5920000000001</v>
      </c>
      <c r="AUK54" s="7">
        <f t="shared" si="823"/>
        <v>3128.5920000000001</v>
      </c>
      <c r="AUL54" s="7">
        <f t="shared" si="823"/>
        <v>3128.5920000000001</v>
      </c>
      <c r="AUM54" s="7">
        <f t="shared" si="823"/>
        <v>3128.5920000000001</v>
      </c>
      <c r="AUN54" s="7">
        <f t="shared" si="823"/>
        <v>3128.5920000000001</v>
      </c>
      <c r="AUO54" s="7">
        <f t="shared" si="823"/>
        <v>3128.5920000000001</v>
      </c>
      <c r="AUP54" s="7">
        <f t="shared" si="823"/>
        <v>3128.5920000000001</v>
      </c>
      <c r="AUQ54" s="7">
        <f t="shared" si="823"/>
        <v>3128.5920000000001</v>
      </c>
      <c r="AUR54" s="7">
        <f t="shared" si="823"/>
        <v>3128.5920000000001</v>
      </c>
      <c r="AUS54" s="7">
        <f t="shared" si="823"/>
        <v>3128.5920000000001</v>
      </c>
      <c r="AUT54" s="7">
        <f t="shared" si="823"/>
        <v>3128.5920000000001</v>
      </c>
      <c r="AUU54" s="7">
        <f t="shared" si="823"/>
        <v>3128.5920000000001</v>
      </c>
      <c r="AUV54" s="7">
        <f t="shared" si="823"/>
        <v>3128.5920000000001</v>
      </c>
      <c r="AUW54" s="7">
        <f t="shared" si="823"/>
        <v>3128.5920000000001</v>
      </c>
      <c r="AUX54" s="7">
        <f t="shared" si="823"/>
        <v>3128.5920000000001</v>
      </c>
      <c r="AUY54" s="7">
        <f t="shared" si="823"/>
        <v>3128.5920000000001</v>
      </c>
      <c r="AUZ54" s="7">
        <f t="shared" si="823"/>
        <v>3128.5920000000001</v>
      </c>
      <c r="AVA54" s="7">
        <f t="shared" si="823"/>
        <v>3128.5920000000001</v>
      </c>
      <c r="AVB54" s="7">
        <f t="shared" si="823"/>
        <v>3128.5920000000001</v>
      </c>
      <c r="AVC54" s="7">
        <f t="shared" si="823"/>
        <v>3128.5920000000001</v>
      </c>
      <c r="AVD54" s="7">
        <f t="shared" si="823"/>
        <v>3128.5920000000001</v>
      </c>
      <c r="AVE54" s="7">
        <f t="shared" si="823"/>
        <v>3128.5920000000001</v>
      </c>
      <c r="AVF54" s="7">
        <f t="shared" si="823"/>
        <v>3128.5920000000001</v>
      </c>
      <c r="AVG54" s="7">
        <f t="shared" si="823"/>
        <v>3128.5920000000001</v>
      </c>
      <c r="AVH54" s="7">
        <f t="shared" si="823"/>
        <v>3128.5920000000001</v>
      </c>
      <c r="AVI54" s="7">
        <f t="shared" si="823"/>
        <v>3128.5920000000001</v>
      </c>
      <c r="AVJ54" s="7">
        <f t="shared" si="823"/>
        <v>3128.5920000000001</v>
      </c>
      <c r="AVK54" s="7">
        <f t="shared" si="823"/>
        <v>3128.5920000000001</v>
      </c>
      <c r="AVL54" s="7">
        <f t="shared" si="823"/>
        <v>3128.5920000000001</v>
      </c>
      <c r="AVM54" s="7">
        <f t="shared" si="823"/>
        <v>3128.5920000000001</v>
      </c>
      <c r="AVN54" s="7">
        <f t="shared" si="823"/>
        <v>3128.5920000000001</v>
      </c>
      <c r="AVO54" s="7">
        <f t="shared" si="823"/>
        <v>3128.5920000000001</v>
      </c>
      <c r="AVP54" s="7">
        <f t="shared" si="823"/>
        <v>3128.5920000000001</v>
      </c>
      <c r="AVQ54" s="7">
        <f t="shared" si="823"/>
        <v>3128.5920000000001</v>
      </c>
      <c r="AVR54" s="7">
        <f t="shared" si="823"/>
        <v>3128.5920000000001</v>
      </c>
      <c r="AVS54" s="7">
        <f t="shared" si="823"/>
        <v>3128.5920000000001</v>
      </c>
      <c r="AVT54" s="7">
        <f t="shared" si="823"/>
        <v>3128.5920000000001</v>
      </c>
      <c r="AVU54" s="7">
        <f t="shared" si="823"/>
        <v>3128.5920000000001</v>
      </c>
      <c r="AVV54" s="7">
        <f t="shared" si="823"/>
        <v>3128.5920000000001</v>
      </c>
      <c r="AVW54" s="7">
        <f t="shared" si="823"/>
        <v>3128.5920000000001</v>
      </c>
      <c r="AVX54" s="7">
        <f t="shared" si="823"/>
        <v>3128.5920000000001</v>
      </c>
      <c r="AVY54" s="7">
        <f t="shared" si="823"/>
        <v>3128.5920000000001</v>
      </c>
      <c r="AVZ54" s="7">
        <f t="shared" si="823"/>
        <v>3128.5920000000001</v>
      </c>
      <c r="AWA54" s="7">
        <f t="shared" si="823"/>
        <v>3128.5920000000001</v>
      </c>
      <c r="AWB54" s="7">
        <f t="shared" si="823"/>
        <v>3128.5920000000001</v>
      </c>
      <c r="AWC54" s="7">
        <f t="shared" si="823"/>
        <v>3128.5920000000001</v>
      </c>
      <c r="AWD54" s="7">
        <f t="shared" si="823"/>
        <v>3128.5920000000001</v>
      </c>
      <c r="AWE54" s="7">
        <f t="shared" si="823"/>
        <v>3128.5920000000001</v>
      </c>
      <c r="AWF54" s="7">
        <f t="shared" si="823"/>
        <v>3128.5920000000001</v>
      </c>
      <c r="AWG54" s="7">
        <f t="shared" si="823"/>
        <v>3128.5920000000001</v>
      </c>
      <c r="AWH54" s="7">
        <f t="shared" si="823"/>
        <v>3128.5920000000001</v>
      </c>
      <c r="AWI54" s="7">
        <f t="shared" si="823"/>
        <v>3128.5920000000001</v>
      </c>
      <c r="AWJ54" s="7">
        <f t="shared" si="823"/>
        <v>3128.5920000000001</v>
      </c>
      <c r="AWK54" s="7">
        <f t="shared" si="823"/>
        <v>3128.5920000000001</v>
      </c>
      <c r="AWL54" s="7">
        <f t="shared" si="823"/>
        <v>3128.5920000000001</v>
      </c>
      <c r="AWM54" s="7">
        <f t="shared" si="823"/>
        <v>3128.5920000000001</v>
      </c>
      <c r="AWN54" s="7">
        <f t="shared" si="823"/>
        <v>3128.5920000000001</v>
      </c>
      <c r="AWO54" s="7">
        <f t="shared" si="823"/>
        <v>3128.5920000000001</v>
      </c>
      <c r="AWP54" s="7">
        <f t="shared" ref="AWP54:AZA54" si="824">AWP49+AWO54</f>
        <v>3128.5920000000001</v>
      </c>
      <c r="AWQ54" s="7">
        <f t="shared" si="824"/>
        <v>3128.5920000000001</v>
      </c>
      <c r="AWR54" s="7">
        <f t="shared" si="824"/>
        <v>3128.5920000000001</v>
      </c>
      <c r="AWS54" s="7">
        <f t="shared" si="824"/>
        <v>3128.5920000000001</v>
      </c>
      <c r="AWT54" s="7">
        <f t="shared" si="824"/>
        <v>3128.5920000000001</v>
      </c>
      <c r="AWU54" s="7">
        <f t="shared" si="824"/>
        <v>3128.5920000000001</v>
      </c>
      <c r="AWV54" s="7">
        <f t="shared" si="824"/>
        <v>3128.5920000000001</v>
      </c>
      <c r="AWW54" s="7">
        <f t="shared" si="824"/>
        <v>3128.5920000000001</v>
      </c>
      <c r="AWX54" s="7">
        <f t="shared" si="824"/>
        <v>3128.5920000000001</v>
      </c>
      <c r="AWY54" s="7">
        <f t="shared" si="824"/>
        <v>3128.5920000000001</v>
      </c>
      <c r="AWZ54" s="7">
        <f t="shared" si="824"/>
        <v>3128.5920000000001</v>
      </c>
      <c r="AXA54" s="7">
        <f t="shared" si="824"/>
        <v>3128.5920000000001</v>
      </c>
      <c r="AXB54" s="7">
        <f t="shared" si="824"/>
        <v>3128.5920000000001</v>
      </c>
      <c r="AXC54" s="7">
        <f t="shared" si="824"/>
        <v>3128.5920000000001</v>
      </c>
      <c r="AXD54" s="7">
        <f t="shared" si="824"/>
        <v>3128.5920000000001</v>
      </c>
      <c r="AXE54" s="7">
        <f t="shared" si="824"/>
        <v>3128.5920000000001</v>
      </c>
      <c r="AXF54" s="7">
        <f t="shared" si="824"/>
        <v>3128.5920000000001</v>
      </c>
      <c r="AXG54" s="7">
        <f t="shared" si="824"/>
        <v>3128.5920000000001</v>
      </c>
      <c r="AXH54" s="7">
        <f t="shared" si="824"/>
        <v>3128.5920000000001</v>
      </c>
      <c r="AXI54" s="7">
        <f t="shared" si="824"/>
        <v>3128.5920000000001</v>
      </c>
      <c r="AXJ54" s="7">
        <f t="shared" si="824"/>
        <v>3128.5920000000001</v>
      </c>
      <c r="AXK54" s="7">
        <f t="shared" si="824"/>
        <v>3128.5920000000001</v>
      </c>
      <c r="AXL54" s="7">
        <f t="shared" si="824"/>
        <v>3128.5920000000001</v>
      </c>
      <c r="AXM54" s="7">
        <f t="shared" si="824"/>
        <v>3128.5920000000001</v>
      </c>
      <c r="AXN54" s="7">
        <f t="shared" si="824"/>
        <v>3128.5920000000001</v>
      </c>
      <c r="AXO54" s="7">
        <f t="shared" si="824"/>
        <v>3128.5920000000001</v>
      </c>
      <c r="AXP54" s="7">
        <f t="shared" si="824"/>
        <v>3128.5920000000001</v>
      </c>
      <c r="AXQ54" s="7">
        <f t="shared" si="824"/>
        <v>3128.5920000000001</v>
      </c>
      <c r="AXR54" s="7">
        <f t="shared" si="824"/>
        <v>3128.5920000000001</v>
      </c>
      <c r="AXS54" s="7">
        <f t="shared" si="824"/>
        <v>3128.5920000000001</v>
      </c>
      <c r="AXT54" s="7">
        <f t="shared" si="824"/>
        <v>3128.5920000000001</v>
      </c>
      <c r="AXU54" s="7">
        <f t="shared" si="824"/>
        <v>3128.5920000000001</v>
      </c>
      <c r="AXV54" s="7">
        <f t="shared" si="824"/>
        <v>3128.5920000000001</v>
      </c>
      <c r="AXW54" s="7">
        <f t="shared" si="824"/>
        <v>3128.5920000000001</v>
      </c>
      <c r="AXX54" s="7">
        <f t="shared" si="824"/>
        <v>3128.5920000000001</v>
      </c>
      <c r="AXY54" s="7">
        <f t="shared" si="824"/>
        <v>3128.5920000000001</v>
      </c>
      <c r="AXZ54" s="7">
        <f t="shared" si="824"/>
        <v>3128.5920000000001</v>
      </c>
      <c r="AYA54" s="7">
        <f t="shared" si="824"/>
        <v>3128.5920000000001</v>
      </c>
      <c r="AYB54" s="7">
        <f t="shared" si="824"/>
        <v>3128.5920000000001</v>
      </c>
      <c r="AYC54" s="7">
        <f t="shared" si="824"/>
        <v>3128.5920000000001</v>
      </c>
      <c r="AYD54" s="7">
        <f t="shared" si="824"/>
        <v>3128.5920000000001</v>
      </c>
      <c r="AYE54" s="7">
        <f t="shared" si="824"/>
        <v>3128.5920000000001</v>
      </c>
      <c r="AYF54" s="7">
        <f t="shared" si="824"/>
        <v>3128.5920000000001</v>
      </c>
      <c r="AYG54" s="7">
        <f t="shared" si="824"/>
        <v>3128.5920000000001</v>
      </c>
      <c r="AYH54" s="7">
        <f t="shared" si="824"/>
        <v>3128.5920000000001</v>
      </c>
      <c r="AYI54" s="7">
        <f t="shared" si="824"/>
        <v>3128.5920000000001</v>
      </c>
      <c r="AYJ54" s="7">
        <f t="shared" si="824"/>
        <v>3128.5920000000001</v>
      </c>
      <c r="AYK54" s="7">
        <f t="shared" si="824"/>
        <v>3128.5920000000001</v>
      </c>
      <c r="AYL54" s="7">
        <f t="shared" si="824"/>
        <v>3128.5920000000001</v>
      </c>
      <c r="AYM54" s="7">
        <f t="shared" si="824"/>
        <v>3128.5920000000001</v>
      </c>
      <c r="AYN54" s="7">
        <f t="shared" si="824"/>
        <v>3128.5920000000001</v>
      </c>
      <c r="AYO54" s="7">
        <f t="shared" si="824"/>
        <v>3128.5920000000001</v>
      </c>
      <c r="AYP54" s="7">
        <f t="shared" si="824"/>
        <v>3128.5920000000001</v>
      </c>
      <c r="AYQ54" s="7">
        <f t="shared" si="824"/>
        <v>3128.5920000000001</v>
      </c>
      <c r="AYR54" s="7">
        <f t="shared" si="824"/>
        <v>3128.5920000000001</v>
      </c>
      <c r="AYS54" s="7">
        <f t="shared" si="824"/>
        <v>3128.5920000000001</v>
      </c>
      <c r="AYT54" s="7">
        <f t="shared" si="824"/>
        <v>3128.5920000000001</v>
      </c>
      <c r="AYU54" s="7">
        <f t="shared" si="824"/>
        <v>3128.5920000000001</v>
      </c>
      <c r="AYV54" s="7">
        <f t="shared" si="824"/>
        <v>3128.5920000000001</v>
      </c>
      <c r="AYW54" s="7">
        <f t="shared" si="824"/>
        <v>3128.5920000000001</v>
      </c>
      <c r="AYX54" s="7">
        <f t="shared" si="824"/>
        <v>3128.5920000000001</v>
      </c>
      <c r="AYY54" s="7">
        <f t="shared" si="824"/>
        <v>3128.5920000000001</v>
      </c>
      <c r="AYZ54" s="7">
        <f t="shared" si="824"/>
        <v>3128.5920000000001</v>
      </c>
      <c r="AZA54" s="7">
        <f t="shared" si="824"/>
        <v>3128.5920000000001</v>
      </c>
      <c r="AZB54" s="7">
        <f t="shared" ref="AZB54:BBM54" si="825">AZB49+AZA54</f>
        <v>3128.5920000000001</v>
      </c>
      <c r="AZC54" s="7">
        <f t="shared" si="825"/>
        <v>3128.5920000000001</v>
      </c>
      <c r="AZD54" s="7">
        <f t="shared" si="825"/>
        <v>3128.5920000000001</v>
      </c>
      <c r="AZE54" s="7">
        <f t="shared" si="825"/>
        <v>3128.5920000000001</v>
      </c>
      <c r="AZF54" s="7">
        <f t="shared" si="825"/>
        <v>3128.5920000000001</v>
      </c>
      <c r="AZG54" s="7">
        <f t="shared" si="825"/>
        <v>3128.5920000000001</v>
      </c>
      <c r="AZH54" s="7">
        <f t="shared" si="825"/>
        <v>3128.5920000000001</v>
      </c>
      <c r="AZI54" s="7">
        <f t="shared" si="825"/>
        <v>3128.5920000000001</v>
      </c>
      <c r="AZJ54" s="7">
        <f t="shared" si="825"/>
        <v>3128.5920000000001</v>
      </c>
      <c r="AZK54" s="7">
        <f t="shared" si="825"/>
        <v>3128.5920000000001</v>
      </c>
      <c r="AZL54" s="7">
        <f t="shared" si="825"/>
        <v>3128.5920000000001</v>
      </c>
      <c r="AZM54" s="7">
        <f t="shared" si="825"/>
        <v>3128.5920000000001</v>
      </c>
      <c r="AZN54" s="7">
        <f t="shared" si="825"/>
        <v>3128.5920000000001</v>
      </c>
      <c r="AZO54" s="7">
        <f t="shared" si="825"/>
        <v>3128.5920000000001</v>
      </c>
      <c r="AZP54" s="7">
        <f t="shared" si="825"/>
        <v>3128.5920000000001</v>
      </c>
      <c r="AZQ54" s="7">
        <f t="shared" si="825"/>
        <v>3128.5920000000001</v>
      </c>
      <c r="AZR54" s="7">
        <f t="shared" si="825"/>
        <v>3128.5920000000001</v>
      </c>
      <c r="AZS54" s="7">
        <f t="shared" si="825"/>
        <v>3128.5920000000001</v>
      </c>
      <c r="AZT54" s="7">
        <f t="shared" si="825"/>
        <v>3128.5920000000001</v>
      </c>
      <c r="AZU54" s="7">
        <f t="shared" si="825"/>
        <v>3128.5920000000001</v>
      </c>
      <c r="AZV54" s="7">
        <f t="shared" si="825"/>
        <v>3128.5920000000001</v>
      </c>
      <c r="AZW54" s="7">
        <f t="shared" si="825"/>
        <v>3128.5920000000001</v>
      </c>
      <c r="AZX54" s="7">
        <f t="shared" si="825"/>
        <v>3128.5920000000001</v>
      </c>
      <c r="AZY54" s="7">
        <f t="shared" si="825"/>
        <v>3128.5920000000001</v>
      </c>
      <c r="AZZ54" s="7">
        <f t="shared" si="825"/>
        <v>3128.5920000000001</v>
      </c>
      <c r="BAA54" s="7">
        <f t="shared" si="825"/>
        <v>3128.5920000000001</v>
      </c>
      <c r="BAB54" s="7">
        <f t="shared" si="825"/>
        <v>3128.5920000000001</v>
      </c>
      <c r="BAC54" s="7">
        <f t="shared" si="825"/>
        <v>3128.5920000000001</v>
      </c>
      <c r="BAD54" s="7">
        <f t="shared" si="825"/>
        <v>3128.5920000000001</v>
      </c>
      <c r="BAE54" s="7">
        <f t="shared" si="825"/>
        <v>3128.5920000000001</v>
      </c>
      <c r="BAF54" s="7">
        <f t="shared" si="825"/>
        <v>3128.5920000000001</v>
      </c>
      <c r="BAG54" s="7">
        <f t="shared" si="825"/>
        <v>3128.5920000000001</v>
      </c>
      <c r="BAH54" s="7">
        <f t="shared" si="825"/>
        <v>3128.5920000000001</v>
      </c>
      <c r="BAI54" s="7">
        <f t="shared" si="825"/>
        <v>3128.5920000000001</v>
      </c>
      <c r="BAJ54" s="7">
        <f t="shared" si="825"/>
        <v>3128.5920000000001</v>
      </c>
      <c r="BAK54" s="7">
        <f t="shared" si="825"/>
        <v>3128.5920000000001</v>
      </c>
      <c r="BAL54" s="7">
        <f t="shared" si="825"/>
        <v>3128.5920000000001</v>
      </c>
      <c r="BAM54" s="7">
        <f t="shared" si="825"/>
        <v>3128.5920000000001</v>
      </c>
      <c r="BAN54" s="7">
        <f t="shared" si="825"/>
        <v>3128.5920000000001</v>
      </c>
      <c r="BAO54" s="7">
        <f t="shared" si="825"/>
        <v>3128.5920000000001</v>
      </c>
      <c r="BAP54" s="7">
        <f t="shared" si="825"/>
        <v>3128.5920000000001</v>
      </c>
      <c r="BAQ54" s="7">
        <f t="shared" si="825"/>
        <v>3128.5920000000001</v>
      </c>
      <c r="BAR54" s="7">
        <f t="shared" si="825"/>
        <v>3128.5920000000001</v>
      </c>
      <c r="BAS54" s="7">
        <f t="shared" si="825"/>
        <v>3128.5920000000001</v>
      </c>
      <c r="BAT54" s="7">
        <f t="shared" si="825"/>
        <v>3128.5920000000001</v>
      </c>
      <c r="BAU54" s="7">
        <f t="shared" si="825"/>
        <v>3128.5920000000001</v>
      </c>
      <c r="BAV54" s="7">
        <f t="shared" si="825"/>
        <v>3128.5920000000001</v>
      </c>
      <c r="BAW54" s="7">
        <f t="shared" si="825"/>
        <v>3128.5920000000001</v>
      </c>
      <c r="BAX54" s="7">
        <f t="shared" si="825"/>
        <v>3128.5920000000001</v>
      </c>
      <c r="BAY54" s="7">
        <f t="shared" si="825"/>
        <v>3128.5920000000001</v>
      </c>
      <c r="BAZ54" s="7">
        <f t="shared" si="825"/>
        <v>3128.5920000000001</v>
      </c>
      <c r="BBA54" s="7">
        <f t="shared" si="825"/>
        <v>3128.5920000000001</v>
      </c>
      <c r="BBB54" s="7">
        <f t="shared" si="825"/>
        <v>3128.5920000000001</v>
      </c>
      <c r="BBC54" s="7">
        <f t="shared" si="825"/>
        <v>3128.5920000000001</v>
      </c>
      <c r="BBD54" s="7">
        <f t="shared" si="825"/>
        <v>3128.5920000000001</v>
      </c>
      <c r="BBE54" s="7">
        <f t="shared" si="825"/>
        <v>3128.5920000000001</v>
      </c>
      <c r="BBF54" s="7">
        <f t="shared" si="825"/>
        <v>3128.5920000000001</v>
      </c>
      <c r="BBG54" s="7">
        <f t="shared" si="825"/>
        <v>3128.5920000000001</v>
      </c>
      <c r="BBH54" s="7">
        <f t="shared" si="825"/>
        <v>3128.5920000000001</v>
      </c>
      <c r="BBI54" s="7">
        <f t="shared" si="825"/>
        <v>3128.5920000000001</v>
      </c>
      <c r="BBJ54" s="7">
        <f t="shared" si="825"/>
        <v>3128.5920000000001</v>
      </c>
      <c r="BBK54" s="7">
        <f t="shared" si="825"/>
        <v>3128.5920000000001</v>
      </c>
      <c r="BBL54" s="7">
        <f t="shared" si="825"/>
        <v>3128.5920000000001</v>
      </c>
      <c r="BBM54" s="7">
        <f t="shared" si="825"/>
        <v>3128.5920000000001</v>
      </c>
      <c r="BBN54" s="7">
        <f t="shared" ref="BBN54:BDY54" si="826">BBN49+BBM54</f>
        <v>3128.5920000000001</v>
      </c>
      <c r="BBO54" s="7">
        <f t="shared" si="826"/>
        <v>3128.5920000000001</v>
      </c>
      <c r="BBP54" s="7">
        <f t="shared" si="826"/>
        <v>3128.5920000000001</v>
      </c>
      <c r="BBQ54" s="7">
        <f t="shared" si="826"/>
        <v>3128.5920000000001</v>
      </c>
      <c r="BBR54" s="7">
        <f t="shared" si="826"/>
        <v>3128.5920000000001</v>
      </c>
      <c r="BBS54" s="7">
        <f t="shared" si="826"/>
        <v>3128.5920000000001</v>
      </c>
      <c r="BBT54" s="7">
        <f t="shared" si="826"/>
        <v>3128.5920000000001</v>
      </c>
      <c r="BBU54" s="7">
        <f t="shared" si="826"/>
        <v>3128.5920000000001</v>
      </c>
      <c r="BBV54" s="7">
        <f t="shared" si="826"/>
        <v>3128.5920000000001</v>
      </c>
      <c r="BBW54" s="7">
        <f t="shared" si="826"/>
        <v>3128.5920000000001</v>
      </c>
      <c r="BBX54" s="7">
        <f t="shared" si="826"/>
        <v>3128.5920000000001</v>
      </c>
      <c r="BBY54" s="7">
        <f t="shared" si="826"/>
        <v>3128.5920000000001</v>
      </c>
      <c r="BBZ54" s="7">
        <f t="shared" si="826"/>
        <v>3128.5920000000001</v>
      </c>
      <c r="BCA54" s="7">
        <f t="shared" si="826"/>
        <v>3128.5920000000001</v>
      </c>
      <c r="BCB54" s="7">
        <f t="shared" si="826"/>
        <v>3128.5920000000001</v>
      </c>
      <c r="BCC54" s="7">
        <f t="shared" si="826"/>
        <v>3128.5920000000001</v>
      </c>
      <c r="BCD54" s="7">
        <f t="shared" si="826"/>
        <v>3128.5920000000001</v>
      </c>
      <c r="BCE54" s="7">
        <f t="shared" si="826"/>
        <v>3128.5920000000001</v>
      </c>
      <c r="BCF54" s="7">
        <f t="shared" si="826"/>
        <v>3128.5920000000001</v>
      </c>
      <c r="BCG54" s="7">
        <f t="shared" si="826"/>
        <v>3128.5920000000001</v>
      </c>
      <c r="BCH54" s="7">
        <f t="shared" si="826"/>
        <v>3128.5920000000001</v>
      </c>
      <c r="BCI54" s="7">
        <f t="shared" si="826"/>
        <v>3128.5920000000001</v>
      </c>
      <c r="BCJ54" s="7">
        <f t="shared" si="826"/>
        <v>3128.5920000000001</v>
      </c>
      <c r="BCK54" s="7">
        <f t="shared" si="826"/>
        <v>3128.5920000000001</v>
      </c>
      <c r="BCL54" s="7">
        <f t="shared" si="826"/>
        <v>3128.5920000000001</v>
      </c>
      <c r="BCM54" s="7">
        <f t="shared" si="826"/>
        <v>3128.5920000000001</v>
      </c>
      <c r="BCN54" s="7">
        <f t="shared" si="826"/>
        <v>3128.5920000000001</v>
      </c>
      <c r="BCO54" s="7">
        <f t="shared" si="826"/>
        <v>3128.5920000000001</v>
      </c>
      <c r="BCP54" s="7">
        <f t="shared" si="826"/>
        <v>3128.5920000000001</v>
      </c>
      <c r="BCQ54" s="7">
        <f t="shared" si="826"/>
        <v>3128.5920000000001</v>
      </c>
      <c r="BCR54" s="7">
        <f t="shared" si="826"/>
        <v>3128.5920000000001</v>
      </c>
      <c r="BCS54" s="7">
        <f t="shared" si="826"/>
        <v>3128.5920000000001</v>
      </c>
      <c r="BCT54" s="7">
        <f t="shared" si="826"/>
        <v>3128.5920000000001</v>
      </c>
      <c r="BCU54" s="7">
        <f t="shared" si="826"/>
        <v>3128.5920000000001</v>
      </c>
      <c r="BCV54" s="7">
        <f t="shared" si="826"/>
        <v>3128.5920000000001</v>
      </c>
      <c r="BCW54" s="7">
        <f t="shared" si="826"/>
        <v>3128.5920000000001</v>
      </c>
      <c r="BCX54" s="7">
        <f t="shared" si="826"/>
        <v>3128.5920000000001</v>
      </c>
      <c r="BCY54" s="7">
        <f t="shared" si="826"/>
        <v>3128.5920000000001</v>
      </c>
      <c r="BCZ54" s="7">
        <f t="shared" si="826"/>
        <v>3128.5920000000001</v>
      </c>
      <c r="BDA54" s="7">
        <f t="shared" si="826"/>
        <v>3128.5920000000001</v>
      </c>
      <c r="BDB54" s="7">
        <f t="shared" si="826"/>
        <v>3128.5920000000001</v>
      </c>
      <c r="BDC54" s="7">
        <f t="shared" si="826"/>
        <v>3128.5920000000001</v>
      </c>
      <c r="BDD54" s="7">
        <f t="shared" si="826"/>
        <v>3128.5920000000001</v>
      </c>
      <c r="BDE54" s="7">
        <f t="shared" si="826"/>
        <v>3128.5920000000001</v>
      </c>
      <c r="BDF54" s="7">
        <f t="shared" si="826"/>
        <v>3128.5920000000001</v>
      </c>
      <c r="BDG54" s="7">
        <f t="shared" si="826"/>
        <v>3128.5920000000001</v>
      </c>
      <c r="BDH54" s="7">
        <f t="shared" si="826"/>
        <v>3128.5920000000001</v>
      </c>
      <c r="BDI54" s="7">
        <f t="shared" si="826"/>
        <v>3128.5920000000001</v>
      </c>
      <c r="BDJ54" s="7">
        <f t="shared" si="826"/>
        <v>3128.5920000000001</v>
      </c>
      <c r="BDK54" s="7">
        <f t="shared" si="826"/>
        <v>3128.5920000000001</v>
      </c>
      <c r="BDL54" s="7">
        <f t="shared" si="826"/>
        <v>3128.5920000000001</v>
      </c>
      <c r="BDM54" s="7">
        <f t="shared" si="826"/>
        <v>3128.5920000000001</v>
      </c>
      <c r="BDN54" s="7">
        <f t="shared" si="826"/>
        <v>3128.5920000000001</v>
      </c>
      <c r="BDO54" s="7">
        <f t="shared" si="826"/>
        <v>3128.5920000000001</v>
      </c>
      <c r="BDP54" s="7">
        <f t="shared" si="826"/>
        <v>3128.5920000000001</v>
      </c>
      <c r="BDQ54" s="7">
        <f t="shared" si="826"/>
        <v>3128.5920000000001</v>
      </c>
      <c r="BDR54" s="7">
        <f t="shared" si="826"/>
        <v>3128.5920000000001</v>
      </c>
      <c r="BDS54" s="7">
        <f t="shared" si="826"/>
        <v>3128.5920000000001</v>
      </c>
      <c r="BDT54" s="7">
        <f t="shared" si="826"/>
        <v>3128.5920000000001</v>
      </c>
      <c r="BDU54" s="7">
        <f t="shared" si="826"/>
        <v>3128.5920000000001</v>
      </c>
      <c r="BDV54" s="7">
        <f t="shared" si="826"/>
        <v>3128.5920000000001</v>
      </c>
      <c r="BDW54" s="7">
        <f t="shared" si="826"/>
        <v>3128.5920000000001</v>
      </c>
      <c r="BDX54" s="7">
        <f t="shared" si="826"/>
        <v>3128.5920000000001</v>
      </c>
      <c r="BDY54" s="7">
        <f t="shared" si="826"/>
        <v>3128.5920000000001</v>
      </c>
      <c r="BDZ54" s="7">
        <f t="shared" ref="BDZ54:BGK54" si="827">BDZ49+BDY54</f>
        <v>3128.5920000000001</v>
      </c>
      <c r="BEA54" s="7">
        <f t="shared" si="827"/>
        <v>3128.5920000000001</v>
      </c>
      <c r="BEB54" s="7">
        <f t="shared" si="827"/>
        <v>3128.5920000000001</v>
      </c>
      <c r="BEC54" s="7">
        <f t="shared" si="827"/>
        <v>3128.5920000000001</v>
      </c>
      <c r="BED54" s="7">
        <f t="shared" si="827"/>
        <v>3128.5920000000001</v>
      </c>
      <c r="BEE54" s="7">
        <f t="shared" si="827"/>
        <v>3128.5920000000001</v>
      </c>
      <c r="BEF54" s="7">
        <f t="shared" si="827"/>
        <v>3128.5920000000001</v>
      </c>
      <c r="BEG54" s="7">
        <f t="shared" si="827"/>
        <v>3128.5920000000001</v>
      </c>
      <c r="BEH54" s="7">
        <f t="shared" si="827"/>
        <v>3128.5920000000001</v>
      </c>
      <c r="BEI54" s="7">
        <f t="shared" si="827"/>
        <v>3128.5920000000001</v>
      </c>
      <c r="BEJ54" s="7">
        <f t="shared" si="827"/>
        <v>3128.5920000000001</v>
      </c>
      <c r="BEK54" s="7">
        <f t="shared" si="827"/>
        <v>3128.5920000000001</v>
      </c>
      <c r="BEL54" s="7">
        <f t="shared" si="827"/>
        <v>3128.5920000000001</v>
      </c>
      <c r="BEM54" s="7">
        <f t="shared" si="827"/>
        <v>3128.5920000000001</v>
      </c>
      <c r="BEN54" s="7">
        <f t="shared" si="827"/>
        <v>3128.5920000000001</v>
      </c>
      <c r="BEO54" s="7">
        <f t="shared" si="827"/>
        <v>3128.5920000000001</v>
      </c>
      <c r="BEP54" s="7">
        <f t="shared" si="827"/>
        <v>3128.5920000000001</v>
      </c>
      <c r="BEQ54" s="7">
        <f t="shared" si="827"/>
        <v>3128.5920000000001</v>
      </c>
      <c r="BER54" s="7">
        <f t="shared" si="827"/>
        <v>3128.5920000000001</v>
      </c>
      <c r="BES54" s="7">
        <f t="shared" si="827"/>
        <v>3128.5920000000001</v>
      </c>
      <c r="BET54" s="7">
        <f t="shared" si="827"/>
        <v>3128.5920000000001</v>
      </c>
      <c r="BEU54" s="7">
        <f t="shared" si="827"/>
        <v>3128.5920000000001</v>
      </c>
      <c r="BEV54" s="7">
        <f t="shared" si="827"/>
        <v>3128.5920000000001</v>
      </c>
      <c r="BEW54" s="7">
        <f t="shared" si="827"/>
        <v>3128.5920000000001</v>
      </c>
      <c r="BEX54" s="7">
        <f t="shared" si="827"/>
        <v>3128.5920000000001</v>
      </c>
      <c r="BEY54" s="7">
        <f t="shared" si="827"/>
        <v>3128.5920000000001</v>
      </c>
      <c r="BEZ54" s="7">
        <f t="shared" si="827"/>
        <v>3128.5920000000001</v>
      </c>
      <c r="BFA54" s="7">
        <f t="shared" si="827"/>
        <v>3128.5920000000001</v>
      </c>
      <c r="BFB54" s="7">
        <f t="shared" si="827"/>
        <v>3128.5920000000001</v>
      </c>
      <c r="BFC54" s="7">
        <f t="shared" si="827"/>
        <v>3128.5920000000001</v>
      </c>
      <c r="BFD54" s="7">
        <f t="shared" si="827"/>
        <v>3128.5920000000001</v>
      </c>
      <c r="BFE54" s="7">
        <f t="shared" si="827"/>
        <v>3128.5920000000001</v>
      </c>
      <c r="BFF54" s="7">
        <f t="shared" si="827"/>
        <v>3128.5920000000001</v>
      </c>
      <c r="BFG54" s="7">
        <f t="shared" si="827"/>
        <v>3128.5920000000001</v>
      </c>
      <c r="BFH54" s="7">
        <f t="shared" si="827"/>
        <v>3128.5920000000001</v>
      </c>
      <c r="BFI54" s="7">
        <f t="shared" si="827"/>
        <v>3128.5920000000001</v>
      </c>
      <c r="BFJ54" s="7">
        <f t="shared" si="827"/>
        <v>3128.5920000000001</v>
      </c>
      <c r="BFK54" s="7">
        <f t="shared" si="827"/>
        <v>3128.5920000000001</v>
      </c>
      <c r="BFL54" s="7">
        <f t="shared" si="827"/>
        <v>3128.5920000000001</v>
      </c>
      <c r="BFM54" s="7">
        <f t="shared" si="827"/>
        <v>3128.5920000000001</v>
      </c>
      <c r="BFN54" s="7">
        <f t="shared" si="827"/>
        <v>3128.5920000000001</v>
      </c>
      <c r="BFO54" s="7">
        <f t="shared" si="827"/>
        <v>3128.5920000000001</v>
      </c>
      <c r="BFP54" s="7">
        <f t="shared" si="827"/>
        <v>3128.5920000000001</v>
      </c>
      <c r="BFQ54" s="7">
        <f t="shared" si="827"/>
        <v>3128.5920000000001</v>
      </c>
      <c r="BFR54" s="7">
        <f t="shared" si="827"/>
        <v>3128.5920000000001</v>
      </c>
      <c r="BFS54" s="7">
        <f t="shared" si="827"/>
        <v>3128.5920000000001</v>
      </c>
      <c r="BFT54" s="7">
        <f t="shared" si="827"/>
        <v>3128.5920000000001</v>
      </c>
      <c r="BFU54" s="7">
        <f t="shared" si="827"/>
        <v>3128.5920000000001</v>
      </c>
      <c r="BFV54" s="7">
        <f t="shared" si="827"/>
        <v>3128.5920000000001</v>
      </c>
      <c r="BFW54" s="7">
        <f t="shared" si="827"/>
        <v>3128.5920000000001</v>
      </c>
      <c r="BFX54" s="7">
        <f t="shared" si="827"/>
        <v>3128.5920000000001</v>
      </c>
      <c r="BFY54" s="7">
        <f t="shared" si="827"/>
        <v>3128.5920000000001</v>
      </c>
      <c r="BFZ54" s="7">
        <f t="shared" si="827"/>
        <v>3128.5920000000001</v>
      </c>
      <c r="BGA54" s="7">
        <f t="shared" si="827"/>
        <v>3128.5920000000001</v>
      </c>
      <c r="BGB54" s="7">
        <f t="shared" si="827"/>
        <v>3128.5920000000001</v>
      </c>
      <c r="BGC54" s="7">
        <f t="shared" si="827"/>
        <v>3128.5920000000001</v>
      </c>
      <c r="BGD54" s="7">
        <f t="shared" si="827"/>
        <v>3128.5920000000001</v>
      </c>
      <c r="BGE54" s="7">
        <f t="shared" si="827"/>
        <v>3128.5920000000001</v>
      </c>
      <c r="BGF54" s="7">
        <f t="shared" si="827"/>
        <v>3128.5920000000001</v>
      </c>
      <c r="BGG54" s="7">
        <f t="shared" si="827"/>
        <v>3128.5920000000001</v>
      </c>
      <c r="BGH54" s="7">
        <f t="shared" si="827"/>
        <v>3128.5920000000001</v>
      </c>
      <c r="BGI54" s="7">
        <f t="shared" si="827"/>
        <v>3128.5920000000001</v>
      </c>
      <c r="BGJ54" s="7">
        <f t="shared" si="827"/>
        <v>3128.5920000000001</v>
      </c>
      <c r="BGK54" s="7">
        <f t="shared" si="827"/>
        <v>3128.5920000000001</v>
      </c>
      <c r="BGL54" s="7">
        <f t="shared" ref="BGL54:BIW54" si="828">BGL49+BGK54</f>
        <v>3128.5920000000001</v>
      </c>
      <c r="BGM54" s="7">
        <f t="shared" si="828"/>
        <v>3128.5920000000001</v>
      </c>
      <c r="BGN54" s="7">
        <f t="shared" si="828"/>
        <v>3128.5920000000001</v>
      </c>
      <c r="BGO54" s="7">
        <f t="shared" si="828"/>
        <v>3128.5920000000001</v>
      </c>
      <c r="BGP54" s="7">
        <f t="shared" si="828"/>
        <v>3128.5920000000001</v>
      </c>
      <c r="BGQ54" s="7">
        <f t="shared" si="828"/>
        <v>3128.5920000000001</v>
      </c>
      <c r="BGR54" s="7">
        <f t="shared" si="828"/>
        <v>3128.5920000000001</v>
      </c>
      <c r="BGS54" s="7">
        <f t="shared" si="828"/>
        <v>3128.5920000000001</v>
      </c>
      <c r="BGT54" s="7">
        <f t="shared" si="828"/>
        <v>3128.5920000000001</v>
      </c>
      <c r="BGU54" s="7">
        <f t="shared" si="828"/>
        <v>3128.5920000000001</v>
      </c>
      <c r="BGV54" s="7">
        <f t="shared" si="828"/>
        <v>3128.5920000000001</v>
      </c>
      <c r="BGW54" s="7">
        <f t="shared" si="828"/>
        <v>3128.5920000000001</v>
      </c>
      <c r="BGX54" s="7">
        <f t="shared" si="828"/>
        <v>3128.5920000000001</v>
      </c>
      <c r="BGY54" s="7">
        <f t="shared" si="828"/>
        <v>3128.5920000000001</v>
      </c>
      <c r="BGZ54" s="7">
        <f t="shared" si="828"/>
        <v>3128.5920000000001</v>
      </c>
      <c r="BHA54" s="7">
        <f t="shared" si="828"/>
        <v>3128.5920000000001</v>
      </c>
      <c r="BHB54" s="7">
        <f t="shared" si="828"/>
        <v>3128.5920000000001</v>
      </c>
      <c r="BHC54" s="7">
        <f t="shared" si="828"/>
        <v>3128.5920000000001</v>
      </c>
      <c r="BHD54" s="7">
        <f t="shared" si="828"/>
        <v>3128.5920000000001</v>
      </c>
      <c r="BHE54" s="7">
        <f t="shared" si="828"/>
        <v>3128.5920000000001</v>
      </c>
      <c r="BHF54" s="7">
        <f t="shared" si="828"/>
        <v>3128.5920000000001</v>
      </c>
      <c r="BHG54" s="7">
        <f t="shared" si="828"/>
        <v>3128.5920000000001</v>
      </c>
      <c r="BHH54" s="7">
        <f t="shared" si="828"/>
        <v>3128.5920000000001</v>
      </c>
      <c r="BHI54" s="7">
        <f t="shared" si="828"/>
        <v>3128.5920000000001</v>
      </c>
      <c r="BHJ54" s="7">
        <f t="shared" si="828"/>
        <v>3128.5920000000001</v>
      </c>
      <c r="BHK54" s="7">
        <f t="shared" si="828"/>
        <v>3128.5920000000001</v>
      </c>
      <c r="BHL54" s="7">
        <f t="shared" si="828"/>
        <v>3128.5920000000001</v>
      </c>
      <c r="BHM54" s="7">
        <f t="shared" si="828"/>
        <v>3128.5920000000001</v>
      </c>
      <c r="BHN54" s="7">
        <f t="shared" si="828"/>
        <v>3128.5920000000001</v>
      </c>
      <c r="BHO54" s="7">
        <f t="shared" si="828"/>
        <v>3128.5920000000001</v>
      </c>
      <c r="BHP54" s="7">
        <f t="shared" si="828"/>
        <v>3128.5920000000001</v>
      </c>
      <c r="BHQ54" s="7">
        <f t="shared" si="828"/>
        <v>3128.5920000000001</v>
      </c>
      <c r="BHR54" s="7">
        <f t="shared" si="828"/>
        <v>3128.5920000000001</v>
      </c>
      <c r="BHS54" s="7">
        <f t="shared" si="828"/>
        <v>3128.5920000000001</v>
      </c>
      <c r="BHT54" s="7">
        <f t="shared" si="828"/>
        <v>3128.5920000000001</v>
      </c>
      <c r="BHU54" s="7">
        <f t="shared" si="828"/>
        <v>3128.5920000000001</v>
      </c>
      <c r="BHV54" s="7">
        <f t="shared" si="828"/>
        <v>3128.5920000000001</v>
      </c>
      <c r="BHW54" s="7">
        <f t="shared" si="828"/>
        <v>3128.5920000000001</v>
      </c>
      <c r="BHX54" s="7">
        <f t="shared" si="828"/>
        <v>3128.5920000000001</v>
      </c>
      <c r="BHY54" s="7">
        <f t="shared" si="828"/>
        <v>3128.5920000000001</v>
      </c>
      <c r="BHZ54" s="7">
        <f t="shared" si="828"/>
        <v>3128.5920000000001</v>
      </c>
      <c r="BIA54" s="7">
        <f t="shared" si="828"/>
        <v>3128.5920000000001</v>
      </c>
      <c r="BIB54" s="7">
        <f t="shared" si="828"/>
        <v>3128.5920000000001</v>
      </c>
      <c r="BIC54" s="7">
        <f t="shared" si="828"/>
        <v>3128.5920000000001</v>
      </c>
      <c r="BID54" s="7">
        <f t="shared" si="828"/>
        <v>3128.5920000000001</v>
      </c>
      <c r="BIE54" s="7">
        <f t="shared" si="828"/>
        <v>3128.5920000000001</v>
      </c>
      <c r="BIF54" s="7">
        <f t="shared" si="828"/>
        <v>3128.5920000000001</v>
      </c>
      <c r="BIG54" s="7">
        <f t="shared" si="828"/>
        <v>3128.5920000000001</v>
      </c>
      <c r="BIH54" s="7">
        <f t="shared" si="828"/>
        <v>3128.5920000000001</v>
      </c>
      <c r="BII54" s="7">
        <f t="shared" si="828"/>
        <v>3128.5920000000001</v>
      </c>
      <c r="BIJ54" s="7">
        <f t="shared" si="828"/>
        <v>3128.5920000000001</v>
      </c>
      <c r="BIK54" s="7">
        <f t="shared" si="828"/>
        <v>3128.5920000000001</v>
      </c>
      <c r="BIL54" s="7">
        <f t="shared" si="828"/>
        <v>3128.5920000000001</v>
      </c>
      <c r="BIM54" s="7">
        <f t="shared" si="828"/>
        <v>3128.5920000000001</v>
      </c>
      <c r="BIN54" s="7">
        <f t="shared" si="828"/>
        <v>3128.5920000000001</v>
      </c>
      <c r="BIO54" s="7">
        <f t="shared" si="828"/>
        <v>3128.5920000000001</v>
      </c>
      <c r="BIP54" s="7">
        <f t="shared" si="828"/>
        <v>3128.5920000000001</v>
      </c>
      <c r="BIQ54" s="7">
        <f t="shared" si="828"/>
        <v>3128.5920000000001</v>
      </c>
      <c r="BIR54" s="7">
        <f t="shared" si="828"/>
        <v>3128.5920000000001</v>
      </c>
      <c r="BIS54" s="7">
        <f t="shared" si="828"/>
        <v>3128.5920000000001</v>
      </c>
      <c r="BIT54" s="7">
        <f t="shared" si="828"/>
        <v>3128.5920000000001</v>
      </c>
      <c r="BIU54" s="7">
        <f t="shared" si="828"/>
        <v>3128.5920000000001</v>
      </c>
      <c r="BIV54" s="7">
        <f t="shared" si="828"/>
        <v>3128.5920000000001</v>
      </c>
      <c r="BIW54" s="7">
        <f t="shared" si="828"/>
        <v>3128.5920000000001</v>
      </c>
      <c r="BIX54" s="7">
        <f t="shared" ref="BIX54:BLI54" si="829">BIX49+BIW54</f>
        <v>3128.5920000000001</v>
      </c>
      <c r="BIY54" s="7">
        <f t="shared" si="829"/>
        <v>3128.5920000000001</v>
      </c>
      <c r="BIZ54" s="7">
        <f t="shared" si="829"/>
        <v>3128.5920000000001</v>
      </c>
      <c r="BJA54" s="7">
        <f t="shared" si="829"/>
        <v>3128.5920000000001</v>
      </c>
      <c r="BJB54" s="7">
        <f t="shared" si="829"/>
        <v>3128.5920000000001</v>
      </c>
      <c r="BJC54" s="7">
        <f t="shared" si="829"/>
        <v>3128.5920000000001</v>
      </c>
      <c r="BJD54" s="7">
        <f t="shared" si="829"/>
        <v>3128.5920000000001</v>
      </c>
      <c r="BJE54" s="7">
        <f t="shared" si="829"/>
        <v>3128.5920000000001</v>
      </c>
      <c r="BJF54" s="7">
        <f t="shared" si="829"/>
        <v>3128.5920000000001</v>
      </c>
      <c r="BJG54" s="7">
        <f t="shared" si="829"/>
        <v>3128.5920000000001</v>
      </c>
      <c r="BJH54" s="7">
        <f t="shared" si="829"/>
        <v>3128.5920000000001</v>
      </c>
      <c r="BJI54" s="7">
        <f t="shared" si="829"/>
        <v>3128.5920000000001</v>
      </c>
      <c r="BJJ54" s="7">
        <f t="shared" si="829"/>
        <v>3128.5920000000001</v>
      </c>
      <c r="BJK54" s="7">
        <f t="shared" si="829"/>
        <v>3128.5920000000001</v>
      </c>
      <c r="BJL54" s="7">
        <f t="shared" si="829"/>
        <v>3128.5920000000001</v>
      </c>
      <c r="BJM54" s="7">
        <f t="shared" si="829"/>
        <v>3128.5920000000001</v>
      </c>
      <c r="BJN54" s="7">
        <f t="shared" si="829"/>
        <v>3128.5920000000001</v>
      </c>
      <c r="BJO54" s="7">
        <f t="shared" si="829"/>
        <v>3128.5920000000001</v>
      </c>
      <c r="BJP54" s="7">
        <f t="shared" si="829"/>
        <v>3128.5920000000001</v>
      </c>
      <c r="BJQ54" s="7">
        <f t="shared" si="829"/>
        <v>3128.5920000000001</v>
      </c>
      <c r="BJR54" s="7">
        <f t="shared" si="829"/>
        <v>3128.5920000000001</v>
      </c>
      <c r="BJS54" s="7">
        <f t="shared" si="829"/>
        <v>3128.5920000000001</v>
      </c>
      <c r="BJT54" s="7">
        <f t="shared" si="829"/>
        <v>3128.5920000000001</v>
      </c>
      <c r="BJU54" s="7">
        <f t="shared" si="829"/>
        <v>3128.5920000000001</v>
      </c>
      <c r="BJV54" s="7">
        <f t="shared" si="829"/>
        <v>3128.5920000000001</v>
      </c>
      <c r="BJW54" s="7">
        <f t="shared" si="829"/>
        <v>3128.5920000000001</v>
      </c>
      <c r="BJX54" s="7">
        <f t="shared" si="829"/>
        <v>3128.5920000000001</v>
      </c>
      <c r="BJY54" s="7">
        <f t="shared" si="829"/>
        <v>3128.5920000000001</v>
      </c>
      <c r="BJZ54" s="7">
        <f t="shared" si="829"/>
        <v>3128.5920000000001</v>
      </c>
      <c r="BKA54" s="7">
        <f t="shared" si="829"/>
        <v>3128.5920000000001</v>
      </c>
      <c r="BKB54" s="7">
        <f t="shared" si="829"/>
        <v>3128.5920000000001</v>
      </c>
      <c r="BKC54" s="7">
        <f t="shared" si="829"/>
        <v>3128.5920000000001</v>
      </c>
      <c r="BKD54" s="7">
        <f t="shared" si="829"/>
        <v>3128.5920000000001</v>
      </c>
      <c r="BKE54" s="7">
        <f t="shared" si="829"/>
        <v>3128.5920000000001</v>
      </c>
      <c r="BKF54" s="7">
        <f t="shared" si="829"/>
        <v>3128.5920000000001</v>
      </c>
      <c r="BKG54" s="7">
        <f t="shared" si="829"/>
        <v>3128.5920000000001</v>
      </c>
      <c r="BKH54" s="7">
        <f t="shared" si="829"/>
        <v>3128.5920000000001</v>
      </c>
      <c r="BKI54" s="7">
        <f t="shared" si="829"/>
        <v>3128.5920000000001</v>
      </c>
      <c r="BKJ54" s="7">
        <f t="shared" si="829"/>
        <v>3128.5920000000001</v>
      </c>
      <c r="BKK54" s="7">
        <f t="shared" si="829"/>
        <v>3128.5920000000001</v>
      </c>
      <c r="BKL54" s="7">
        <f t="shared" si="829"/>
        <v>3128.5920000000001</v>
      </c>
      <c r="BKM54" s="7">
        <f t="shared" si="829"/>
        <v>3128.5920000000001</v>
      </c>
      <c r="BKN54" s="7">
        <f t="shared" si="829"/>
        <v>3128.5920000000001</v>
      </c>
      <c r="BKO54" s="7">
        <f t="shared" si="829"/>
        <v>3128.5920000000001</v>
      </c>
      <c r="BKP54" s="7">
        <f t="shared" si="829"/>
        <v>3128.5920000000001</v>
      </c>
      <c r="BKQ54" s="7">
        <f t="shared" si="829"/>
        <v>3128.5920000000001</v>
      </c>
      <c r="BKR54" s="7">
        <f t="shared" si="829"/>
        <v>3128.5920000000001</v>
      </c>
      <c r="BKS54" s="7">
        <f t="shared" si="829"/>
        <v>3128.5920000000001</v>
      </c>
      <c r="BKT54" s="7">
        <f t="shared" si="829"/>
        <v>3128.5920000000001</v>
      </c>
      <c r="BKU54" s="7">
        <f t="shared" si="829"/>
        <v>3128.5920000000001</v>
      </c>
      <c r="BKV54" s="7">
        <f t="shared" si="829"/>
        <v>3128.5920000000001</v>
      </c>
      <c r="BKW54" s="7">
        <f t="shared" si="829"/>
        <v>3128.5920000000001</v>
      </c>
      <c r="BKX54" s="7">
        <f t="shared" si="829"/>
        <v>3128.5920000000001</v>
      </c>
      <c r="BKY54" s="7">
        <f t="shared" si="829"/>
        <v>3128.5920000000001</v>
      </c>
      <c r="BKZ54" s="7">
        <f t="shared" si="829"/>
        <v>3128.5920000000001</v>
      </c>
      <c r="BLA54" s="7">
        <f t="shared" si="829"/>
        <v>3128.5920000000001</v>
      </c>
      <c r="BLB54" s="7">
        <f t="shared" si="829"/>
        <v>3128.5920000000001</v>
      </c>
      <c r="BLC54" s="7">
        <f t="shared" si="829"/>
        <v>3128.5920000000001</v>
      </c>
      <c r="BLD54" s="7">
        <f t="shared" si="829"/>
        <v>3128.5920000000001</v>
      </c>
      <c r="BLE54" s="7">
        <f t="shared" si="829"/>
        <v>3128.5920000000001</v>
      </c>
      <c r="BLF54" s="7">
        <f t="shared" si="829"/>
        <v>3128.5920000000001</v>
      </c>
      <c r="BLG54" s="7">
        <f t="shared" si="829"/>
        <v>3128.5920000000001</v>
      </c>
      <c r="BLH54" s="7">
        <f t="shared" si="829"/>
        <v>3128.5920000000001</v>
      </c>
      <c r="BLI54" s="7">
        <f t="shared" si="829"/>
        <v>3128.5920000000001</v>
      </c>
      <c r="BLJ54" s="7">
        <f t="shared" ref="BLJ54:BNU54" si="830">BLJ49+BLI54</f>
        <v>3128.5920000000001</v>
      </c>
      <c r="BLK54" s="7">
        <f t="shared" si="830"/>
        <v>3128.5920000000001</v>
      </c>
      <c r="BLL54" s="7">
        <f t="shared" si="830"/>
        <v>3128.5920000000001</v>
      </c>
      <c r="BLM54" s="7">
        <f t="shared" si="830"/>
        <v>3128.5920000000001</v>
      </c>
      <c r="BLN54" s="7">
        <f t="shared" si="830"/>
        <v>3128.5920000000001</v>
      </c>
      <c r="BLO54" s="7">
        <f t="shared" si="830"/>
        <v>3128.5920000000001</v>
      </c>
      <c r="BLP54" s="7">
        <f t="shared" si="830"/>
        <v>3128.5920000000001</v>
      </c>
      <c r="BLQ54" s="7">
        <f t="shared" si="830"/>
        <v>3128.5920000000001</v>
      </c>
      <c r="BLR54" s="7">
        <f t="shared" si="830"/>
        <v>3128.5920000000001</v>
      </c>
      <c r="BLS54" s="7">
        <f t="shared" si="830"/>
        <v>3128.5920000000001</v>
      </c>
      <c r="BLT54" s="7">
        <f t="shared" si="830"/>
        <v>3128.5920000000001</v>
      </c>
      <c r="BLU54" s="7">
        <f t="shared" si="830"/>
        <v>3128.5920000000001</v>
      </c>
      <c r="BLV54" s="7">
        <f t="shared" si="830"/>
        <v>3128.5920000000001</v>
      </c>
      <c r="BLW54" s="7">
        <f t="shared" si="830"/>
        <v>3128.5920000000001</v>
      </c>
      <c r="BLX54" s="7">
        <f t="shared" si="830"/>
        <v>3128.5920000000001</v>
      </c>
      <c r="BLY54" s="7">
        <f t="shared" si="830"/>
        <v>3128.5920000000001</v>
      </c>
      <c r="BLZ54" s="7">
        <f t="shared" si="830"/>
        <v>3128.5920000000001</v>
      </c>
      <c r="BMA54" s="7">
        <f t="shared" si="830"/>
        <v>3128.5920000000001</v>
      </c>
      <c r="BMB54" s="7">
        <f t="shared" si="830"/>
        <v>3128.5920000000001</v>
      </c>
      <c r="BMC54" s="7">
        <f t="shared" si="830"/>
        <v>3128.5920000000001</v>
      </c>
      <c r="BMD54" s="7">
        <f t="shared" si="830"/>
        <v>3128.5920000000001</v>
      </c>
      <c r="BME54" s="7">
        <f t="shared" si="830"/>
        <v>3128.5920000000001</v>
      </c>
      <c r="BMF54" s="7">
        <f t="shared" si="830"/>
        <v>3128.5920000000001</v>
      </c>
      <c r="BMG54" s="7">
        <f t="shared" si="830"/>
        <v>3128.5920000000001</v>
      </c>
      <c r="BMH54" s="7">
        <f t="shared" si="830"/>
        <v>3128.5920000000001</v>
      </c>
      <c r="BMI54" s="7">
        <f t="shared" si="830"/>
        <v>3128.5920000000001</v>
      </c>
      <c r="BMJ54" s="7">
        <f t="shared" si="830"/>
        <v>3128.5920000000001</v>
      </c>
      <c r="BMK54" s="7">
        <f t="shared" si="830"/>
        <v>3128.5920000000001</v>
      </c>
      <c r="BML54" s="7">
        <f t="shared" si="830"/>
        <v>3128.5920000000001</v>
      </c>
      <c r="BMM54" s="7">
        <f t="shared" si="830"/>
        <v>3128.5920000000001</v>
      </c>
      <c r="BMN54" s="7">
        <f t="shared" si="830"/>
        <v>3128.5920000000001</v>
      </c>
      <c r="BMO54" s="7">
        <f t="shared" si="830"/>
        <v>3128.5920000000001</v>
      </c>
      <c r="BMP54" s="7">
        <f t="shared" si="830"/>
        <v>3128.5920000000001</v>
      </c>
      <c r="BMQ54" s="7">
        <f t="shared" si="830"/>
        <v>3128.5920000000001</v>
      </c>
      <c r="BMR54" s="7">
        <f t="shared" si="830"/>
        <v>3128.5920000000001</v>
      </c>
      <c r="BMS54" s="7">
        <f t="shared" si="830"/>
        <v>3128.5920000000001</v>
      </c>
      <c r="BMT54" s="7">
        <f t="shared" si="830"/>
        <v>3128.5920000000001</v>
      </c>
      <c r="BMU54" s="7">
        <f t="shared" si="830"/>
        <v>3128.5920000000001</v>
      </c>
      <c r="BMV54" s="7">
        <f t="shared" si="830"/>
        <v>3128.5920000000001</v>
      </c>
      <c r="BMW54" s="7">
        <f t="shared" si="830"/>
        <v>3128.5920000000001</v>
      </c>
      <c r="BMX54" s="7">
        <f t="shared" si="830"/>
        <v>3128.5920000000001</v>
      </c>
      <c r="BMY54" s="7">
        <f t="shared" si="830"/>
        <v>3128.5920000000001</v>
      </c>
      <c r="BMZ54" s="7">
        <f t="shared" si="830"/>
        <v>3128.5920000000001</v>
      </c>
      <c r="BNA54" s="7">
        <f t="shared" si="830"/>
        <v>3128.5920000000001</v>
      </c>
      <c r="BNB54" s="7">
        <f t="shared" si="830"/>
        <v>3128.5920000000001</v>
      </c>
      <c r="BNC54" s="7">
        <f t="shared" si="830"/>
        <v>3128.5920000000001</v>
      </c>
      <c r="BND54" s="7">
        <f t="shared" si="830"/>
        <v>3128.5920000000001</v>
      </c>
      <c r="BNE54" s="7">
        <f t="shared" si="830"/>
        <v>3128.5920000000001</v>
      </c>
      <c r="BNF54" s="7">
        <f t="shared" si="830"/>
        <v>3128.5920000000001</v>
      </c>
      <c r="BNG54" s="7">
        <f t="shared" si="830"/>
        <v>3128.5920000000001</v>
      </c>
      <c r="BNH54" s="7">
        <f t="shared" si="830"/>
        <v>3128.5920000000001</v>
      </c>
      <c r="BNI54" s="7">
        <f t="shared" si="830"/>
        <v>3128.5920000000001</v>
      </c>
      <c r="BNJ54" s="7">
        <f t="shared" si="830"/>
        <v>3128.5920000000001</v>
      </c>
      <c r="BNK54" s="7">
        <f t="shared" si="830"/>
        <v>3128.5920000000001</v>
      </c>
      <c r="BNL54" s="7">
        <f t="shared" si="830"/>
        <v>3128.5920000000001</v>
      </c>
      <c r="BNM54" s="7">
        <f t="shared" si="830"/>
        <v>3128.5920000000001</v>
      </c>
      <c r="BNN54" s="7">
        <f t="shared" si="830"/>
        <v>3128.5920000000001</v>
      </c>
      <c r="BNO54" s="7">
        <f t="shared" si="830"/>
        <v>3128.5920000000001</v>
      </c>
      <c r="BNP54" s="7">
        <f t="shared" si="830"/>
        <v>3128.5920000000001</v>
      </c>
      <c r="BNQ54" s="7">
        <f t="shared" si="830"/>
        <v>3128.5920000000001</v>
      </c>
      <c r="BNR54" s="7">
        <f t="shared" si="830"/>
        <v>3128.5920000000001</v>
      </c>
      <c r="BNS54" s="7">
        <f t="shared" si="830"/>
        <v>3128.5920000000001</v>
      </c>
      <c r="BNT54" s="7">
        <f t="shared" si="830"/>
        <v>3128.5920000000001</v>
      </c>
      <c r="BNU54" s="7">
        <f t="shared" si="830"/>
        <v>3128.5920000000001</v>
      </c>
      <c r="BNV54" s="7">
        <f t="shared" ref="BNV54:BQG54" si="831">BNV49+BNU54</f>
        <v>3128.5920000000001</v>
      </c>
      <c r="BNW54" s="7">
        <f t="shared" si="831"/>
        <v>3128.5920000000001</v>
      </c>
      <c r="BNX54" s="7">
        <f t="shared" si="831"/>
        <v>3128.5920000000001</v>
      </c>
      <c r="BNY54" s="7">
        <f t="shared" si="831"/>
        <v>3128.5920000000001</v>
      </c>
      <c r="BNZ54" s="7">
        <f t="shared" si="831"/>
        <v>3128.5920000000001</v>
      </c>
      <c r="BOA54" s="7">
        <f t="shared" si="831"/>
        <v>3128.5920000000001</v>
      </c>
      <c r="BOB54" s="7">
        <f t="shared" si="831"/>
        <v>3128.5920000000001</v>
      </c>
      <c r="BOC54" s="7">
        <f t="shared" si="831"/>
        <v>3128.5920000000001</v>
      </c>
      <c r="BOD54" s="7">
        <f t="shared" si="831"/>
        <v>3128.5920000000001</v>
      </c>
      <c r="BOE54" s="7">
        <f t="shared" si="831"/>
        <v>3128.5920000000001</v>
      </c>
      <c r="BOF54" s="7">
        <f t="shared" si="831"/>
        <v>3128.5920000000001</v>
      </c>
      <c r="BOG54" s="7">
        <f t="shared" si="831"/>
        <v>3128.5920000000001</v>
      </c>
      <c r="BOH54" s="7">
        <f t="shared" si="831"/>
        <v>3128.5920000000001</v>
      </c>
      <c r="BOI54" s="7">
        <f t="shared" si="831"/>
        <v>3128.5920000000001</v>
      </c>
      <c r="BOJ54" s="7">
        <f t="shared" si="831"/>
        <v>3128.5920000000001</v>
      </c>
      <c r="BOK54" s="7">
        <f t="shared" si="831"/>
        <v>3128.5920000000001</v>
      </c>
      <c r="BOL54" s="7">
        <f t="shared" si="831"/>
        <v>3128.5920000000001</v>
      </c>
      <c r="BOM54" s="7">
        <f t="shared" si="831"/>
        <v>3128.5920000000001</v>
      </c>
      <c r="BON54" s="7">
        <f t="shared" si="831"/>
        <v>3128.5920000000001</v>
      </c>
      <c r="BOO54" s="7">
        <f t="shared" si="831"/>
        <v>3128.5920000000001</v>
      </c>
      <c r="BOP54" s="7">
        <f t="shared" si="831"/>
        <v>3128.5920000000001</v>
      </c>
      <c r="BOQ54" s="7">
        <f t="shared" si="831"/>
        <v>3128.5920000000001</v>
      </c>
      <c r="BOR54" s="7">
        <f t="shared" si="831"/>
        <v>3128.5920000000001</v>
      </c>
      <c r="BOS54" s="7">
        <f t="shared" si="831"/>
        <v>3128.5920000000001</v>
      </c>
      <c r="BOT54" s="7">
        <f t="shared" si="831"/>
        <v>3128.5920000000001</v>
      </c>
      <c r="BOU54" s="7">
        <f t="shared" si="831"/>
        <v>3128.5920000000001</v>
      </c>
      <c r="BOV54" s="7">
        <f t="shared" si="831"/>
        <v>3128.5920000000001</v>
      </c>
      <c r="BOW54" s="7">
        <f t="shared" si="831"/>
        <v>3128.5920000000001</v>
      </c>
      <c r="BOX54" s="7">
        <f t="shared" si="831"/>
        <v>3128.5920000000001</v>
      </c>
      <c r="BOY54" s="7">
        <f t="shared" si="831"/>
        <v>3128.5920000000001</v>
      </c>
      <c r="BOZ54" s="7">
        <f t="shared" si="831"/>
        <v>3128.5920000000001</v>
      </c>
      <c r="BPA54" s="7">
        <f t="shared" si="831"/>
        <v>3128.5920000000001</v>
      </c>
      <c r="BPB54" s="7">
        <f t="shared" si="831"/>
        <v>3128.5920000000001</v>
      </c>
      <c r="BPC54" s="7">
        <f t="shared" si="831"/>
        <v>3128.5920000000001</v>
      </c>
      <c r="BPD54" s="7">
        <f t="shared" si="831"/>
        <v>3128.5920000000001</v>
      </c>
      <c r="BPE54" s="7">
        <f t="shared" si="831"/>
        <v>3128.5920000000001</v>
      </c>
      <c r="BPF54" s="7">
        <f t="shared" si="831"/>
        <v>3128.5920000000001</v>
      </c>
      <c r="BPG54" s="7">
        <f t="shared" si="831"/>
        <v>3128.5920000000001</v>
      </c>
      <c r="BPH54" s="7">
        <f t="shared" si="831"/>
        <v>3128.5920000000001</v>
      </c>
      <c r="BPI54" s="7">
        <f t="shared" si="831"/>
        <v>3128.5920000000001</v>
      </c>
      <c r="BPJ54" s="7">
        <f t="shared" si="831"/>
        <v>3128.5920000000001</v>
      </c>
      <c r="BPK54" s="7">
        <f t="shared" si="831"/>
        <v>3128.5920000000001</v>
      </c>
      <c r="BPL54" s="7">
        <f t="shared" si="831"/>
        <v>3128.5920000000001</v>
      </c>
      <c r="BPM54" s="7">
        <f t="shared" si="831"/>
        <v>3128.5920000000001</v>
      </c>
      <c r="BPN54" s="7">
        <f t="shared" si="831"/>
        <v>3128.5920000000001</v>
      </c>
      <c r="BPO54" s="7">
        <f t="shared" si="831"/>
        <v>3128.5920000000001</v>
      </c>
      <c r="BPP54" s="7">
        <f t="shared" si="831"/>
        <v>3128.5920000000001</v>
      </c>
      <c r="BPQ54" s="7">
        <f t="shared" si="831"/>
        <v>3128.5920000000001</v>
      </c>
      <c r="BPR54" s="7">
        <f t="shared" si="831"/>
        <v>3128.5920000000001</v>
      </c>
      <c r="BPS54" s="7">
        <f t="shared" si="831"/>
        <v>3128.5920000000001</v>
      </c>
      <c r="BPT54" s="7">
        <f t="shared" si="831"/>
        <v>3128.5920000000001</v>
      </c>
      <c r="BPU54" s="7">
        <f t="shared" si="831"/>
        <v>3128.5920000000001</v>
      </c>
      <c r="BPV54" s="7">
        <f t="shared" si="831"/>
        <v>3128.5920000000001</v>
      </c>
      <c r="BPW54" s="7">
        <f t="shared" si="831"/>
        <v>3128.5920000000001</v>
      </c>
      <c r="BPX54" s="7">
        <f t="shared" si="831"/>
        <v>3128.5920000000001</v>
      </c>
      <c r="BPY54" s="7">
        <f t="shared" si="831"/>
        <v>3128.5920000000001</v>
      </c>
      <c r="BPZ54" s="7">
        <f t="shared" si="831"/>
        <v>3128.5920000000001</v>
      </c>
      <c r="BQA54" s="7">
        <f t="shared" si="831"/>
        <v>3128.5920000000001</v>
      </c>
      <c r="BQB54" s="7">
        <f t="shared" si="831"/>
        <v>3128.5920000000001</v>
      </c>
      <c r="BQC54" s="7">
        <f t="shared" si="831"/>
        <v>3128.5920000000001</v>
      </c>
      <c r="BQD54" s="7">
        <f t="shared" si="831"/>
        <v>3128.5920000000001</v>
      </c>
      <c r="BQE54" s="7">
        <f t="shared" si="831"/>
        <v>3128.5920000000001</v>
      </c>
      <c r="BQF54" s="7">
        <f t="shared" si="831"/>
        <v>3128.5920000000001</v>
      </c>
      <c r="BQG54" s="7">
        <f t="shared" si="831"/>
        <v>3128.5920000000001</v>
      </c>
      <c r="BQH54" s="7">
        <f t="shared" ref="BQH54:BSS54" si="832">BQH49+BQG54</f>
        <v>3128.5920000000001</v>
      </c>
      <c r="BQI54" s="7">
        <f t="shared" si="832"/>
        <v>3128.5920000000001</v>
      </c>
      <c r="BQJ54" s="7">
        <f t="shared" si="832"/>
        <v>3128.5920000000001</v>
      </c>
      <c r="BQK54" s="7">
        <f t="shared" si="832"/>
        <v>3128.5920000000001</v>
      </c>
      <c r="BQL54" s="7">
        <f t="shared" si="832"/>
        <v>3128.5920000000001</v>
      </c>
      <c r="BQM54" s="7">
        <f t="shared" si="832"/>
        <v>3128.5920000000001</v>
      </c>
      <c r="BQN54" s="7">
        <f t="shared" si="832"/>
        <v>3128.5920000000001</v>
      </c>
      <c r="BQO54" s="7">
        <f t="shared" si="832"/>
        <v>3128.5920000000001</v>
      </c>
      <c r="BQP54" s="7">
        <f t="shared" si="832"/>
        <v>3128.5920000000001</v>
      </c>
      <c r="BQQ54" s="7">
        <f t="shared" si="832"/>
        <v>3128.5920000000001</v>
      </c>
      <c r="BQR54" s="7">
        <f t="shared" si="832"/>
        <v>3128.5920000000001</v>
      </c>
      <c r="BQS54" s="7">
        <f t="shared" si="832"/>
        <v>3128.5920000000001</v>
      </c>
      <c r="BQT54" s="7">
        <f t="shared" si="832"/>
        <v>3128.5920000000001</v>
      </c>
      <c r="BQU54" s="7">
        <f t="shared" si="832"/>
        <v>3128.5920000000001</v>
      </c>
      <c r="BQV54" s="7">
        <f t="shared" si="832"/>
        <v>3128.5920000000001</v>
      </c>
      <c r="BQW54" s="7">
        <f t="shared" si="832"/>
        <v>3128.5920000000001</v>
      </c>
      <c r="BQX54" s="7">
        <f t="shared" si="832"/>
        <v>3128.5920000000001</v>
      </c>
      <c r="BQY54" s="7">
        <f t="shared" si="832"/>
        <v>3128.5920000000001</v>
      </c>
      <c r="BQZ54" s="7">
        <f t="shared" si="832"/>
        <v>3128.5920000000001</v>
      </c>
      <c r="BRA54" s="7">
        <f t="shared" si="832"/>
        <v>3128.5920000000001</v>
      </c>
      <c r="BRB54" s="7">
        <f t="shared" si="832"/>
        <v>3128.5920000000001</v>
      </c>
      <c r="BRC54" s="7">
        <f t="shared" si="832"/>
        <v>3128.5920000000001</v>
      </c>
      <c r="BRD54" s="7">
        <f t="shared" si="832"/>
        <v>3128.5920000000001</v>
      </c>
      <c r="BRE54" s="7">
        <f t="shared" si="832"/>
        <v>3128.5920000000001</v>
      </c>
      <c r="BRF54" s="7">
        <f t="shared" si="832"/>
        <v>3128.5920000000001</v>
      </c>
      <c r="BRG54" s="7">
        <f t="shared" si="832"/>
        <v>3128.5920000000001</v>
      </c>
      <c r="BRH54" s="7">
        <f t="shared" si="832"/>
        <v>3128.5920000000001</v>
      </c>
      <c r="BRI54" s="7">
        <f t="shared" si="832"/>
        <v>3128.5920000000001</v>
      </c>
      <c r="BRJ54" s="7">
        <f t="shared" si="832"/>
        <v>3128.5920000000001</v>
      </c>
      <c r="BRK54" s="7">
        <f t="shared" si="832"/>
        <v>3128.5920000000001</v>
      </c>
      <c r="BRL54" s="7">
        <f t="shared" si="832"/>
        <v>3128.5920000000001</v>
      </c>
      <c r="BRM54" s="7">
        <f t="shared" si="832"/>
        <v>3128.5920000000001</v>
      </c>
      <c r="BRN54" s="7">
        <f t="shared" si="832"/>
        <v>3128.5920000000001</v>
      </c>
      <c r="BRO54" s="7">
        <f t="shared" si="832"/>
        <v>3128.5920000000001</v>
      </c>
      <c r="BRP54" s="7">
        <f t="shared" si="832"/>
        <v>3128.5920000000001</v>
      </c>
      <c r="BRQ54" s="7">
        <f t="shared" si="832"/>
        <v>3128.5920000000001</v>
      </c>
      <c r="BRR54" s="7">
        <f t="shared" si="832"/>
        <v>3128.5920000000001</v>
      </c>
      <c r="BRS54" s="7">
        <f t="shared" si="832"/>
        <v>3128.5920000000001</v>
      </c>
      <c r="BRT54" s="7">
        <f t="shared" si="832"/>
        <v>3128.5920000000001</v>
      </c>
      <c r="BRU54" s="7">
        <f t="shared" si="832"/>
        <v>3128.5920000000001</v>
      </c>
      <c r="BRV54" s="7">
        <f t="shared" si="832"/>
        <v>3128.5920000000001</v>
      </c>
      <c r="BRW54" s="7">
        <f t="shared" si="832"/>
        <v>3128.5920000000001</v>
      </c>
      <c r="BRX54" s="7">
        <f t="shared" si="832"/>
        <v>3128.5920000000001</v>
      </c>
      <c r="BRY54" s="7">
        <f t="shared" si="832"/>
        <v>3128.5920000000001</v>
      </c>
      <c r="BRZ54" s="7">
        <f t="shared" si="832"/>
        <v>3128.5920000000001</v>
      </c>
      <c r="BSA54" s="7">
        <f t="shared" si="832"/>
        <v>3128.5920000000001</v>
      </c>
      <c r="BSB54" s="7">
        <f t="shared" si="832"/>
        <v>3128.5920000000001</v>
      </c>
      <c r="BSC54" s="7">
        <f t="shared" si="832"/>
        <v>3128.5920000000001</v>
      </c>
      <c r="BSD54" s="7">
        <f t="shared" si="832"/>
        <v>3128.5920000000001</v>
      </c>
      <c r="BSE54" s="7">
        <f t="shared" si="832"/>
        <v>3128.5920000000001</v>
      </c>
      <c r="BSF54" s="7">
        <f t="shared" si="832"/>
        <v>3128.5920000000001</v>
      </c>
      <c r="BSG54" s="7">
        <f t="shared" si="832"/>
        <v>3128.5920000000001</v>
      </c>
      <c r="BSH54" s="7">
        <f t="shared" si="832"/>
        <v>3128.5920000000001</v>
      </c>
      <c r="BSI54" s="7">
        <f t="shared" si="832"/>
        <v>3128.5920000000001</v>
      </c>
      <c r="BSJ54" s="7">
        <f t="shared" si="832"/>
        <v>3128.5920000000001</v>
      </c>
      <c r="BSK54" s="7">
        <f t="shared" si="832"/>
        <v>3128.5920000000001</v>
      </c>
      <c r="BSL54" s="7">
        <f t="shared" si="832"/>
        <v>3128.5920000000001</v>
      </c>
      <c r="BSM54" s="7">
        <f t="shared" si="832"/>
        <v>3128.5920000000001</v>
      </c>
      <c r="BSN54" s="7">
        <f t="shared" si="832"/>
        <v>3128.5920000000001</v>
      </c>
      <c r="BSO54" s="7">
        <f t="shared" si="832"/>
        <v>3128.5920000000001</v>
      </c>
      <c r="BSP54" s="7">
        <f t="shared" si="832"/>
        <v>3128.5920000000001</v>
      </c>
      <c r="BSQ54" s="7">
        <f t="shared" si="832"/>
        <v>3128.5920000000001</v>
      </c>
      <c r="BSR54" s="7">
        <f t="shared" si="832"/>
        <v>3128.5920000000001</v>
      </c>
      <c r="BSS54" s="7">
        <f t="shared" si="832"/>
        <v>3128.5920000000001</v>
      </c>
      <c r="BST54" s="7">
        <f t="shared" ref="BST54:BVE54" si="833">BST49+BSS54</f>
        <v>3128.5920000000001</v>
      </c>
      <c r="BSU54" s="7">
        <f t="shared" si="833"/>
        <v>3128.5920000000001</v>
      </c>
      <c r="BSV54" s="7">
        <f t="shared" si="833"/>
        <v>3128.5920000000001</v>
      </c>
      <c r="BSW54" s="7">
        <f t="shared" si="833"/>
        <v>3128.5920000000001</v>
      </c>
      <c r="BSX54" s="7">
        <f t="shared" si="833"/>
        <v>3128.5920000000001</v>
      </c>
      <c r="BSY54" s="7">
        <f t="shared" si="833"/>
        <v>3128.5920000000001</v>
      </c>
      <c r="BSZ54" s="7">
        <f t="shared" si="833"/>
        <v>3128.5920000000001</v>
      </c>
      <c r="BTA54" s="7">
        <f t="shared" si="833"/>
        <v>3128.5920000000001</v>
      </c>
      <c r="BTB54" s="7">
        <f t="shared" si="833"/>
        <v>3128.5920000000001</v>
      </c>
      <c r="BTC54" s="7">
        <f t="shared" si="833"/>
        <v>3128.5920000000001</v>
      </c>
      <c r="BTD54" s="7">
        <f t="shared" si="833"/>
        <v>3128.5920000000001</v>
      </c>
      <c r="BTE54" s="7">
        <f t="shared" si="833"/>
        <v>3128.5920000000001</v>
      </c>
      <c r="BTF54" s="7">
        <f t="shared" si="833"/>
        <v>3128.5920000000001</v>
      </c>
      <c r="BTG54" s="7">
        <f t="shared" si="833"/>
        <v>3128.5920000000001</v>
      </c>
      <c r="BTH54" s="7">
        <f t="shared" si="833"/>
        <v>3128.5920000000001</v>
      </c>
      <c r="BTI54" s="7">
        <f t="shared" si="833"/>
        <v>3128.5920000000001</v>
      </c>
      <c r="BTJ54" s="7">
        <f t="shared" si="833"/>
        <v>3128.5920000000001</v>
      </c>
      <c r="BTK54" s="7">
        <f t="shared" si="833"/>
        <v>3128.5920000000001</v>
      </c>
      <c r="BTL54" s="7">
        <f t="shared" si="833"/>
        <v>3128.5920000000001</v>
      </c>
      <c r="BTM54" s="7">
        <f t="shared" si="833"/>
        <v>3128.5920000000001</v>
      </c>
      <c r="BTN54" s="7">
        <f t="shared" si="833"/>
        <v>3128.5920000000001</v>
      </c>
      <c r="BTO54" s="7">
        <f t="shared" si="833"/>
        <v>3128.5920000000001</v>
      </c>
      <c r="BTP54" s="7">
        <f t="shared" si="833"/>
        <v>3128.5920000000001</v>
      </c>
      <c r="BTQ54" s="7">
        <f t="shared" si="833"/>
        <v>3128.5920000000001</v>
      </c>
      <c r="BTR54" s="7">
        <f t="shared" si="833"/>
        <v>3128.5920000000001</v>
      </c>
      <c r="BTS54" s="7">
        <f t="shared" si="833"/>
        <v>3128.5920000000001</v>
      </c>
      <c r="BTT54" s="7">
        <f t="shared" si="833"/>
        <v>3128.5920000000001</v>
      </c>
      <c r="BTU54" s="7">
        <f t="shared" si="833"/>
        <v>3128.5920000000001</v>
      </c>
      <c r="BTV54" s="7">
        <f t="shared" si="833"/>
        <v>3128.5920000000001</v>
      </c>
      <c r="BTW54" s="7">
        <f t="shared" si="833"/>
        <v>3128.5920000000001</v>
      </c>
      <c r="BTX54" s="7">
        <f t="shared" si="833"/>
        <v>3128.5920000000001</v>
      </c>
      <c r="BTY54" s="7">
        <f t="shared" si="833"/>
        <v>3128.5920000000001</v>
      </c>
      <c r="BTZ54" s="7">
        <f t="shared" si="833"/>
        <v>3128.5920000000001</v>
      </c>
      <c r="BUA54" s="7">
        <f t="shared" si="833"/>
        <v>3128.5920000000001</v>
      </c>
      <c r="BUB54" s="7">
        <f t="shared" si="833"/>
        <v>3128.5920000000001</v>
      </c>
      <c r="BUC54" s="7">
        <f t="shared" si="833"/>
        <v>3128.5920000000001</v>
      </c>
      <c r="BUD54" s="7">
        <f t="shared" si="833"/>
        <v>3128.5920000000001</v>
      </c>
      <c r="BUE54" s="7">
        <f t="shared" si="833"/>
        <v>3128.5920000000001</v>
      </c>
      <c r="BUF54" s="7">
        <f t="shared" si="833"/>
        <v>3128.5920000000001</v>
      </c>
      <c r="BUG54" s="7">
        <f t="shared" si="833"/>
        <v>3128.5920000000001</v>
      </c>
      <c r="BUH54" s="7">
        <f t="shared" si="833"/>
        <v>3128.5920000000001</v>
      </c>
      <c r="BUI54" s="7">
        <f t="shared" si="833"/>
        <v>3128.5920000000001</v>
      </c>
      <c r="BUJ54" s="7">
        <f t="shared" si="833"/>
        <v>3128.5920000000001</v>
      </c>
      <c r="BUK54" s="7">
        <f t="shared" si="833"/>
        <v>3128.5920000000001</v>
      </c>
      <c r="BUL54" s="7">
        <f t="shared" si="833"/>
        <v>3128.5920000000001</v>
      </c>
      <c r="BUM54" s="7">
        <f t="shared" si="833"/>
        <v>3128.5920000000001</v>
      </c>
      <c r="BUN54" s="7">
        <f t="shared" si="833"/>
        <v>3128.5920000000001</v>
      </c>
      <c r="BUO54" s="7">
        <f t="shared" si="833"/>
        <v>3128.5920000000001</v>
      </c>
      <c r="BUP54" s="7">
        <f t="shared" si="833"/>
        <v>3128.5920000000001</v>
      </c>
      <c r="BUQ54" s="7">
        <f t="shared" si="833"/>
        <v>3128.5920000000001</v>
      </c>
      <c r="BUR54" s="7">
        <f t="shared" si="833"/>
        <v>3128.5920000000001</v>
      </c>
      <c r="BUS54" s="7">
        <f t="shared" si="833"/>
        <v>3128.5920000000001</v>
      </c>
      <c r="BUT54" s="7">
        <f t="shared" si="833"/>
        <v>3128.5920000000001</v>
      </c>
      <c r="BUU54" s="7">
        <f t="shared" si="833"/>
        <v>3128.5920000000001</v>
      </c>
      <c r="BUV54" s="7">
        <f t="shared" si="833"/>
        <v>3128.5920000000001</v>
      </c>
      <c r="BUW54" s="7">
        <f t="shared" si="833"/>
        <v>3128.5920000000001</v>
      </c>
      <c r="BUX54" s="7">
        <f t="shared" si="833"/>
        <v>3128.5920000000001</v>
      </c>
      <c r="BUY54" s="7">
        <f t="shared" si="833"/>
        <v>3128.5920000000001</v>
      </c>
      <c r="BUZ54" s="7">
        <f t="shared" si="833"/>
        <v>3128.5920000000001</v>
      </c>
      <c r="BVA54" s="7">
        <f t="shared" si="833"/>
        <v>3128.5920000000001</v>
      </c>
      <c r="BVB54" s="7">
        <f t="shared" si="833"/>
        <v>3128.5920000000001</v>
      </c>
      <c r="BVC54" s="7">
        <f t="shared" si="833"/>
        <v>3128.5920000000001</v>
      </c>
      <c r="BVD54" s="7">
        <f t="shared" si="833"/>
        <v>3128.5920000000001</v>
      </c>
      <c r="BVE54" s="7">
        <f t="shared" si="833"/>
        <v>3128.5920000000001</v>
      </c>
      <c r="BVF54" s="7">
        <f t="shared" ref="BVF54:BXQ54" si="834">BVF49+BVE54</f>
        <v>3128.5920000000001</v>
      </c>
      <c r="BVG54" s="7">
        <f t="shared" si="834"/>
        <v>3128.5920000000001</v>
      </c>
      <c r="BVH54" s="7">
        <f t="shared" si="834"/>
        <v>3128.5920000000001</v>
      </c>
      <c r="BVI54" s="7">
        <f t="shared" si="834"/>
        <v>3128.5920000000001</v>
      </c>
      <c r="BVJ54" s="7">
        <f t="shared" si="834"/>
        <v>3128.5920000000001</v>
      </c>
      <c r="BVK54" s="7">
        <f t="shared" si="834"/>
        <v>3128.5920000000001</v>
      </c>
      <c r="BVL54" s="7">
        <f t="shared" si="834"/>
        <v>3128.5920000000001</v>
      </c>
      <c r="BVM54" s="7">
        <f t="shared" si="834"/>
        <v>3128.5920000000001</v>
      </c>
      <c r="BVN54" s="7">
        <f t="shared" si="834"/>
        <v>3128.5920000000001</v>
      </c>
      <c r="BVO54" s="7">
        <f t="shared" si="834"/>
        <v>3128.5920000000001</v>
      </c>
      <c r="BVP54" s="7">
        <f t="shared" si="834"/>
        <v>3128.5920000000001</v>
      </c>
      <c r="BVQ54" s="7">
        <f t="shared" si="834"/>
        <v>3128.5920000000001</v>
      </c>
      <c r="BVR54" s="7">
        <f t="shared" si="834"/>
        <v>3128.5920000000001</v>
      </c>
      <c r="BVS54" s="7">
        <f t="shared" si="834"/>
        <v>3128.5920000000001</v>
      </c>
      <c r="BVT54" s="7">
        <f t="shared" si="834"/>
        <v>3128.5920000000001</v>
      </c>
      <c r="BVU54" s="7">
        <f t="shared" si="834"/>
        <v>3128.5920000000001</v>
      </c>
      <c r="BVV54" s="7">
        <f t="shared" si="834"/>
        <v>3128.5920000000001</v>
      </c>
      <c r="BVW54" s="7">
        <f t="shared" si="834"/>
        <v>3128.5920000000001</v>
      </c>
      <c r="BVX54" s="7">
        <f t="shared" si="834"/>
        <v>3128.5920000000001</v>
      </c>
      <c r="BVY54" s="7">
        <f t="shared" si="834"/>
        <v>3128.5920000000001</v>
      </c>
      <c r="BVZ54" s="7">
        <f t="shared" si="834"/>
        <v>3128.5920000000001</v>
      </c>
      <c r="BWA54" s="7">
        <f t="shared" si="834"/>
        <v>3128.5920000000001</v>
      </c>
      <c r="BWB54" s="7">
        <f t="shared" si="834"/>
        <v>3128.5920000000001</v>
      </c>
      <c r="BWC54" s="7">
        <f t="shared" si="834"/>
        <v>3128.5920000000001</v>
      </c>
      <c r="BWD54" s="7">
        <f t="shared" si="834"/>
        <v>3128.5920000000001</v>
      </c>
      <c r="BWE54" s="7">
        <f t="shared" si="834"/>
        <v>3128.5920000000001</v>
      </c>
      <c r="BWF54" s="7">
        <f t="shared" si="834"/>
        <v>3128.5920000000001</v>
      </c>
      <c r="BWG54" s="7">
        <f t="shared" si="834"/>
        <v>3128.5920000000001</v>
      </c>
      <c r="BWH54" s="7">
        <f t="shared" si="834"/>
        <v>3128.5920000000001</v>
      </c>
      <c r="BWI54" s="7">
        <f t="shared" si="834"/>
        <v>3128.5920000000001</v>
      </c>
      <c r="BWJ54" s="7">
        <f t="shared" si="834"/>
        <v>3128.5920000000001</v>
      </c>
      <c r="BWK54" s="7">
        <f t="shared" si="834"/>
        <v>3128.5920000000001</v>
      </c>
      <c r="BWL54" s="7">
        <f t="shared" si="834"/>
        <v>3128.5920000000001</v>
      </c>
      <c r="BWM54" s="7">
        <f t="shared" si="834"/>
        <v>3128.5920000000001</v>
      </c>
      <c r="BWN54" s="7">
        <f t="shared" si="834"/>
        <v>3128.5920000000001</v>
      </c>
      <c r="BWO54" s="7">
        <f t="shared" si="834"/>
        <v>3128.5920000000001</v>
      </c>
      <c r="BWP54" s="7">
        <f t="shared" si="834"/>
        <v>3128.5920000000001</v>
      </c>
      <c r="BWQ54" s="7">
        <f t="shared" si="834"/>
        <v>3128.5920000000001</v>
      </c>
      <c r="BWR54" s="7">
        <f t="shared" si="834"/>
        <v>3128.5920000000001</v>
      </c>
      <c r="BWS54" s="7">
        <f t="shared" si="834"/>
        <v>3128.5920000000001</v>
      </c>
      <c r="BWT54" s="7">
        <f t="shared" si="834"/>
        <v>3128.5920000000001</v>
      </c>
      <c r="BWU54" s="7">
        <f t="shared" si="834"/>
        <v>3128.5920000000001</v>
      </c>
      <c r="BWV54" s="7">
        <f t="shared" si="834"/>
        <v>3128.5920000000001</v>
      </c>
      <c r="BWW54" s="7">
        <f t="shared" si="834"/>
        <v>3128.5920000000001</v>
      </c>
      <c r="BWX54" s="7">
        <f t="shared" si="834"/>
        <v>3128.5920000000001</v>
      </c>
      <c r="BWY54" s="7">
        <f t="shared" si="834"/>
        <v>3128.5920000000001</v>
      </c>
      <c r="BWZ54" s="7">
        <f t="shared" si="834"/>
        <v>3128.5920000000001</v>
      </c>
      <c r="BXA54" s="7">
        <f t="shared" si="834"/>
        <v>3128.5920000000001</v>
      </c>
      <c r="BXB54" s="7">
        <f t="shared" si="834"/>
        <v>3128.5920000000001</v>
      </c>
      <c r="BXC54" s="7">
        <f t="shared" si="834"/>
        <v>3128.5920000000001</v>
      </c>
      <c r="BXD54" s="7">
        <f t="shared" si="834"/>
        <v>3128.5920000000001</v>
      </c>
      <c r="BXE54" s="7">
        <f t="shared" si="834"/>
        <v>3128.5920000000001</v>
      </c>
      <c r="BXF54" s="7">
        <f t="shared" si="834"/>
        <v>3128.5920000000001</v>
      </c>
      <c r="BXG54" s="7">
        <f t="shared" si="834"/>
        <v>3128.5920000000001</v>
      </c>
      <c r="BXH54" s="7">
        <f t="shared" si="834"/>
        <v>3128.5920000000001</v>
      </c>
      <c r="BXI54" s="7">
        <f t="shared" si="834"/>
        <v>3128.5920000000001</v>
      </c>
      <c r="BXJ54" s="7">
        <f t="shared" si="834"/>
        <v>3128.5920000000001</v>
      </c>
      <c r="BXK54" s="7">
        <f t="shared" si="834"/>
        <v>3128.5920000000001</v>
      </c>
      <c r="BXL54" s="7">
        <f t="shared" si="834"/>
        <v>3128.5920000000001</v>
      </c>
      <c r="BXM54" s="7">
        <f t="shared" si="834"/>
        <v>3128.5920000000001</v>
      </c>
      <c r="BXN54" s="7">
        <f t="shared" si="834"/>
        <v>3128.5920000000001</v>
      </c>
      <c r="BXO54" s="7">
        <f t="shared" si="834"/>
        <v>3128.5920000000001</v>
      </c>
      <c r="BXP54" s="7">
        <f t="shared" si="834"/>
        <v>3128.5920000000001</v>
      </c>
      <c r="BXQ54" s="7">
        <f t="shared" si="834"/>
        <v>3128.5920000000001</v>
      </c>
      <c r="BXR54" s="7">
        <f t="shared" ref="BXR54:CAC54" si="835">BXR49+BXQ54</f>
        <v>3128.5920000000001</v>
      </c>
      <c r="BXS54" s="7">
        <f t="shared" si="835"/>
        <v>3128.5920000000001</v>
      </c>
      <c r="BXT54" s="7">
        <f t="shared" si="835"/>
        <v>3128.5920000000001</v>
      </c>
      <c r="BXU54" s="7">
        <f t="shared" si="835"/>
        <v>3128.5920000000001</v>
      </c>
      <c r="BXV54" s="7">
        <f t="shared" si="835"/>
        <v>3128.5920000000001</v>
      </c>
      <c r="BXW54" s="7">
        <f t="shared" si="835"/>
        <v>3128.5920000000001</v>
      </c>
      <c r="BXX54" s="7">
        <f t="shared" si="835"/>
        <v>3128.5920000000001</v>
      </c>
      <c r="BXY54" s="7">
        <f t="shared" si="835"/>
        <v>3128.5920000000001</v>
      </c>
      <c r="BXZ54" s="7">
        <f t="shared" si="835"/>
        <v>3128.5920000000001</v>
      </c>
      <c r="BYA54" s="7">
        <f t="shared" si="835"/>
        <v>3128.5920000000001</v>
      </c>
      <c r="BYB54" s="7">
        <f t="shared" si="835"/>
        <v>3128.5920000000001</v>
      </c>
      <c r="BYC54" s="7">
        <f t="shared" si="835"/>
        <v>3128.5920000000001</v>
      </c>
      <c r="BYD54" s="7">
        <f t="shared" si="835"/>
        <v>3128.5920000000001</v>
      </c>
      <c r="BYE54" s="7">
        <f t="shared" si="835"/>
        <v>3128.5920000000001</v>
      </c>
      <c r="BYF54" s="7">
        <f t="shared" si="835"/>
        <v>3128.5920000000001</v>
      </c>
      <c r="BYG54" s="7">
        <f t="shared" si="835"/>
        <v>3128.5920000000001</v>
      </c>
      <c r="BYH54" s="7">
        <f t="shared" si="835"/>
        <v>3128.5920000000001</v>
      </c>
      <c r="BYI54" s="7">
        <f t="shared" si="835"/>
        <v>3128.5920000000001</v>
      </c>
      <c r="BYJ54" s="7">
        <f t="shared" si="835"/>
        <v>3128.5920000000001</v>
      </c>
      <c r="BYK54" s="7">
        <f t="shared" si="835"/>
        <v>3128.5920000000001</v>
      </c>
      <c r="BYL54" s="7">
        <f t="shared" si="835"/>
        <v>3128.5920000000001</v>
      </c>
      <c r="BYM54" s="7">
        <f t="shared" si="835"/>
        <v>3128.5920000000001</v>
      </c>
      <c r="BYN54" s="7">
        <f t="shared" si="835"/>
        <v>3128.5920000000001</v>
      </c>
      <c r="BYO54" s="7">
        <f t="shared" si="835"/>
        <v>3128.5920000000001</v>
      </c>
      <c r="BYP54" s="7">
        <f t="shared" si="835"/>
        <v>3128.5920000000001</v>
      </c>
      <c r="BYQ54" s="7">
        <f t="shared" si="835"/>
        <v>3128.5920000000001</v>
      </c>
      <c r="BYR54" s="7">
        <f t="shared" si="835"/>
        <v>3128.5920000000001</v>
      </c>
      <c r="BYS54" s="7">
        <f t="shared" si="835"/>
        <v>3128.5920000000001</v>
      </c>
      <c r="BYT54" s="7">
        <f t="shared" si="835"/>
        <v>3128.5920000000001</v>
      </c>
      <c r="BYU54" s="7">
        <f t="shared" si="835"/>
        <v>3128.5920000000001</v>
      </c>
      <c r="BYV54" s="7">
        <f t="shared" si="835"/>
        <v>3128.5920000000001</v>
      </c>
      <c r="BYW54" s="7">
        <f t="shared" si="835"/>
        <v>3128.5920000000001</v>
      </c>
      <c r="BYX54" s="7">
        <f t="shared" si="835"/>
        <v>3128.5920000000001</v>
      </c>
      <c r="BYY54" s="7">
        <f t="shared" si="835"/>
        <v>3128.5920000000001</v>
      </c>
      <c r="BYZ54" s="7">
        <f t="shared" si="835"/>
        <v>3128.5920000000001</v>
      </c>
      <c r="BZA54" s="7">
        <f t="shared" si="835"/>
        <v>3128.5920000000001</v>
      </c>
      <c r="BZB54" s="7">
        <f t="shared" si="835"/>
        <v>3128.5920000000001</v>
      </c>
      <c r="BZC54" s="7">
        <f t="shared" si="835"/>
        <v>3128.5920000000001</v>
      </c>
      <c r="BZD54" s="7">
        <f t="shared" si="835"/>
        <v>3128.5920000000001</v>
      </c>
      <c r="BZE54" s="7">
        <f t="shared" si="835"/>
        <v>3128.5920000000001</v>
      </c>
      <c r="BZF54" s="7">
        <f t="shared" si="835"/>
        <v>3128.5920000000001</v>
      </c>
      <c r="BZG54" s="7">
        <f t="shared" si="835"/>
        <v>3128.5920000000001</v>
      </c>
      <c r="BZH54" s="7">
        <f t="shared" si="835"/>
        <v>3128.5920000000001</v>
      </c>
      <c r="BZI54" s="7">
        <f t="shared" si="835"/>
        <v>3128.5920000000001</v>
      </c>
      <c r="BZJ54" s="7">
        <f t="shared" si="835"/>
        <v>3128.5920000000001</v>
      </c>
      <c r="BZK54" s="7">
        <f t="shared" si="835"/>
        <v>3128.5920000000001</v>
      </c>
      <c r="BZL54" s="7">
        <f t="shared" si="835"/>
        <v>3128.5920000000001</v>
      </c>
      <c r="BZM54" s="7">
        <f t="shared" si="835"/>
        <v>3128.5920000000001</v>
      </c>
      <c r="BZN54" s="7">
        <f t="shared" si="835"/>
        <v>3128.5920000000001</v>
      </c>
      <c r="BZO54" s="7">
        <f t="shared" si="835"/>
        <v>3128.5920000000001</v>
      </c>
      <c r="BZP54" s="7">
        <f t="shared" si="835"/>
        <v>3128.5920000000001</v>
      </c>
      <c r="BZQ54" s="7">
        <f t="shared" si="835"/>
        <v>3128.5920000000001</v>
      </c>
      <c r="BZR54" s="7">
        <f t="shared" si="835"/>
        <v>3128.5920000000001</v>
      </c>
      <c r="BZS54" s="7">
        <f t="shared" si="835"/>
        <v>3128.5920000000001</v>
      </c>
      <c r="BZT54" s="7">
        <f t="shared" si="835"/>
        <v>3128.5920000000001</v>
      </c>
      <c r="BZU54" s="7">
        <f t="shared" si="835"/>
        <v>3128.5920000000001</v>
      </c>
      <c r="BZV54" s="7">
        <f t="shared" si="835"/>
        <v>3128.5920000000001</v>
      </c>
      <c r="BZW54" s="7">
        <f t="shared" si="835"/>
        <v>3128.5920000000001</v>
      </c>
      <c r="BZX54" s="7">
        <f t="shared" si="835"/>
        <v>3128.5920000000001</v>
      </c>
      <c r="BZY54" s="7">
        <f t="shared" si="835"/>
        <v>3128.5920000000001</v>
      </c>
      <c r="BZZ54" s="7">
        <f t="shared" si="835"/>
        <v>3128.5920000000001</v>
      </c>
      <c r="CAA54" s="7">
        <f t="shared" si="835"/>
        <v>3128.5920000000001</v>
      </c>
      <c r="CAB54" s="7">
        <f t="shared" si="835"/>
        <v>3128.5920000000001</v>
      </c>
      <c r="CAC54" s="7">
        <f t="shared" si="835"/>
        <v>3128.5920000000001</v>
      </c>
      <c r="CAD54" s="7">
        <f t="shared" ref="CAD54:CCO54" si="836">CAD49+CAC54</f>
        <v>3128.5920000000001</v>
      </c>
      <c r="CAE54" s="7">
        <f t="shared" si="836"/>
        <v>3128.5920000000001</v>
      </c>
      <c r="CAF54" s="7">
        <f t="shared" si="836"/>
        <v>3128.5920000000001</v>
      </c>
      <c r="CAG54" s="7">
        <f t="shared" si="836"/>
        <v>3128.5920000000001</v>
      </c>
      <c r="CAH54" s="7">
        <f t="shared" si="836"/>
        <v>3128.5920000000001</v>
      </c>
      <c r="CAI54" s="7">
        <f t="shared" si="836"/>
        <v>3128.5920000000001</v>
      </c>
      <c r="CAJ54" s="7">
        <f t="shared" si="836"/>
        <v>3128.5920000000001</v>
      </c>
      <c r="CAK54" s="7">
        <f t="shared" si="836"/>
        <v>3128.5920000000001</v>
      </c>
      <c r="CAL54" s="7">
        <f t="shared" si="836"/>
        <v>3128.5920000000001</v>
      </c>
      <c r="CAM54" s="7">
        <f t="shared" si="836"/>
        <v>3128.5920000000001</v>
      </c>
      <c r="CAN54" s="7">
        <f t="shared" si="836"/>
        <v>3128.5920000000001</v>
      </c>
      <c r="CAO54" s="7">
        <f t="shared" si="836"/>
        <v>3128.5920000000001</v>
      </c>
      <c r="CAP54" s="7">
        <f t="shared" si="836"/>
        <v>3128.5920000000001</v>
      </c>
      <c r="CAQ54" s="7">
        <f t="shared" si="836"/>
        <v>3128.5920000000001</v>
      </c>
      <c r="CAR54" s="7">
        <f t="shared" si="836"/>
        <v>3128.5920000000001</v>
      </c>
      <c r="CAS54" s="7">
        <f t="shared" si="836"/>
        <v>3128.5920000000001</v>
      </c>
      <c r="CAT54" s="7">
        <f t="shared" si="836"/>
        <v>3128.5920000000001</v>
      </c>
      <c r="CAU54" s="7">
        <f t="shared" si="836"/>
        <v>3128.5920000000001</v>
      </c>
      <c r="CAV54" s="7">
        <f t="shared" si="836"/>
        <v>3128.5920000000001</v>
      </c>
      <c r="CAW54" s="7">
        <f t="shared" si="836"/>
        <v>3128.5920000000001</v>
      </c>
      <c r="CAX54" s="7">
        <f t="shared" si="836"/>
        <v>3128.5920000000001</v>
      </c>
      <c r="CAY54" s="7">
        <f t="shared" si="836"/>
        <v>3128.5920000000001</v>
      </c>
      <c r="CAZ54" s="7">
        <f t="shared" si="836"/>
        <v>3128.5920000000001</v>
      </c>
      <c r="CBA54" s="7">
        <f t="shared" si="836"/>
        <v>3128.5920000000001</v>
      </c>
      <c r="CBB54" s="7">
        <f t="shared" si="836"/>
        <v>3128.5920000000001</v>
      </c>
      <c r="CBC54" s="7">
        <f t="shared" si="836"/>
        <v>3128.5920000000001</v>
      </c>
      <c r="CBD54" s="7">
        <f t="shared" si="836"/>
        <v>3128.5920000000001</v>
      </c>
      <c r="CBE54" s="7">
        <f t="shared" si="836"/>
        <v>3128.5920000000001</v>
      </c>
      <c r="CBF54" s="7">
        <f t="shared" si="836"/>
        <v>3128.5920000000001</v>
      </c>
      <c r="CBG54" s="7">
        <f t="shared" si="836"/>
        <v>3128.5920000000001</v>
      </c>
      <c r="CBH54" s="7">
        <f t="shared" si="836"/>
        <v>3128.5920000000001</v>
      </c>
      <c r="CBI54" s="7">
        <f t="shared" si="836"/>
        <v>3128.5920000000001</v>
      </c>
      <c r="CBJ54" s="7">
        <f t="shared" si="836"/>
        <v>3128.5920000000001</v>
      </c>
      <c r="CBK54" s="7">
        <f t="shared" si="836"/>
        <v>3128.5920000000001</v>
      </c>
      <c r="CBL54" s="7">
        <f t="shared" si="836"/>
        <v>3128.5920000000001</v>
      </c>
      <c r="CBM54" s="7">
        <f t="shared" si="836"/>
        <v>3128.5920000000001</v>
      </c>
      <c r="CBN54" s="7">
        <f t="shared" si="836"/>
        <v>3128.5920000000001</v>
      </c>
      <c r="CBO54" s="7">
        <f t="shared" si="836"/>
        <v>3128.5920000000001</v>
      </c>
      <c r="CBP54" s="7">
        <f t="shared" si="836"/>
        <v>3128.5920000000001</v>
      </c>
      <c r="CBQ54" s="7">
        <f t="shared" si="836"/>
        <v>3128.5920000000001</v>
      </c>
      <c r="CBR54" s="7">
        <f t="shared" si="836"/>
        <v>3128.5920000000001</v>
      </c>
      <c r="CBS54" s="7">
        <f t="shared" si="836"/>
        <v>3128.5920000000001</v>
      </c>
      <c r="CBT54" s="7">
        <f t="shared" si="836"/>
        <v>3128.5920000000001</v>
      </c>
      <c r="CBU54" s="7">
        <f t="shared" si="836"/>
        <v>3128.5920000000001</v>
      </c>
      <c r="CBV54" s="7">
        <f t="shared" si="836"/>
        <v>3128.5920000000001</v>
      </c>
      <c r="CBW54" s="7">
        <f t="shared" si="836"/>
        <v>3128.5920000000001</v>
      </c>
      <c r="CBX54" s="7">
        <f t="shared" si="836"/>
        <v>3128.5920000000001</v>
      </c>
      <c r="CBY54" s="7">
        <f t="shared" si="836"/>
        <v>3128.5920000000001</v>
      </c>
      <c r="CBZ54" s="7">
        <f t="shared" si="836"/>
        <v>3128.5920000000001</v>
      </c>
      <c r="CCA54" s="7">
        <f t="shared" si="836"/>
        <v>3128.5920000000001</v>
      </c>
      <c r="CCB54" s="7">
        <f t="shared" si="836"/>
        <v>3128.5920000000001</v>
      </c>
      <c r="CCC54" s="7">
        <f t="shared" si="836"/>
        <v>3128.5920000000001</v>
      </c>
      <c r="CCD54" s="7">
        <f t="shared" si="836"/>
        <v>3128.5920000000001</v>
      </c>
      <c r="CCE54" s="7">
        <f t="shared" si="836"/>
        <v>3128.5920000000001</v>
      </c>
      <c r="CCF54" s="7">
        <f t="shared" si="836"/>
        <v>3128.5920000000001</v>
      </c>
      <c r="CCG54" s="7">
        <f t="shared" si="836"/>
        <v>3128.5920000000001</v>
      </c>
      <c r="CCH54" s="7">
        <f t="shared" si="836"/>
        <v>3128.5920000000001</v>
      </c>
      <c r="CCI54" s="7">
        <f t="shared" si="836"/>
        <v>3128.5920000000001</v>
      </c>
      <c r="CCJ54" s="7">
        <f t="shared" si="836"/>
        <v>3128.5920000000001</v>
      </c>
      <c r="CCK54" s="7">
        <f t="shared" si="836"/>
        <v>3128.5920000000001</v>
      </c>
      <c r="CCL54" s="7">
        <f t="shared" si="836"/>
        <v>3128.5920000000001</v>
      </c>
      <c r="CCM54" s="7">
        <f t="shared" si="836"/>
        <v>3128.5920000000001</v>
      </c>
      <c r="CCN54" s="7">
        <f t="shared" si="836"/>
        <v>3128.5920000000001</v>
      </c>
      <c r="CCO54" s="7">
        <f t="shared" si="836"/>
        <v>3128.5920000000001</v>
      </c>
      <c r="CCP54" s="7">
        <f t="shared" ref="CCP54:CFA54" si="837">CCP49+CCO54</f>
        <v>3128.5920000000001</v>
      </c>
      <c r="CCQ54" s="7">
        <f t="shared" si="837"/>
        <v>3128.5920000000001</v>
      </c>
      <c r="CCR54" s="7">
        <f t="shared" si="837"/>
        <v>3128.5920000000001</v>
      </c>
      <c r="CCS54" s="7">
        <f t="shared" si="837"/>
        <v>3128.5920000000001</v>
      </c>
      <c r="CCT54" s="7">
        <f t="shared" si="837"/>
        <v>3128.5920000000001</v>
      </c>
      <c r="CCU54" s="7">
        <f t="shared" si="837"/>
        <v>3128.5920000000001</v>
      </c>
      <c r="CCV54" s="7">
        <f t="shared" si="837"/>
        <v>3128.5920000000001</v>
      </c>
      <c r="CCW54" s="7">
        <f t="shared" si="837"/>
        <v>3128.5920000000001</v>
      </c>
      <c r="CCX54" s="7">
        <f t="shared" si="837"/>
        <v>3128.5920000000001</v>
      </c>
      <c r="CCY54" s="7">
        <f t="shared" si="837"/>
        <v>3128.5920000000001</v>
      </c>
      <c r="CCZ54" s="7">
        <f t="shared" si="837"/>
        <v>3128.5920000000001</v>
      </c>
      <c r="CDA54" s="7">
        <f t="shared" si="837"/>
        <v>3128.5920000000001</v>
      </c>
      <c r="CDB54" s="7">
        <f t="shared" si="837"/>
        <v>3128.5920000000001</v>
      </c>
      <c r="CDC54" s="7">
        <f t="shared" si="837"/>
        <v>3128.5920000000001</v>
      </c>
      <c r="CDD54" s="7">
        <f t="shared" si="837"/>
        <v>3128.5920000000001</v>
      </c>
      <c r="CDE54" s="7">
        <f t="shared" si="837"/>
        <v>3128.5920000000001</v>
      </c>
      <c r="CDF54" s="7">
        <f t="shared" si="837"/>
        <v>3128.5920000000001</v>
      </c>
      <c r="CDG54" s="7">
        <f t="shared" si="837"/>
        <v>3128.5920000000001</v>
      </c>
      <c r="CDH54" s="7">
        <f t="shared" si="837"/>
        <v>3128.5920000000001</v>
      </c>
      <c r="CDI54" s="7">
        <f t="shared" si="837"/>
        <v>3128.5920000000001</v>
      </c>
      <c r="CDJ54" s="7">
        <f t="shared" si="837"/>
        <v>3128.5920000000001</v>
      </c>
      <c r="CDK54" s="7">
        <f t="shared" si="837"/>
        <v>3128.5920000000001</v>
      </c>
      <c r="CDL54" s="7">
        <f t="shared" si="837"/>
        <v>3128.5920000000001</v>
      </c>
      <c r="CDM54" s="7">
        <f t="shared" si="837"/>
        <v>3128.5920000000001</v>
      </c>
      <c r="CDN54" s="7">
        <f t="shared" si="837"/>
        <v>3128.5920000000001</v>
      </c>
      <c r="CDO54" s="7">
        <f t="shared" si="837"/>
        <v>3128.5920000000001</v>
      </c>
      <c r="CDP54" s="7">
        <f t="shared" si="837"/>
        <v>3128.5920000000001</v>
      </c>
      <c r="CDQ54" s="7">
        <f t="shared" si="837"/>
        <v>3128.5920000000001</v>
      </c>
      <c r="CDR54" s="7">
        <f t="shared" si="837"/>
        <v>3128.5920000000001</v>
      </c>
      <c r="CDS54" s="7">
        <f t="shared" si="837"/>
        <v>3128.5920000000001</v>
      </c>
      <c r="CDT54" s="7">
        <f t="shared" si="837"/>
        <v>3128.5920000000001</v>
      </c>
      <c r="CDU54" s="7">
        <f t="shared" si="837"/>
        <v>3128.5920000000001</v>
      </c>
      <c r="CDV54" s="7">
        <f t="shared" si="837"/>
        <v>3128.5920000000001</v>
      </c>
      <c r="CDW54" s="7">
        <f t="shared" si="837"/>
        <v>3128.5920000000001</v>
      </c>
      <c r="CDX54" s="7">
        <f t="shared" si="837"/>
        <v>3128.5920000000001</v>
      </c>
      <c r="CDY54" s="7">
        <f t="shared" si="837"/>
        <v>3128.5920000000001</v>
      </c>
      <c r="CDZ54" s="7">
        <f t="shared" si="837"/>
        <v>3128.5920000000001</v>
      </c>
      <c r="CEA54" s="7">
        <f t="shared" si="837"/>
        <v>3128.5920000000001</v>
      </c>
      <c r="CEB54" s="7">
        <f t="shared" si="837"/>
        <v>3128.5920000000001</v>
      </c>
      <c r="CEC54" s="7">
        <f t="shared" si="837"/>
        <v>3128.5920000000001</v>
      </c>
      <c r="CED54" s="7">
        <f t="shared" si="837"/>
        <v>3128.5920000000001</v>
      </c>
      <c r="CEE54" s="7">
        <f t="shared" si="837"/>
        <v>3128.5920000000001</v>
      </c>
      <c r="CEF54" s="7">
        <f t="shared" si="837"/>
        <v>3128.5920000000001</v>
      </c>
      <c r="CEG54" s="7">
        <f t="shared" si="837"/>
        <v>3128.5920000000001</v>
      </c>
      <c r="CEH54" s="7">
        <f t="shared" si="837"/>
        <v>3128.5920000000001</v>
      </c>
      <c r="CEI54" s="7">
        <f t="shared" si="837"/>
        <v>3128.5920000000001</v>
      </c>
      <c r="CEJ54" s="7">
        <f t="shared" si="837"/>
        <v>3128.5920000000001</v>
      </c>
      <c r="CEK54" s="7">
        <f t="shared" si="837"/>
        <v>3128.5920000000001</v>
      </c>
      <c r="CEL54" s="7">
        <f t="shared" si="837"/>
        <v>3128.5920000000001</v>
      </c>
      <c r="CEM54" s="7">
        <f t="shared" si="837"/>
        <v>3128.5920000000001</v>
      </c>
      <c r="CEN54" s="7">
        <f t="shared" si="837"/>
        <v>3128.5920000000001</v>
      </c>
      <c r="CEO54" s="7">
        <f t="shared" si="837"/>
        <v>3128.5920000000001</v>
      </c>
      <c r="CEP54" s="7">
        <f t="shared" si="837"/>
        <v>3128.5920000000001</v>
      </c>
      <c r="CEQ54" s="7">
        <f t="shared" si="837"/>
        <v>3128.5920000000001</v>
      </c>
      <c r="CER54" s="7">
        <f t="shared" si="837"/>
        <v>3128.5920000000001</v>
      </c>
      <c r="CES54" s="7">
        <f t="shared" si="837"/>
        <v>3128.5920000000001</v>
      </c>
      <c r="CET54" s="7">
        <f t="shared" si="837"/>
        <v>3128.5920000000001</v>
      </c>
      <c r="CEU54" s="7">
        <f t="shared" si="837"/>
        <v>3128.5920000000001</v>
      </c>
      <c r="CEV54" s="7">
        <f t="shared" si="837"/>
        <v>3128.5920000000001</v>
      </c>
      <c r="CEW54" s="7">
        <f t="shared" si="837"/>
        <v>3128.5920000000001</v>
      </c>
      <c r="CEX54" s="7">
        <f t="shared" si="837"/>
        <v>3128.5920000000001</v>
      </c>
      <c r="CEY54" s="7">
        <f t="shared" si="837"/>
        <v>3128.5920000000001</v>
      </c>
      <c r="CEZ54" s="7">
        <f t="shared" si="837"/>
        <v>3128.5920000000001</v>
      </c>
      <c r="CFA54" s="7">
        <f t="shared" si="837"/>
        <v>3128.5920000000001</v>
      </c>
      <c r="CFB54" s="7">
        <f t="shared" ref="CFB54:CHM54" si="838">CFB49+CFA54</f>
        <v>3128.5920000000001</v>
      </c>
      <c r="CFC54" s="7">
        <f t="shared" si="838"/>
        <v>3128.5920000000001</v>
      </c>
      <c r="CFD54" s="7">
        <f t="shared" si="838"/>
        <v>3128.5920000000001</v>
      </c>
      <c r="CFE54" s="7">
        <f t="shared" si="838"/>
        <v>3128.5920000000001</v>
      </c>
      <c r="CFF54" s="7">
        <f t="shared" si="838"/>
        <v>3128.5920000000001</v>
      </c>
      <c r="CFG54" s="7">
        <f t="shared" si="838"/>
        <v>3128.5920000000001</v>
      </c>
      <c r="CFH54" s="7">
        <f t="shared" si="838"/>
        <v>3128.5920000000001</v>
      </c>
      <c r="CFI54" s="7">
        <f t="shared" si="838"/>
        <v>3128.5920000000001</v>
      </c>
      <c r="CFJ54" s="7">
        <f t="shared" si="838"/>
        <v>3128.5920000000001</v>
      </c>
      <c r="CFK54" s="7">
        <f t="shared" si="838"/>
        <v>3128.5920000000001</v>
      </c>
      <c r="CFL54" s="7">
        <f t="shared" si="838"/>
        <v>3128.5920000000001</v>
      </c>
      <c r="CFM54" s="7">
        <f t="shared" si="838"/>
        <v>3128.5920000000001</v>
      </c>
      <c r="CFN54" s="7">
        <f t="shared" si="838"/>
        <v>3128.5920000000001</v>
      </c>
      <c r="CFO54" s="7">
        <f t="shared" si="838"/>
        <v>3128.5920000000001</v>
      </c>
      <c r="CFP54" s="7">
        <f t="shared" si="838"/>
        <v>3128.5920000000001</v>
      </c>
      <c r="CFQ54" s="7">
        <f t="shared" si="838"/>
        <v>3128.5920000000001</v>
      </c>
      <c r="CFR54" s="7">
        <f t="shared" si="838"/>
        <v>3128.5920000000001</v>
      </c>
      <c r="CFS54" s="7">
        <f t="shared" si="838"/>
        <v>3128.5920000000001</v>
      </c>
      <c r="CFT54" s="7">
        <f t="shared" si="838"/>
        <v>3128.5920000000001</v>
      </c>
      <c r="CFU54" s="7">
        <f t="shared" si="838"/>
        <v>3128.5920000000001</v>
      </c>
      <c r="CFV54" s="7">
        <f t="shared" si="838"/>
        <v>3128.5920000000001</v>
      </c>
      <c r="CFW54" s="7">
        <f t="shared" si="838"/>
        <v>3128.5920000000001</v>
      </c>
      <c r="CFX54" s="7">
        <f t="shared" si="838"/>
        <v>3128.5920000000001</v>
      </c>
      <c r="CFY54" s="7">
        <f t="shared" si="838"/>
        <v>3128.5920000000001</v>
      </c>
      <c r="CFZ54" s="7">
        <f t="shared" si="838"/>
        <v>3128.5920000000001</v>
      </c>
      <c r="CGA54" s="7">
        <f t="shared" si="838"/>
        <v>3128.5920000000001</v>
      </c>
      <c r="CGB54" s="7">
        <f t="shared" si="838"/>
        <v>3128.5920000000001</v>
      </c>
      <c r="CGC54" s="7">
        <f t="shared" si="838"/>
        <v>3128.5920000000001</v>
      </c>
      <c r="CGD54" s="7">
        <f t="shared" si="838"/>
        <v>3128.5920000000001</v>
      </c>
      <c r="CGE54" s="7">
        <f t="shared" si="838"/>
        <v>3128.5920000000001</v>
      </c>
      <c r="CGF54" s="7">
        <f t="shared" si="838"/>
        <v>3128.5920000000001</v>
      </c>
      <c r="CGG54" s="7">
        <f t="shared" si="838"/>
        <v>3128.5920000000001</v>
      </c>
      <c r="CGH54" s="7">
        <f t="shared" si="838"/>
        <v>3128.5920000000001</v>
      </c>
      <c r="CGI54" s="7">
        <f t="shared" si="838"/>
        <v>3128.5920000000001</v>
      </c>
      <c r="CGJ54" s="7">
        <f t="shared" si="838"/>
        <v>3128.5920000000001</v>
      </c>
      <c r="CGK54" s="7">
        <f t="shared" si="838"/>
        <v>3128.5920000000001</v>
      </c>
      <c r="CGL54" s="7">
        <f t="shared" si="838"/>
        <v>3128.5920000000001</v>
      </c>
      <c r="CGM54" s="7">
        <f t="shared" si="838"/>
        <v>3128.5920000000001</v>
      </c>
      <c r="CGN54" s="7">
        <f t="shared" si="838"/>
        <v>3128.5920000000001</v>
      </c>
      <c r="CGO54" s="7">
        <f t="shared" si="838"/>
        <v>3128.5920000000001</v>
      </c>
      <c r="CGP54" s="7">
        <f t="shared" si="838"/>
        <v>3128.5920000000001</v>
      </c>
      <c r="CGQ54" s="7">
        <f t="shared" si="838"/>
        <v>3128.5920000000001</v>
      </c>
      <c r="CGR54" s="7">
        <f t="shared" si="838"/>
        <v>3128.5920000000001</v>
      </c>
      <c r="CGS54" s="7">
        <f t="shared" si="838"/>
        <v>3128.5920000000001</v>
      </c>
      <c r="CGT54" s="7">
        <f t="shared" si="838"/>
        <v>3128.5920000000001</v>
      </c>
      <c r="CGU54" s="7">
        <f t="shared" si="838"/>
        <v>3128.5920000000001</v>
      </c>
      <c r="CGV54" s="7">
        <f t="shared" si="838"/>
        <v>3128.5920000000001</v>
      </c>
      <c r="CGW54" s="7">
        <f t="shared" si="838"/>
        <v>3128.5920000000001</v>
      </c>
      <c r="CGX54" s="7">
        <f t="shared" si="838"/>
        <v>3128.5920000000001</v>
      </c>
      <c r="CGY54" s="7">
        <f t="shared" si="838"/>
        <v>3128.5920000000001</v>
      </c>
      <c r="CGZ54" s="7">
        <f t="shared" si="838"/>
        <v>3128.5920000000001</v>
      </c>
      <c r="CHA54" s="7">
        <f t="shared" si="838"/>
        <v>3128.5920000000001</v>
      </c>
      <c r="CHB54" s="7">
        <f t="shared" si="838"/>
        <v>3128.5920000000001</v>
      </c>
      <c r="CHC54" s="7">
        <f t="shared" si="838"/>
        <v>3128.5920000000001</v>
      </c>
      <c r="CHD54" s="7">
        <f t="shared" si="838"/>
        <v>3128.5920000000001</v>
      </c>
      <c r="CHE54" s="7">
        <f t="shared" si="838"/>
        <v>3128.5920000000001</v>
      </c>
      <c r="CHF54" s="7">
        <f t="shared" si="838"/>
        <v>3128.5920000000001</v>
      </c>
      <c r="CHG54" s="7">
        <f t="shared" si="838"/>
        <v>3128.5920000000001</v>
      </c>
      <c r="CHH54" s="7">
        <f t="shared" si="838"/>
        <v>3128.5920000000001</v>
      </c>
      <c r="CHI54" s="7">
        <f t="shared" si="838"/>
        <v>3128.5920000000001</v>
      </c>
      <c r="CHJ54" s="7">
        <f t="shared" si="838"/>
        <v>3128.5920000000001</v>
      </c>
      <c r="CHK54" s="7">
        <f t="shared" si="838"/>
        <v>3128.5920000000001</v>
      </c>
      <c r="CHL54" s="7">
        <f t="shared" si="838"/>
        <v>3128.5920000000001</v>
      </c>
      <c r="CHM54" s="7">
        <f t="shared" si="838"/>
        <v>3128.5920000000001</v>
      </c>
      <c r="CHN54" s="7">
        <f t="shared" ref="CHN54:CJY54" si="839">CHN49+CHM54</f>
        <v>3128.5920000000001</v>
      </c>
      <c r="CHO54" s="7">
        <f t="shared" si="839"/>
        <v>3128.5920000000001</v>
      </c>
      <c r="CHP54" s="7">
        <f t="shared" si="839"/>
        <v>3128.5920000000001</v>
      </c>
      <c r="CHQ54" s="7">
        <f t="shared" si="839"/>
        <v>3128.5920000000001</v>
      </c>
      <c r="CHR54" s="7">
        <f t="shared" si="839"/>
        <v>3128.5920000000001</v>
      </c>
      <c r="CHS54" s="7">
        <f t="shared" si="839"/>
        <v>3128.5920000000001</v>
      </c>
      <c r="CHT54" s="7">
        <f t="shared" si="839"/>
        <v>3128.5920000000001</v>
      </c>
      <c r="CHU54" s="7">
        <f t="shared" si="839"/>
        <v>3128.5920000000001</v>
      </c>
      <c r="CHV54" s="7">
        <f t="shared" si="839"/>
        <v>3128.5920000000001</v>
      </c>
      <c r="CHW54" s="7">
        <f t="shared" si="839"/>
        <v>3128.5920000000001</v>
      </c>
      <c r="CHX54" s="7">
        <f t="shared" si="839"/>
        <v>3128.5920000000001</v>
      </c>
      <c r="CHY54" s="7">
        <f t="shared" si="839"/>
        <v>3128.5920000000001</v>
      </c>
      <c r="CHZ54" s="7">
        <f t="shared" si="839"/>
        <v>3128.5920000000001</v>
      </c>
      <c r="CIA54" s="7">
        <f t="shared" si="839"/>
        <v>3128.5920000000001</v>
      </c>
      <c r="CIB54" s="7">
        <f t="shared" si="839"/>
        <v>3128.5920000000001</v>
      </c>
      <c r="CIC54" s="7">
        <f t="shared" si="839"/>
        <v>3128.5920000000001</v>
      </c>
      <c r="CID54" s="7">
        <f t="shared" si="839"/>
        <v>3128.5920000000001</v>
      </c>
      <c r="CIE54" s="7">
        <f t="shared" si="839"/>
        <v>3128.5920000000001</v>
      </c>
      <c r="CIF54" s="7">
        <f t="shared" si="839"/>
        <v>3128.5920000000001</v>
      </c>
      <c r="CIG54" s="7">
        <f t="shared" si="839"/>
        <v>3128.5920000000001</v>
      </c>
      <c r="CIH54" s="7">
        <f t="shared" si="839"/>
        <v>3128.5920000000001</v>
      </c>
      <c r="CII54" s="7">
        <f t="shared" si="839"/>
        <v>3128.5920000000001</v>
      </c>
      <c r="CIJ54" s="7">
        <f t="shared" si="839"/>
        <v>3128.5920000000001</v>
      </c>
      <c r="CIK54" s="7">
        <f t="shared" si="839"/>
        <v>3128.5920000000001</v>
      </c>
      <c r="CIL54" s="7">
        <f t="shared" si="839"/>
        <v>3128.5920000000001</v>
      </c>
      <c r="CIM54" s="7">
        <f t="shared" si="839"/>
        <v>3128.5920000000001</v>
      </c>
      <c r="CIN54" s="7">
        <f t="shared" si="839"/>
        <v>3128.5920000000001</v>
      </c>
      <c r="CIO54" s="7">
        <f t="shared" si="839"/>
        <v>3128.5920000000001</v>
      </c>
      <c r="CIP54" s="7">
        <f t="shared" si="839"/>
        <v>3128.5920000000001</v>
      </c>
      <c r="CIQ54" s="7">
        <f t="shared" si="839"/>
        <v>3128.5920000000001</v>
      </c>
      <c r="CIR54" s="7">
        <f t="shared" si="839"/>
        <v>3128.5920000000001</v>
      </c>
      <c r="CIS54" s="7">
        <f t="shared" si="839"/>
        <v>3128.5920000000001</v>
      </c>
      <c r="CIT54" s="7">
        <f t="shared" si="839"/>
        <v>3128.5920000000001</v>
      </c>
      <c r="CIU54" s="7">
        <f t="shared" si="839"/>
        <v>3128.5920000000001</v>
      </c>
      <c r="CIV54" s="7">
        <f t="shared" si="839"/>
        <v>3128.5920000000001</v>
      </c>
      <c r="CIW54" s="7">
        <f t="shared" si="839"/>
        <v>3128.5920000000001</v>
      </c>
      <c r="CIX54" s="7">
        <f t="shared" si="839"/>
        <v>3128.5920000000001</v>
      </c>
      <c r="CIY54" s="7">
        <f t="shared" si="839"/>
        <v>3128.5920000000001</v>
      </c>
      <c r="CIZ54" s="7">
        <f t="shared" si="839"/>
        <v>3128.5920000000001</v>
      </c>
      <c r="CJA54" s="7">
        <f t="shared" si="839"/>
        <v>3128.5920000000001</v>
      </c>
      <c r="CJB54" s="7">
        <f t="shared" si="839"/>
        <v>3128.5920000000001</v>
      </c>
      <c r="CJC54" s="7">
        <f t="shared" si="839"/>
        <v>3128.5920000000001</v>
      </c>
      <c r="CJD54" s="7">
        <f t="shared" si="839"/>
        <v>3128.5920000000001</v>
      </c>
      <c r="CJE54" s="7">
        <f t="shared" si="839"/>
        <v>3128.5920000000001</v>
      </c>
      <c r="CJF54" s="7">
        <f t="shared" si="839"/>
        <v>3128.5920000000001</v>
      </c>
      <c r="CJG54" s="7">
        <f t="shared" si="839"/>
        <v>3128.5920000000001</v>
      </c>
      <c r="CJH54" s="7">
        <f t="shared" si="839"/>
        <v>3128.5920000000001</v>
      </c>
      <c r="CJI54" s="7">
        <f t="shared" si="839"/>
        <v>3128.5920000000001</v>
      </c>
      <c r="CJJ54" s="7">
        <f t="shared" si="839"/>
        <v>3128.5920000000001</v>
      </c>
      <c r="CJK54" s="7">
        <f t="shared" si="839"/>
        <v>3128.5920000000001</v>
      </c>
      <c r="CJL54" s="7">
        <f t="shared" si="839"/>
        <v>3128.5920000000001</v>
      </c>
      <c r="CJM54" s="7">
        <f t="shared" si="839"/>
        <v>3128.5920000000001</v>
      </c>
      <c r="CJN54" s="7">
        <f t="shared" si="839"/>
        <v>3128.5920000000001</v>
      </c>
      <c r="CJO54" s="7">
        <f t="shared" si="839"/>
        <v>3128.5920000000001</v>
      </c>
      <c r="CJP54" s="7">
        <f t="shared" si="839"/>
        <v>3128.5920000000001</v>
      </c>
      <c r="CJQ54" s="7">
        <f t="shared" si="839"/>
        <v>3128.5920000000001</v>
      </c>
      <c r="CJR54" s="7">
        <f t="shared" si="839"/>
        <v>3128.5920000000001</v>
      </c>
      <c r="CJS54" s="7">
        <f t="shared" si="839"/>
        <v>3128.5920000000001</v>
      </c>
      <c r="CJT54" s="7">
        <f t="shared" si="839"/>
        <v>3128.5920000000001</v>
      </c>
      <c r="CJU54" s="7">
        <f t="shared" si="839"/>
        <v>3128.5920000000001</v>
      </c>
      <c r="CJV54" s="7">
        <f t="shared" si="839"/>
        <v>3128.5920000000001</v>
      </c>
      <c r="CJW54" s="7">
        <f t="shared" si="839"/>
        <v>3128.5920000000001</v>
      </c>
      <c r="CJX54" s="7">
        <f t="shared" si="839"/>
        <v>3128.5920000000001</v>
      </c>
      <c r="CJY54" s="7">
        <f t="shared" si="839"/>
        <v>3128.5920000000001</v>
      </c>
      <c r="CJZ54" s="7">
        <f t="shared" ref="CJZ54:CMK54" si="840">CJZ49+CJY54</f>
        <v>3128.5920000000001</v>
      </c>
      <c r="CKA54" s="7">
        <f t="shared" si="840"/>
        <v>3128.5920000000001</v>
      </c>
      <c r="CKB54" s="7">
        <f t="shared" si="840"/>
        <v>3128.5920000000001</v>
      </c>
      <c r="CKC54" s="7">
        <f t="shared" si="840"/>
        <v>3128.5920000000001</v>
      </c>
      <c r="CKD54" s="7">
        <f t="shared" si="840"/>
        <v>3128.5920000000001</v>
      </c>
      <c r="CKE54" s="7">
        <f t="shared" si="840"/>
        <v>3128.5920000000001</v>
      </c>
      <c r="CKF54" s="7">
        <f t="shared" si="840"/>
        <v>3128.5920000000001</v>
      </c>
      <c r="CKG54" s="7">
        <f t="shared" si="840"/>
        <v>3128.5920000000001</v>
      </c>
      <c r="CKH54" s="7">
        <f t="shared" si="840"/>
        <v>3128.5920000000001</v>
      </c>
      <c r="CKI54" s="7">
        <f t="shared" si="840"/>
        <v>3128.5920000000001</v>
      </c>
      <c r="CKJ54" s="7">
        <f t="shared" si="840"/>
        <v>3128.5920000000001</v>
      </c>
      <c r="CKK54" s="7">
        <f t="shared" si="840"/>
        <v>3128.5920000000001</v>
      </c>
      <c r="CKL54" s="7">
        <f t="shared" si="840"/>
        <v>3128.5920000000001</v>
      </c>
      <c r="CKM54" s="7">
        <f t="shared" si="840"/>
        <v>3128.5920000000001</v>
      </c>
      <c r="CKN54" s="7">
        <f t="shared" si="840"/>
        <v>3128.5920000000001</v>
      </c>
      <c r="CKO54" s="7">
        <f t="shared" si="840"/>
        <v>3128.5920000000001</v>
      </c>
      <c r="CKP54" s="7">
        <f t="shared" si="840"/>
        <v>3128.5920000000001</v>
      </c>
      <c r="CKQ54" s="7">
        <f t="shared" si="840"/>
        <v>3128.5920000000001</v>
      </c>
      <c r="CKR54" s="7">
        <f t="shared" si="840"/>
        <v>3128.5920000000001</v>
      </c>
      <c r="CKS54" s="7">
        <f t="shared" si="840"/>
        <v>3128.5920000000001</v>
      </c>
      <c r="CKT54" s="7">
        <f t="shared" si="840"/>
        <v>3128.5920000000001</v>
      </c>
      <c r="CKU54" s="7">
        <f t="shared" si="840"/>
        <v>3128.5920000000001</v>
      </c>
      <c r="CKV54" s="7">
        <f t="shared" si="840"/>
        <v>3128.5920000000001</v>
      </c>
      <c r="CKW54" s="7">
        <f t="shared" si="840"/>
        <v>3128.5920000000001</v>
      </c>
      <c r="CKX54" s="7">
        <f t="shared" si="840"/>
        <v>3128.5920000000001</v>
      </c>
      <c r="CKY54" s="7">
        <f t="shared" si="840"/>
        <v>3128.5920000000001</v>
      </c>
      <c r="CKZ54" s="7">
        <f t="shared" si="840"/>
        <v>3128.5920000000001</v>
      </c>
      <c r="CLA54" s="7">
        <f t="shared" si="840"/>
        <v>3128.5920000000001</v>
      </c>
      <c r="CLB54" s="7">
        <f t="shared" si="840"/>
        <v>3128.5920000000001</v>
      </c>
      <c r="CLC54" s="7">
        <f t="shared" si="840"/>
        <v>3128.5920000000001</v>
      </c>
      <c r="CLD54" s="7">
        <f t="shared" si="840"/>
        <v>3128.5920000000001</v>
      </c>
      <c r="CLE54" s="7">
        <f t="shared" si="840"/>
        <v>3128.5920000000001</v>
      </c>
      <c r="CLF54" s="7">
        <f t="shared" si="840"/>
        <v>3128.5920000000001</v>
      </c>
      <c r="CLG54" s="7">
        <f t="shared" si="840"/>
        <v>3128.5920000000001</v>
      </c>
      <c r="CLH54" s="7">
        <f t="shared" si="840"/>
        <v>3128.5920000000001</v>
      </c>
      <c r="CLI54" s="7">
        <f t="shared" si="840"/>
        <v>3128.5920000000001</v>
      </c>
      <c r="CLJ54" s="7">
        <f t="shared" si="840"/>
        <v>3128.5920000000001</v>
      </c>
      <c r="CLK54" s="7">
        <f t="shared" si="840"/>
        <v>3128.5920000000001</v>
      </c>
      <c r="CLL54" s="7">
        <f t="shared" si="840"/>
        <v>3128.5920000000001</v>
      </c>
      <c r="CLM54" s="7">
        <f t="shared" si="840"/>
        <v>3128.5920000000001</v>
      </c>
      <c r="CLN54" s="7">
        <f t="shared" si="840"/>
        <v>3128.5920000000001</v>
      </c>
      <c r="CLO54" s="7">
        <f t="shared" si="840"/>
        <v>3128.5920000000001</v>
      </c>
      <c r="CLP54" s="7">
        <f t="shared" si="840"/>
        <v>3128.5920000000001</v>
      </c>
      <c r="CLQ54" s="7">
        <f t="shared" si="840"/>
        <v>3128.5920000000001</v>
      </c>
      <c r="CLR54" s="7">
        <f t="shared" si="840"/>
        <v>3128.5920000000001</v>
      </c>
      <c r="CLS54" s="7">
        <f t="shared" si="840"/>
        <v>3128.5920000000001</v>
      </c>
      <c r="CLT54" s="7">
        <f t="shared" si="840"/>
        <v>3128.5920000000001</v>
      </c>
      <c r="CLU54" s="7">
        <f t="shared" si="840"/>
        <v>3128.5920000000001</v>
      </c>
      <c r="CLV54" s="7">
        <f t="shared" si="840"/>
        <v>3128.5920000000001</v>
      </c>
      <c r="CLW54" s="7">
        <f t="shared" si="840"/>
        <v>3128.5920000000001</v>
      </c>
      <c r="CLX54" s="7">
        <f t="shared" si="840"/>
        <v>3128.5920000000001</v>
      </c>
      <c r="CLY54" s="7">
        <f t="shared" si="840"/>
        <v>3128.5920000000001</v>
      </c>
      <c r="CLZ54" s="7">
        <f t="shared" si="840"/>
        <v>3128.5920000000001</v>
      </c>
      <c r="CMA54" s="7">
        <f t="shared" si="840"/>
        <v>3128.5920000000001</v>
      </c>
      <c r="CMB54" s="7">
        <f t="shared" si="840"/>
        <v>3128.5920000000001</v>
      </c>
      <c r="CMC54" s="7">
        <f t="shared" si="840"/>
        <v>3128.5920000000001</v>
      </c>
      <c r="CMD54" s="7">
        <f t="shared" si="840"/>
        <v>3128.5920000000001</v>
      </c>
      <c r="CME54" s="7">
        <f t="shared" si="840"/>
        <v>3128.5920000000001</v>
      </c>
      <c r="CMF54" s="7">
        <f t="shared" si="840"/>
        <v>3128.5920000000001</v>
      </c>
      <c r="CMG54" s="7">
        <f t="shared" si="840"/>
        <v>3128.5920000000001</v>
      </c>
      <c r="CMH54" s="7">
        <f t="shared" si="840"/>
        <v>3128.5920000000001</v>
      </c>
      <c r="CMI54" s="7">
        <f t="shared" si="840"/>
        <v>3128.5920000000001</v>
      </c>
      <c r="CMJ54" s="7">
        <f t="shared" si="840"/>
        <v>3128.5920000000001</v>
      </c>
      <c r="CMK54" s="7">
        <f t="shared" si="840"/>
        <v>3128.5920000000001</v>
      </c>
      <c r="CML54" s="7">
        <f t="shared" ref="CML54:COW54" si="841">CML49+CMK54</f>
        <v>3128.5920000000001</v>
      </c>
      <c r="CMM54" s="7">
        <f t="shared" si="841"/>
        <v>3128.5920000000001</v>
      </c>
      <c r="CMN54" s="7">
        <f t="shared" si="841"/>
        <v>3128.5920000000001</v>
      </c>
      <c r="CMO54" s="7">
        <f t="shared" si="841"/>
        <v>3128.5920000000001</v>
      </c>
      <c r="CMP54" s="7">
        <f t="shared" si="841"/>
        <v>3128.5920000000001</v>
      </c>
      <c r="CMQ54" s="7">
        <f t="shared" si="841"/>
        <v>3128.5920000000001</v>
      </c>
      <c r="CMR54" s="7">
        <f t="shared" si="841"/>
        <v>3128.5920000000001</v>
      </c>
      <c r="CMS54" s="7">
        <f t="shared" si="841"/>
        <v>3128.5920000000001</v>
      </c>
      <c r="CMT54" s="7">
        <f t="shared" si="841"/>
        <v>3128.5920000000001</v>
      </c>
      <c r="CMU54" s="7">
        <f t="shared" si="841"/>
        <v>3128.5920000000001</v>
      </c>
      <c r="CMV54" s="7">
        <f t="shared" si="841"/>
        <v>3128.5920000000001</v>
      </c>
      <c r="CMW54" s="7">
        <f t="shared" si="841"/>
        <v>3128.5920000000001</v>
      </c>
      <c r="CMX54" s="7">
        <f t="shared" si="841"/>
        <v>3128.5920000000001</v>
      </c>
      <c r="CMY54" s="7">
        <f t="shared" si="841"/>
        <v>3128.5920000000001</v>
      </c>
      <c r="CMZ54" s="7">
        <f t="shared" si="841"/>
        <v>3128.5920000000001</v>
      </c>
      <c r="CNA54" s="7">
        <f t="shared" si="841"/>
        <v>3128.5920000000001</v>
      </c>
      <c r="CNB54" s="7">
        <f t="shared" si="841"/>
        <v>3128.5920000000001</v>
      </c>
      <c r="CNC54" s="7">
        <f t="shared" si="841"/>
        <v>3128.5920000000001</v>
      </c>
      <c r="CND54" s="7">
        <f t="shared" si="841"/>
        <v>3128.5920000000001</v>
      </c>
      <c r="CNE54" s="7">
        <f t="shared" si="841"/>
        <v>3128.5920000000001</v>
      </c>
      <c r="CNF54" s="7">
        <f t="shared" si="841"/>
        <v>3128.5920000000001</v>
      </c>
      <c r="CNG54" s="7">
        <f t="shared" si="841"/>
        <v>3128.5920000000001</v>
      </c>
      <c r="CNH54" s="7">
        <f t="shared" si="841"/>
        <v>3128.5920000000001</v>
      </c>
      <c r="CNI54" s="7">
        <f t="shared" si="841"/>
        <v>3128.5920000000001</v>
      </c>
      <c r="CNJ54" s="7">
        <f t="shared" si="841"/>
        <v>3128.5920000000001</v>
      </c>
      <c r="CNK54" s="7">
        <f t="shared" si="841"/>
        <v>3128.5920000000001</v>
      </c>
      <c r="CNL54" s="7">
        <f t="shared" si="841"/>
        <v>3128.5920000000001</v>
      </c>
      <c r="CNM54" s="7">
        <f t="shared" si="841"/>
        <v>3128.5920000000001</v>
      </c>
      <c r="CNN54" s="7">
        <f t="shared" si="841"/>
        <v>3128.5920000000001</v>
      </c>
      <c r="CNO54" s="7">
        <f t="shared" si="841"/>
        <v>3128.5920000000001</v>
      </c>
      <c r="CNP54" s="7">
        <f t="shared" si="841"/>
        <v>3128.5920000000001</v>
      </c>
      <c r="CNQ54" s="7">
        <f t="shared" si="841"/>
        <v>3128.5920000000001</v>
      </c>
      <c r="CNR54" s="7">
        <f t="shared" si="841"/>
        <v>3128.5920000000001</v>
      </c>
      <c r="CNS54" s="7">
        <f t="shared" si="841"/>
        <v>3128.5920000000001</v>
      </c>
      <c r="CNT54" s="7">
        <f t="shared" si="841"/>
        <v>3128.5920000000001</v>
      </c>
      <c r="CNU54" s="7">
        <f t="shared" si="841"/>
        <v>3128.5920000000001</v>
      </c>
      <c r="CNV54" s="7">
        <f t="shared" si="841"/>
        <v>3128.5920000000001</v>
      </c>
      <c r="CNW54" s="7">
        <f t="shared" si="841"/>
        <v>3128.5920000000001</v>
      </c>
      <c r="CNX54" s="7">
        <f t="shared" si="841"/>
        <v>3128.5920000000001</v>
      </c>
      <c r="CNY54" s="7">
        <f t="shared" si="841"/>
        <v>3128.5920000000001</v>
      </c>
      <c r="CNZ54" s="7">
        <f t="shared" si="841"/>
        <v>3128.5920000000001</v>
      </c>
      <c r="COA54" s="7">
        <f t="shared" si="841"/>
        <v>3128.5920000000001</v>
      </c>
      <c r="COB54" s="7">
        <f t="shared" si="841"/>
        <v>3128.5920000000001</v>
      </c>
      <c r="COC54" s="7">
        <f t="shared" si="841"/>
        <v>3128.5920000000001</v>
      </c>
      <c r="COD54" s="7">
        <f t="shared" si="841"/>
        <v>3128.5920000000001</v>
      </c>
      <c r="COE54" s="7">
        <f t="shared" si="841"/>
        <v>3128.5920000000001</v>
      </c>
      <c r="COF54" s="7">
        <f t="shared" si="841"/>
        <v>3128.5920000000001</v>
      </c>
      <c r="COG54" s="7">
        <f t="shared" si="841"/>
        <v>3128.5920000000001</v>
      </c>
      <c r="COH54" s="7">
        <f t="shared" si="841"/>
        <v>3128.5920000000001</v>
      </c>
      <c r="COI54" s="7">
        <f t="shared" si="841"/>
        <v>3128.5920000000001</v>
      </c>
      <c r="COJ54" s="7">
        <f t="shared" si="841"/>
        <v>3128.5920000000001</v>
      </c>
      <c r="COK54" s="7">
        <f t="shared" si="841"/>
        <v>3128.5920000000001</v>
      </c>
      <c r="COL54" s="7">
        <f t="shared" si="841"/>
        <v>3128.5920000000001</v>
      </c>
      <c r="COM54" s="7">
        <f t="shared" si="841"/>
        <v>3128.5920000000001</v>
      </c>
      <c r="CON54" s="7">
        <f t="shared" si="841"/>
        <v>3128.5920000000001</v>
      </c>
      <c r="COO54" s="7">
        <f t="shared" si="841"/>
        <v>3128.5920000000001</v>
      </c>
      <c r="COP54" s="7">
        <f t="shared" si="841"/>
        <v>3128.5920000000001</v>
      </c>
      <c r="COQ54" s="7">
        <f t="shared" si="841"/>
        <v>3128.5920000000001</v>
      </c>
      <c r="COR54" s="7">
        <f t="shared" si="841"/>
        <v>3128.5920000000001</v>
      </c>
      <c r="COS54" s="7">
        <f t="shared" si="841"/>
        <v>3128.5920000000001</v>
      </c>
      <c r="COT54" s="7">
        <f t="shared" si="841"/>
        <v>3128.5920000000001</v>
      </c>
      <c r="COU54" s="7">
        <f t="shared" si="841"/>
        <v>3128.5920000000001</v>
      </c>
      <c r="COV54" s="7">
        <f t="shared" si="841"/>
        <v>3128.5920000000001</v>
      </c>
      <c r="COW54" s="7">
        <f t="shared" si="841"/>
        <v>3128.5920000000001</v>
      </c>
      <c r="COX54" s="7">
        <f t="shared" ref="COX54:CRI54" si="842">COX49+COW54</f>
        <v>3128.5920000000001</v>
      </c>
      <c r="COY54" s="7">
        <f t="shared" si="842"/>
        <v>3128.5920000000001</v>
      </c>
      <c r="COZ54" s="7">
        <f t="shared" si="842"/>
        <v>3128.5920000000001</v>
      </c>
      <c r="CPA54" s="7">
        <f t="shared" si="842"/>
        <v>3128.5920000000001</v>
      </c>
      <c r="CPB54" s="7">
        <f t="shared" si="842"/>
        <v>3128.5920000000001</v>
      </c>
      <c r="CPC54" s="7">
        <f t="shared" si="842"/>
        <v>3128.5920000000001</v>
      </c>
      <c r="CPD54" s="7">
        <f t="shared" si="842"/>
        <v>3128.5920000000001</v>
      </c>
      <c r="CPE54" s="7">
        <f t="shared" si="842"/>
        <v>3128.5920000000001</v>
      </c>
      <c r="CPF54" s="7">
        <f t="shared" si="842"/>
        <v>3128.5920000000001</v>
      </c>
      <c r="CPG54" s="7">
        <f t="shared" si="842"/>
        <v>3128.5920000000001</v>
      </c>
      <c r="CPH54" s="7">
        <f t="shared" si="842"/>
        <v>3128.5920000000001</v>
      </c>
      <c r="CPI54" s="7">
        <f t="shared" si="842"/>
        <v>3128.5920000000001</v>
      </c>
      <c r="CPJ54" s="7">
        <f t="shared" si="842"/>
        <v>3128.5920000000001</v>
      </c>
      <c r="CPK54" s="7">
        <f t="shared" si="842"/>
        <v>3128.5920000000001</v>
      </c>
      <c r="CPL54" s="7">
        <f t="shared" si="842"/>
        <v>3128.5920000000001</v>
      </c>
      <c r="CPM54" s="7">
        <f t="shared" si="842"/>
        <v>3128.5920000000001</v>
      </c>
      <c r="CPN54" s="7">
        <f t="shared" si="842"/>
        <v>3128.5920000000001</v>
      </c>
      <c r="CPO54" s="7">
        <f t="shared" si="842"/>
        <v>3128.5920000000001</v>
      </c>
      <c r="CPP54" s="7">
        <f t="shared" si="842"/>
        <v>3128.5920000000001</v>
      </c>
      <c r="CPQ54" s="7">
        <f t="shared" si="842"/>
        <v>3128.5920000000001</v>
      </c>
      <c r="CPR54" s="7">
        <f t="shared" si="842"/>
        <v>3128.5920000000001</v>
      </c>
      <c r="CPS54" s="7">
        <f t="shared" si="842"/>
        <v>3128.5920000000001</v>
      </c>
      <c r="CPT54" s="7">
        <f t="shared" si="842"/>
        <v>3128.5920000000001</v>
      </c>
      <c r="CPU54" s="7">
        <f t="shared" si="842"/>
        <v>3128.5920000000001</v>
      </c>
      <c r="CPV54" s="7">
        <f t="shared" si="842"/>
        <v>3128.5920000000001</v>
      </c>
      <c r="CPW54" s="7">
        <f t="shared" si="842"/>
        <v>3128.5920000000001</v>
      </c>
      <c r="CPX54" s="7">
        <f t="shared" si="842"/>
        <v>3128.5920000000001</v>
      </c>
      <c r="CPY54" s="7">
        <f t="shared" si="842"/>
        <v>3128.5920000000001</v>
      </c>
      <c r="CPZ54" s="7">
        <f t="shared" si="842"/>
        <v>3128.5920000000001</v>
      </c>
      <c r="CQA54" s="7">
        <f t="shared" si="842"/>
        <v>3128.5920000000001</v>
      </c>
      <c r="CQB54" s="7">
        <f t="shared" si="842"/>
        <v>3128.5920000000001</v>
      </c>
      <c r="CQC54" s="7">
        <f t="shared" si="842"/>
        <v>3128.5920000000001</v>
      </c>
      <c r="CQD54" s="7">
        <f t="shared" si="842"/>
        <v>3128.5920000000001</v>
      </c>
      <c r="CQE54" s="7">
        <f t="shared" si="842"/>
        <v>3128.5920000000001</v>
      </c>
      <c r="CQF54" s="7">
        <f t="shared" si="842"/>
        <v>3128.5920000000001</v>
      </c>
      <c r="CQG54" s="7">
        <f t="shared" si="842"/>
        <v>3128.5920000000001</v>
      </c>
      <c r="CQH54" s="7">
        <f t="shared" si="842"/>
        <v>3128.5920000000001</v>
      </c>
      <c r="CQI54" s="7">
        <f t="shared" si="842"/>
        <v>3128.5920000000001</v>
      </c>
      <c r="CQJ54" s="7">
        <f t="shared" si="842"/>
        <v>3128.5920000000001</v>
      </c>
      <c r="CQK54" s="7">
        <f t="shared" si="842"/>
        <v>3128.5920000000001</v>
      </c>
      <c r="CQL54" s="7">
        <f t="shared" si="842"/>
        <v>3128.5920000000001</v>
      </c>
      <c r="CQM54" s="7">
        <f t="shared" si="842"/>
        <v>3128.5920000000001</v>
      </c>
      <c r="CQN54" s="7">
        <f t="shared" si="842"/>
        <v>3128.5920000000001</v>
      </c>
      <c r="CQO54" s="7">
        <f t="shared" si="842"/>
        <v>3128.5920000000001</v>
      </c>
      <c r="CQP54" s="7">
        <f t="shared" si="842"/>
        <v>3128.5920000000001</v>
      </c>
      <c r="CQQ54" s="7">
        <f t="shared" si="842"/>
        <v>3128.5920000000001</v>
      </c>
      <c r="CQR54" s="7">
        <f t="shared" si="842"/>
        <v>3128.5920000000001</v>
      </c>
      <c r="CQS54" s="7">
        <f t="shared" si="842"/>
        <v>3128.5920000000001</v>
      </c>
      <c r="CQT54" s="7">
        <f t="shared" si="842"/>
        <v>3128.5920000000001</v>
      </c>
      <c r="CQU54" s="7">
        <f t="shared" si="842"/>
        <v>3128.5920000000001</v>
      </c>
      <c r="CQV54" s="7">
        <f t="shared" si="842"/>
        <v>3128.5920000000001</v>
      </c>
      <c r="CQW54" s="7">
        <f t="shared" si="842"/>
        <v>3128.5920000000001</v>
      </c>
      <c r="CQX54" s="7">
        <f t="shared" si="842"/>
        <v>3128.5920000000001</v>
      </c>
      <c r="CQY54" s="7">
        <f t="shared" si="842"/>
        <v>3128.5920000000001</v>
      </c>
      <c r="CQZ54" s="7">
        <f t="shared" si="842"/>
        <v>3128.5920000000001</v>
      </c>
      <c r="CRA54" s="7">
        <f t="shared" si="842"/>
        <v>3128.5920000000001</v>
      </c>
      <c r="CRB54" s="7">
        <f t="shared" si="842"/>
        <v>3128.5920000000001</v>
      </c>
      <c r="CRC54" s="7">
        <f t="shared" si="842"/>
        <v>3128.5920000000001</v>
      </c>
      <c r="CRD54" s="7">
        <f t="shared" si="842"/>
        <v>3128.5920000000001</v>
      </c>
      <c r="CRE54" s="7">
        <f t="shared" si="842"/>
        <v>3128.5920000000001</v>
      </c>
      <c r="CRF54" s="7">
        <f t="shared" si="842"/>
        <v>3128.5920000000001</v>
      </c>
      <c r="CRG54" s="7">
        <f t="shared" si="842"/>
        <v>3128.5920000000001</v>
      </c>
      <c r="CRH54" s="7">
        <f t="shared" si="842"/>
        <v>3128.5920000000001</v>
      </c>
      <c r="CRI54" s="7">
        <f t="shared" si="842"/>
        <v>3128.5920000000001</v>
      </c>
      <c r="CRJ54" s="7">
        <f t="shared" ref="CRJ54:CTU54" si="843">CRJ49+CRI54</f>
        <v>3128.5920000000001</v>
      </c>
      <c r="CRK54" s="7">
        <f t="shared" si="843"/>
        <v>3128.5920000000001</v>
      </c>
      <c r="CRL54" s="7">
        <f t="shared" si="843"/>
        <v>3128.5920000000001</v>
      </c>
      <c r="CRM54" s="7">
        <f t="shared" si="843"/>
        <v>3128.5920000000001</v>
      </c>
      <c r="CRN54" s="7">
        <f t="shared" si="843"/>
        <v>3128.5920000000001</v>
      </c>
      <c r="CRO54" s="7">
        <f t="shared" si="843"/>
        <v>3128.5920000000001</v>
      </c>
      <c r="CRP54" s="7">
        <f t="shared" si="843"/>
        <v>3128.5920000000001</v>
      </c>
      <c r="CRQ54" s="7">
        <f t="shared" si="843"/>
        <v>3128.5920000000001</v>
      </c>
      <c r="CRR54" s="7">
        <f t="shared" si="843"/>
        <v>3128.5920000000001</v>
      </c>
      <c r="CRS54" s="7">
        <f t="shared" si="843"/>
        <v>3128.5920000000001</v>
      </c>
      <c r="CRT54" s="7">
        <f t="shared" si="843"/>
        <v>3128.5920000000001</v>
      </c>
      <c r="CRU54" s="7">
        <f t="shared" si="843"/>
        <v>3128.5920000000001</v>
      </c>
      <c r="CRV54" s="7">
        <f t="shared" si="843"/>
        <v>3128.5920000000001</v>
      </c>
      <c r="CRW54" s="7">
        <f t="shared" si="843"/>
        <v>3128.5920000000001</v>
      </c>
      <c r="CRX54" s="7">
        <f t="shared" si="843"/>
        <v>3128.5920000000001</v>
      </c>
      <c r="CRY54" s="7">
        <f t="shared" si="843"/>
        <v>3128.5920000000001</v>
      </c>
      <c r="CRZ54" s="7">
        <f t="shared" si="843"/>
        <v>3128.5920000000001</v>
      </c>
      <c r="CSA54" s="7">
        <f t="shared" si="843"/>
        <v>3128.5920000000001</v>
      </c>
      <c r="CSB54" s="7">
        <f t="shared" si="843"/>
        <v>3128.5920000000001</v>
      </c>
      <c r="CSC54" s="7">
        <f t="shared" si="843"/>
        <v>3128.5920000000001</v>
      </c>
      <c r="CSD54" s="7">
        <f t="shared" si="843"/>
        <v>3128.5920000000001</v>
      </c>
      <c r="CSE54" s="7">
        <f t="shared" si="843"/>
        <v>3128.5920000000001</v>
      </c>
      <c r="CSF54" s="7">
        <f t="shared" si="843"/>
        <v>3128.5920000000001</v>
      </c>
      <c r="CSG54" s="7">
        <f t="shared" si="843"/>
        <v>3128.5920000000001</v>
      </c>
      <c r="CSH54" s="7">
        <f t="shared" si="843"/>
        <v>3128.5920000000001</v>
      </c>
      <c r="CSI54" s="7">
        <f t="shared" si="843"/>
        <v>3128.5920000000001</v>
      </c>
      <c r="CSJ54" s="7">
        <f t="shared" si="843"/>
        <v>3128.5920000000001</v>
      </c>
      <c r="CSK54" s="7">
        <f t="shared" si="843"/>
        <v>3128.5920000000001</v>
      </c>
      <c r="CSL54" s="7">
        <f t="shared" si="843"/>
        <v>3128.5920000000001</v>
      </c>
      <c r="CSM54" s="7">
        <f t="shared" si="843"/>
        <v>3128.5920000000001</v>
      </c>
      <c r="CSN54" s="7">
        <f t="shared" si="843"/>
        <v>3128.5920000000001</v>
      </c>
      <c r="CSO54" s="7">
        <f t="shared" si="843"/>
        <v>3128.5920000000001</v>
      </c>
      <c r="CSP54" s="7">
        <f t="shared" si="843"/>
        <v>3128.5920000000001</v>
      </c>
      <c r="CSQ54" s="7">
        <f t="shared" si="843"/>
        <v>3128.5920000000001</v>
      </c>
      <c r="CSR54" s="7">
        <f t="shared" si="843"/>
        <v>3128.5920000000001</v>
      </c>
      <c r="CSS54" s="7">
        <f t="shared" si="843"/>
        <v>3128.5920000000001</v>
      </c>
      <c r="CST54" s="7">
        <f t="shared" si="843"/>
        <v>3128.5920000000001</v>
      </c>
      <c r="CSU54" s="7">
        <f t="shared" si="843"/>
        <v>3128.5920000000001</v>
      </c>
      <c r="CSV54" s="7">
        <f t="shared" si="843"/>
        <v>3128.5920000000001</v>
      </c>
      <c r="CSW54" s="7">
        <f t="shared" si="843"/>
        <v>3128.5920000000001</v>
      </c>
      <c r="CSX54" s="7">
        <f t="shared" si="843"/>
        <v>3128.5920000000001</v>
      </c>
      <c r="CSY54" s="7">
        <f t="shared" si="843"/>
        <v>3128.5920000000001</v>
      </c>
      <c r="CSZ54" s="7">
        <f t="shared" si="843"/>
        <v>3128.5920000000001</v>
      </c>
      <c r="CTA54" s="7">
        <f t="shared" si="843"/>
        <v>3128.5920000000001</v>
      </c>
      <c r="CTB54" s="7">
        <f t="shared" si="843"/>
        <v>3128.5920000000001</v>
      </c>
      <c r="CTC54" s="7">
        <f t="shared" si="843"/>
        <v>3128.5920000000001</v>
      </c>
      <c r="CTD54" s="7">
        <f t="shared" si="843"/>
        <v>3128.5920000000001</v>
      </c>
      <c r="CTE54" s="7">
        <f t="shared" si="843"/>
        <v>3128.5920000000001</v>
      </c>
      <c r="CTF54" s="7">
        <f t="shared" si="843"/>
        <v>3128.5920000000001</v>
      </c>
      <c r="CTG54" s="7">
        <f t="shared" si="843"/>
        <v>3128.5920000000001</v>
      </c>
      <c r="CTH54" s="7">
        <f t="shared" si="843"/>
        <v>3128.5920000000001</v>
      </c>
      <c r="CTI54" s="7">
        <f t="shared" si="843"/>
        <v>3128.5920000000001</v>
      </c>
      <c r="CTJ54" s="7">
        <f t="shared" si="843"/>
        <v>3128.5920000000001</v>
      </c>
      <c r="CTK54" s="7">
        <f t="shared" si="843"/>
        <v>3128.5920000000001</v>
      </c>
      <c r="CTL54" s="7">
        <f t="shared" si="843"/>
        <v>3128.5920000000001</v>
      </c>
      <c r="CTM54" s="7">
        <f t="shared" si="843"/>
        <v>3128.5920000000001</v>
      </c>
      <c r="CTN54" s="7">
        <f t="shared" si="843"/>
        <v>3128.5920000000001</v>
      </c>
      <c r="CTO54" s="7">
        <f t="shared" si="843"/>
        <v>3128.5920000000001</v>
      </c>
      <c r="CTP54" s="7">
        <f t="shared" si="843"/>
        <v>3128.5920000000001</v>
      </c>
      <c r="CTQ54" s="7">
        <f t="shared" si="843"/>
        <v>3128.5920000000001</v>
      </c>
      <c r="CTR54" s="7">
        <f t="shared" si="843"/>
        <v>3128.5920000000001</v>
      </c>
      <c r="CTS54" s="7">
        <f t="shared" si="843"/>
        <v>3128.5920000000001</v>
      </c>
      <c r="CTT54" s="7">
        <f t="shared" si="843"/>
        <v>3128.5920000000001</v>
      </c>
      <c r="CTU54" s="7">
        <f t="shared" si="843"/>
        <v>3128.5920000000001</v>
      </c>
      <c r="CTV54" s="7">
        <f t="shared" ref="CTV54:CWG54" si="844">CTV49+CTU54</f>
        <v>3128.5920000000001</v>
      </c>
      <c r="CTW54" s="7">
        <f t="shared" si="844"/>
        <v>3128.5920000000001</v>
      </c>
      <c r="CTX54" s="7">
        <f t="shared" si="844"/>
        <v>3128.5920000000001</v>
      </c>
      <c r="CTY54" s="7">
        <f t="shared" si="844"/>
        <v>3128.5920000000001</v>
      </c>
      <c r="CTZ54" s="7">
        <f t="shared" si="844"/>
        <v>3128.5920000000001</v>
      </c>
      <c r="CUA54" s="7">
        <f t="shared" si="844"/>
        <v>3128.5920000000001</v>
      </c>
      <c r="CUB54" s="7">
        <f t="shared" si="844"/>
        <v>3128.5920000000001</v>
      </c>
      <c r="CUC54" s="7">
        <f t="shared" si="844"/>
        <v>3128.5920000000001</v>
      </c>
      <c r="CUD54" s="7">
        <f t="shared" si="844"/>
        <v>3128.5920000000001</v>
      </c>
      <c r="CUE54" s="7">
        <f t="shared" si="844"/>
        <v>3128.5920000000001</v>
      </c>
      <c r="CUF54" s="7">
        <f t="shared" si="844"/>
        <v>3128.5920000000001</v>
      </c>
      <c r="CUG54" s="7">
        <f t="shared" si="844"/>
        <v>3128.5920000000001</v>
      </c>
      <c r="CUH54" s="7">
        <f t="shared" si="844"/>
        <v>3128.5920000000001</v>
      </c>
      <c r="CUI54" s="7">
        <f t="shared" si="844"/>
        <v>3128.5920000000001</v>
      </c>
      <c r="CUJ54" s="7">
        <f t="shared" si="844"/>
        <v>3128.5920000000001</v>
      </c>
      <c r="CUK54" s="7">
        <f t="shared" si="844"/>
        <v>3128.5920000000001</v>
      </c>
      <c r="CUL54" s="7">
        <f t="shared" si="844"/>
        <v>3128.5920000000001</v>
      </c>
      <c r="CUM54" s="7">
        <f t="shared" si="844"/>
        <v>3128.5920000000001</v>
      </c>
      <c r="CUN54" s="7">
        <f t="shared" si="844"/>
        <v>3128.5920000000001</v>
      </c>
      <c r="CUO54" s="7">
        <f t="shared" si="844"/>
        <v>3128.5920000000001</v>
      </c>
      <c r="CUP54" s="7">
        <f t="shared" si="844"/>
        <v>3128.5920000000001</v>
      </c>
      <c r="CUQ54" s="7">
        <f t="shared" si="844"/>
        <v>3128.5920000000001</v>
      </c>
      <c r="CUR54" s="7">
        <f t="shared" si="844"/>
        <v>3128.5920000000001</v>
      </c>
      <c r="CUS54" s="7">
        <f t="shared" si="844"/>
        <v>3128.5920000000001</v>
      </c>
      <c r="CUT54" s="7">
        <f t="shared" si="844"/>
        <v>3128.5920000000001</v>
      </c>
      <c r="CUU54" s="7">
        <f t="shared" si="844"/>
        <v>3128.5920000000001</v>
      </c>
      <c r="CUV54" s="7">
        <f t="shared" si="844"/>
        <v>3128.5920000000001</v>
      </c>
      <c r="CUW54" s="7">
        <f t="shared" si="844"/>
        <v>3128.5920000000001</v>
      </c>
      <c r="CUX54" s="7">
        <f t="shared" si="844"/>
        <v>3128.5920000000001</v>
      </c>
      <c r="CUY54" s="7">
        <f t="shared" si="844"/>
        <v>3128.5920000000001</v>
      </c>
      <c r="CUZ54" s="7">
        <f t="shared" si="844"/>
        <v>3128.5920000000001</v>
      </c>
      <c r="CVA54" s="7">
        <f t="shared" si="844"/>
        <v>3128.5920000000001</v>
      </c>
      <c r="CVB54" s="7">
        <f t="shared" si="844"/>
        <v>3128.5920000000001</v>
      </c>
      <c r="CVC54" s="7">
        <f t="shared" si="844"/>
        <v>3128.5920000000001</v>
      </c>
      <c r="CVD54" s="7">
        <f t="shared" si="844"/>
        <v>3128.5920000000001</v>
      </c>
      <c r="CVE54" s="7">
        <f t="shared" si="844"/>
        <v>3128.5920000000001</v>
      </c>
      <c r="CVF54" s="7">
        <f t="shared" si="844"/>
        <v>3128.5920000000001</v>
      </c>
      <c r="CVG54" s="7">
        <f t="shared" si="844"/>
        <v>3128.5920000000001</v>
      </c>
      <c r="CVH54" s="7">
        <f t="shared" si="844"/>
        <v>3128.5920000000001</v>
      </c>
      <c r="CVI54" s="7">
        <f t="shared" si="844"/>
        <v>3128.5920000000001</v>
      </c>
      <c r="CVJ54" s="7">
        <f t="shared" si="844"/>
        <v>3128.5920000000001</v>
      </c>
      <c r="CVK54" s="7">
        <f t="shared" si="844"/>
        <v>3128.5920000000001</v>
      </c>
      <c r="CVL54" s="7">
        <f t="shared" si="844"/>
        <v>3128.5920000000001</v>
      </c>
      <c r="CVM54" s="7">
        <f t="shared" si="844"/>
        <v>3128.5920000000001</v>
      </c>
      <c r="CVN54" s="7">
        <f t="shared" si="844"/>
        <v>3128.5920000000001</v>
      </c>
      <c r="CVO54" s="7">
        <f t="shared" si="844"/>
        <v>3128.5920000000001</v>
      </c>
      <c r="CVP54" s="7">
        <f t="shared" si="844"/>
        <v>3128.5920000000001</v>
      </c>
      <c r="CVQ54" s="7">
        <f t="shared" si="844"/>
        <v>3128.5920000000001</v>
      </c>
      <c r="CVR54" s="7">
        <f t="shared" si="844"/>
        <v>3128.5920000000001</v>
      </c>
      <c r="CVS54" s="7">
        <f t="shared" si="844"/>
        <v>3128.5920000000001</v>
      </c>
      <c r="CVT54" s="7">
        <f t="shared" si="844"/>
        <v>3128.5920000000001</v>
      </c>
      <c r="CVU54" s="7">
        <f t="shared" si="844"/>
        <v>3128.5920000000001</v>
      </c>
      <c r="CVV54" s="7">
        <f t="shared" si="844"/>
        <v>3128.5920000000001</v>
      </c>
      <c r="CVW54" s="7">
        <f t="shared" si="844"/>
        <v>3128.5920000000001</v>
      </c>
      <c r="CVX54" s="7">
        <f t="shared" si="844"/>
        <v>3128.5920000000001</v>
      </c>
      <c r="CVY54" s="7">
        <f t="shared" si="844"/>
        <v>3128.5920000000001</v>
      </c>
      <c r="CVZ54" s="7">
        <f t="shared" si="844"/>
        <v>3128.5920000000001</v>
      </c>
      <c r="CWA54" s="7">
        <f t="shared" si="844"/>
        <v>3128.5920000000001</v>
      </c>
      <c r="CWB54" s="7">
        <f t="shared" si="844"/>
        <v>3128.5920000000001</v>
      </c>
      <c r="CWC54" s="7">
        <f t="shared" si="844"/>
        <v>3128.5920000000001</v>
      </c>
      <c r="CWD54" s="7">
        <f t="shared" si="844"/>
        <v>3128.5920000000001</v>
      </c>
      <c r="CWE54" s="7">
        <f t="shared" si="844"/>
        <v>3128.5920000000001</v>
      </c>
      <c r="CWF54" s="7">
        <f t="shared" si="844"/>
        <v>3128.5920000000001</v>
      </c>
      <c r="CWG54" s="7">
        <f t="shared" si="844"/>
        <v>3128.5920000000001</v>
      </c>
      <c r="CWH54" s="7">
        <f t="shared" ref="CWH54:CYS54" si="845">CWH49+CWG54</f>
        <v>3128.5920000000001</v>
      </c>
      <c r="CWI54" s="7">
        <f t="shared" si="845"/>
        <v>3128.5920000000001</v>
      </c>
      <c r="CWJ54" s="7">
        <f t="shared" si="845"/>
        <v>3128.5920000000001</v>
      </c>
      <c r="CWK54" s="7">
        <f t="shared" si="845"/>
        <v>3128.5920000000001</v>
      </c>
      <c r="CWL54" s="7">
        <f t="shared" si="845"/>
        <v>3128.5920000000001</v>
      </c>
      <c r="CWM54" s="7">
        <f t="shared" si="845"/>
        <v>3128.5920000000001</v>
      </c>
      <c r="CWN54" s="7">
        <f t="shared" si="845"/>
        <v>3128.5920000000001</v>
      </c>
      <c r="CWO54" s="7">
        <f t="shared" si="845"/>
        <v>3128.5920000000001</v>
      </c>
      <c r="CWP54" s="7">
        <f t="shared" si="845"/>
        <v>3128.5920000000001</v>
      </c>
      <c r="CWQ54" s="7">
        <f t="shared" si="845"/>
        <v>3128.5920000000001</v>
      </c>
      <c r="CWR54" s="7">
        <f t="shared" si="845"/>
        <v>3128.5920000000001</v>
      </c>
      <c r="CWS54" s="7">
        <f t="shared" si="845"/>
        <v>3128.5920000000001</v>
      </c>
      <c r="CWT54" s="7">
        <f t="shared" si="845"/>
        <v>3128.5920000000001</v>
      </c>
      <c r="CWU54" s="7">
        <f t="shared" si="845"/>
        <v>3128.5920000000001</v>
      </c>
      <c r="CWV54" s="7">
        <f t="shared" si="845"/>
        <v>3128.5920000000001</v>
      </c>
      <c r="CWW54" s="7">
        <f t="shared" si="845"/>
        <v>3128.5920000000001</v>
      </c>
      <c r="CWX54" s="7">
        <f t="shared" si="845"/>
        <v>3128.5920000000001</v>
      </c>
      <c r="CWY54" s="7">
        <f t="shared" si="845"/>
        <v>3128.5920000000001</v>
      </c>
      <c r="CWZ54" s="7">
        <f t="shared" si="845"/>
        <v>3128.5920000000001</v>
      </c>
      <c r="CXA54" s="7">
        <f t="shared" si="845"/>
        <v>3128.5920000000001</v>
      </c>
      <c r="CXB54" s="7">
        <f t="shared" si="845"/>
        <v>3128.5920000000001</v>
      </c>
      <c r="CXC54" s="7">
        <f t="shared" si="845"/>
        <v>3128.5920000000001</v>
      </c>
      <c r="CXD54" s="7">
        <f t="shared" si="845"/>
        <v>3128.5920000000001</v>
      </c>
      <c r="CXE54" s="7">
        <f t="shared" si="845"/>
        <v>3128.5920000000001</v>
      </c>
      <c r="CXF54" s="7">
        <f t="shared" si="845"/>
        <v>3128.5920000000001</v>
      </c>
      <c r="CXG54" s="7">
        <f t="shared" si="845"/>
        <v>3128.5920000000001</v>
      </c>
      <c r="CXH54" s="7">
        <f t="shared" si="845"/>
        <v>3128.5920000000001</v>
      </c>
      <c r="CXI54" s="7">
        <f t="shared" si="845"/>
        <v>3128.5920000000001</v>
      </c>
      <c r="CXJ54" s="7">
        <f t="shared" si="845"/>
        <v>3128.5920000000001</v>
      </c>
      <c r="CXK54" s="7">
        <f t="shared" si="845"/>
        <v>3128.5920000000001</v>
      </c>
      <c r="CXL54" s="7">
        <f t="shared" si="845"/>
        <v>3128.5920000000001</v>
      </c>
      <c r="CXM54" s="7">
        <f t="shared" si="845"/>
        <v>3128.5920000000001</v>
      </c>
      <c r="CXN54" s="7">
        <f t="shared" si="845"/>
        <v>3128.5920000000001</v>
      </c>
      <c r="CXO54" s="7">
        <f t="shared" si="845"/>
        <v>3128.5920000000001</v>
      </c>
      <c r="CXP54" s="7">
        <f t="shared" si="845"/>
        <v>3128.5920000000001</v>
      </c>
      <c r="CXQ54" s="7">
        <f t="shared" si="845"/>
        <v>3128.5920000000001</v>
      </c>
      <c r="CXR54" s="7">
        <f t="shared" si="845"/>
        <v>3128.5920000000001</v>
      </c>
      <c r="CXS54" s="7">
        <f t="shared" si="845"/>
        <v>3128.5920000000001</v>
      </c>
      <c r="CXT54" s="7">
        <f t="shared" si="845"/>
        <v>3128.5920000000001</v>
      </c>
      <c r="CXU54" s="7">
        <f t="shared" si="845"/>
        <v>3128.5920000000001</v>
      </c>
      <c r="CXV54" s="7">
        <f t="shared" si="845"/>
        <v>3128.5920000000001</v>
      </c>
      <c r="CXW54" s="7">
        <f t="shared" si="845"/>
        <v>3128.5920000000001</v>
      </c>
      <c r="CXX54" s="7">
        <f t="shared" si="845"/>
        <v>3128.5920000000001</v>
      </c>
      <c r="CXY54" s="7">
        <f t="shared" si="845"/>
        <v>3128.5920000000001</v>
      </c>
      <c r="CXZ54" s="7">
        <f t="shared" si="845"/>
        <v>3128.5920000000001</v>
      </c>
      <c r="CYA54" s="7">
        <f t="shared" si="845"/>
        <v>3128.5920000000001</v>
      </c>
      <c r="CYB54" s="7">
        <f t="shared" si="845"/>
        <v>3128.5920000000001</v>
      </c>
      <c r="CYC54" s="7">
        <f t="shared" si="845"/>
        <v>3128.5920000000001</v>
      </c>
      <c r="CYD54" s="7">
        <f t="shared" si="845"/>
        <v>3128.5920000000001</v>
      </c>
      <c r="CYE54" s="7">
        <f t="shared" si="845"/>
        <v>3128.5920000000001</v>
      </c>
      <c r="CYF54" s="7">
        <f t="shared" si="845"/>
        <v>3128.5920000000001</v>
      </c>
      <c r="CYG54" s="7">
        <f t="shared" si="845"/>
        <v>3128.5920000000001</v>
      </c>
      <c r="CYH54" s="7">
        <f t="shared" si="845"/>
        <v>3128.5920000000001</v>
      </c>
      <c r="CYI54" s="7">
        <f t="shared" si="845"/>
        <v>3128.5920000000001</v>
      </c>
      <c r="CYJ54" s="7">
        <f t="shared" si="845"/>
        <v>3128.5920000000001</v>
      </c>
      <c r="CYK54" s="7">
        <f t="shared" si="845"/>
        <v>3128.5920000000001</v>
      </c>
      <c r="CYL54" s="7">
        <f t="shared" si="845"/>
        <v>3128.5920000000001</v>
      </c>
      <c r="CYM54" s="7">
        <f t="shared" si="845"/>
        <v>3128.5920000000001</v>
      </c>
      <c r="CYN54" s="7">
        <f t="shared" si="845"/>
        <v>3128.5920000000001</v>
      </c>
      <c r="CYO54" s="7">
        <f t="shared" si="845"/>
        <v>3128.5920000000001</v>
      </c>
      <c r="CYP54" s="7">
        <f t="shared" si="845"/>
        <v>3128.5920000000001</v>
      </c>
      <c r="CYQ54" s="7">
        <f t="shared" si="845"/>
        <v>3128.5920000000001</v>
      </c>
      <c r="CYR54" s="7">
        <f t="shared" si="845"/>
        <v>3128.5920000000001</v>
      </c>
      <c r="CYS54" s="7">
        <f t="shared" si="845"/>
        <v>3128.5920000000001</v>
      </c>
      <c r="CYT54" s="7">
        <f t="shared" ref="CYT54:DBE54" si="846">CYT49+CYS54</f>
        <v>3128.5920000000001</v>
      </c>
      <c r="CYU54" s="7">
        <f t="shared" si="846"/>
        <v>3128.5920000000001</v>
      </c>
      <c r="CYV54" s="7">
        <f t="shared" si="846"/>
        <v>3128.5920000000001</v>
      </c>
      <c r="CYW54" s="7">
        <f t="shared" si="846"/>
        <v>3128.5920000000001</v>
      </c>
      <c r="CYX54" s="7">
        <f t="shared" si="846"/>
        <v>3128.5920000000001</v>
      </c>
      <c r="CYY54" s="7">
        <f t="shared" si="846"/>
        <v>3128.5920000000001</v>
      </c>
      <c r="CYZ54" s="7">
        <f t="shared" si="846"/>
        <v>3128.5920000000001</v>
      </c>
      <c r="CZA54" s="7">
        <f t="shared" si="846"/>
        <v>3128.5920000000001</v>
      </c>
      <c r="CZB54" s="7">
        <f t="shared" si="846"/>
        <v>3128.5920000000001</v>
      </c>
      <c r="CZC54" s="7">
        <f t="shared" si="846"/>
        <v>3128.5920000000001</v>
      </c>
      <c r="CZD54" s="7">
        <f t="shared" si="846"/>
        <v>3128.5920000000001</v>
      </c>
      <c r="CZE54" s="7">
        <f t="shared" si="846"/>
        <v>3128.5920000000001</v>
      </c>
      <c r="CZF54" s="7">
        <f t="shared" si="846"/>
        <v>3128.5920000000001</v>
      </c>
      <c r="CZG54" s="7">
        <f t="shared" si="846"/>
        <v>3128.5920000000001</v>
      </c>
      <c r="CZH54" s="7">
        <f t="shared" si="846"/>
        <v>3128.5920000000001</v>
      </c>
      <c r="CZI54" s="7">
        <f t="shared" si="846"/>
        <v>3128.5920000000001</v>
      </c>
      <c r="CZJ54" s="7">
        <f t="shared" si="846"/>
        <v>3128.5920000000001</v>
      </c>
      <c r="CZK54" s="7">
        <f t="shared" si="846"/>
        <v>3128.5920000000001</v>
      </c>
      <c r="CZL54" s="7">
        <f t="shared" si="846"/>
        <v>3128.5920000000001</v>
      </c>
      <c r="CZM54" s="7">
        <f t="shared" si="846"/>
        <v>3128.5920000000001</v>
      </c>
      <c r="CZN54" s="7">
        <f t="shared" si="846"/>
        <v>3128.5920000000001</v>
      </c>
      <c r="CZO54" s="7">
        <f t="shared" si="846"/>
        <v>3128.5920000000001</v>
      </c>
      <c r="CZP54" s="7">
        <f t="shared" si="846"/>
        <v>3128.5920000000001</v>
      </c>
      <c r="CZQ54" s="7">
        <f t="shared" si="846"/>
        <v>3128.5920000000001</v>
      </c>
      <c r="CZR54" s="7">
        <f t="shared" si="846"/>
        <v>3128.5920000000001</v>
      </c>
      <c r="CZS54" s="7">
        <f t="shared" si="846"/>
        <v>3128.5920000000001</v>
      </c>
      <c r="CZT54" s="7">
        <f t="shared" si="846"/>
        <v>3128.5920000000001</v>
      </c>
      <c r="CZU54" s="7">
        <f t="shared" si="846"/>
        <v>3128.5920000000001</v>
      </c>
      <c r="CZV54" s="7">
        <f t="shared" si="846"/>
        <v>3128.5920000000001</v>
      </c>
      <c r="CZW54" s="7">
        <f t="shared" si="846"/>
        <v>3128.5920000000001</v>
      </c>
      <c r="CZX54" s="7">
        <f t="shared" si="846"/>
        <v>3128.5920000000001</v>
      </c>
      <c r="CZY54" s="7">
        <f t="shared" si="846"/>
        <v>3128.5920000000001</v>
      </c>
      <c r="CZZ54" s="7">
        <f t="shared" si="846"/>
        <v>3128.5920000000001</v>
      </c>
      <c r="DAA54" s="7">
        <f t="shared" si="846"/>
        <v>3128.5920000000001</v>
      </c>
      <c r="DAB54" s="7">
        <f t="shared" si="846"/>
        <v>3128.5920000000001</v>
      </c>
      <c r="DAC54" s="7">
        <f t="shared" si="846"/>
        <v>3128.5920000000001</v>
      </c>
      <c r="DAD54" s="7">
        <f t="shared" si="846"/>
        <v>3128.5920000000001</v>
      </c>
      <c r="DAE54" s="7">
        <f t="shared" si="846"/>
        <v>3128.5920000000001</v>
      </c>
      <c r="DAF54" s="7">
        <f t="shared" si="846"/>
        <v>3128.5920000000001</v>
      </c>
      <c r="DAG54" s="7">
        <f t="shared" si="846"/>
        <v>3128.5920000000001</v>
      </c>
      <c r="DAH54" s="7">
        <f t="shared" si="846"/>
        <v>3128.5920000000001</v>
      </c>
      <c r="DAI54" s="7">
        <f t="shared" si="846"/>
        <v>3128.5920000000001</v>
      </c>
      <c r="DAJ54" s="7">
        <f t="shared" si="846"/>
        <v>3128.5920000000001</v>
      </c>
      <c r="DAK54" s="7">
        <f t="shared" si="846"/>
        <v>3128.5920000000001</v>
      </c>
      <c r="DAL54" s="7">
        <f t="shared" si="846"/>
        <v>3128.5920000000001</v>
      </c>
      <c r="DAM54" s="7">
        <f t="shared" si="846"/>
        <v>3128.5920000000001</v>
      </c>
      <c r="DAN54" s="7">
        <f t="shared" si="846"/>
        <v>3128.5920000000001</v>
      </c>
      <c r="DAO54" s="7">
        <f t="shared" si="846"/>
        <v>3128.5920000000001</v>
      </c>
      <c r="DAP54" s="7">
        <f t="shared" si="846"/>
        <v>3128.5920000000001</v>
      </c>
      <c r="DAQ54" s="7">
        <f t="shared" si="846"/>
        <v>3128.5920000000001</v>
      </c>
      <c r="DAR54" s="7">
        <f t="shared" si="846"/>
        <v>3128.5920000000001</v>
      </c>
      <c r="DAS54" s="7">
        <f t="shared" si="846"/>
        <v>3128.5920000000001</v>
      </c>
      <c r="DAT54" s="7">
        <f t="shared" si="846"/>
        <v>3128.5920000000001</v>
      </c>
      <c r="DAU54" s="7">
        <f t="shared" si="846"/>
        <v>3128.5920000000001</v>
      </c>
      <c r="DAV54" s="7">
        <f t="shared" si="846"/>
        <v>3128.5920000000001</v>
      </c>
      <c r="DAW54" s="7">
        <f t="shared" si="846"/>
        <v>3128.5920000000001</v>
      </c>
      <c r="DAX54" s="7">
        <f t="shared" si="846"/>
        <v>3128.5920000000001</v>
      </c>
      <c r="DAY54" s="7">
        <f t="shared" si="846"/>
        <v>3128.5920000000001</v>
      </c>
      <c r="DAZ54" s="7">
        <f t="shared" si="846"/>
        <v>3128.5920000000001</v>
      </c>
      <c r="DBA54" s="7">
        <f t="shared" si="846"/>
        <v>3128.5920000000001</v>
      </c>
      <c r="DBB54" s="7">
        <f t="shared" si="846"/>
        <v>3128.5920000000001</v>
      </c>
      <c r="DBC54" s="7">
        <f t="shared" si="846"/>
        <v>3128.5920000000001</v>
      </c>
      <c r="DBD54" s="7">
        <f t="shared" si="846"/>
        <v>3128.5920000000001</v>
      </c>
      <c r="DBE54" s="7">
        <f t="shared" si="846"/>
        <v>3128.5920000000001</v>
      </c>
      <c r="DBF54" s="7">
        <f t="shared" ref="DBF54:DDQ54" si="847">DBF49+DBE54</f>
        <v>3128.5920000000001</v>
      </c>
      <c r="DBG54" s="7">
        <f t="shared" si="847"/>
        <v>3128.5920000000001</v>
      </c>
      <c r="DBH54" s="7">
        <f t="shared" si="847"/>
        <v>3128.5920000000001</v>
      </c>
      <c r="DBI54" s="7">
        <f t="shared" si="847"/>
        <v>3128.5920000000001</v>
      </c>
      <c r="DBJ54" s="7">
        <f t="shared" si="847"/>
        <v>3128.5920000000001</v>
      </c>
      <c r="DBK54" s="7">
        <f t="shared" si="847"/>
        <v>3128.5920000000001</v>
      </c>
      <c r="DBL54" s="7">
        <f t="shared" si="847"/>
        <v>3128.5920000000001</v>
      </c>
      <c r="DBM54" s="7">
        <f t="shared" si="847"/>
        <v>3128.5920000000001</v>
      </c>
      <c r="DBN54" s="7">
        <f t="shared" si="847"/>
        <v>3128.5920000000001</v>
      </c>
      <c r="DBO54" s="7">
        <f t="shared" si="847"/>
        <v>3128.5920000000001</v>
      </c>
      <c r="DBP54" s="7">
        <f t="shared" si="847"/>
        <v>3128.5920000000001</v>
      </c>
      <c r="DBQ54" s="7">
        <f t="shared" si="847"/>
        <v>3128.5920000000001</v>
      </c>
      <c r="DBR54" s="7">
        <f t="shared" si="847"/>
        <v>3128.5920000000001</v>
      </c>
      <c r="DBS54" s="7">
        <f t="shared" si="847"/>
        <v>3128.5920000000001</v>
      </c>
      <c r="DBT54" s="7">
        <f t="shared" si="847"/>
        <v>3128.5920000000001</v>
      </c>
      <c r="DBU54" s="7">
        <f t="shared" si="847"/>
        <v>3128.5920000000001</v>
      </c>
      <c r="DBV54" s="7">
        <f t="shared" si="847"/>
        <v>3128.5920000000001</v>
      </c>
      <c r="DBW54" s="7">
        <f t="shared" si="847"/>
        <v>3128.5920000000001</v>
      </c>
      <c r="DBX54" s="7">
        <f t="shared" si="847"/>
        <v>3128.5920000000001</v>
      </c>
      <c r="DBY54" s="7">
        <f t="shared" si="847"/>
        <v>3128.5920000000001</v>
      </c>
      <c r="DBZ54" s="7">
        <f t="shared" si="847"/>
        <v>3128.5920000000001</v>
      </c>
      <c r="DCA54" s="7">
        <f t="shared" si="847"/>
        <v>3128.5920000000001</v>
      </c>
      <c r="DCB54" s="7">
        <f t="shared" si="847"/>
        <v>3128.5920000000001</v>
      </c>
      <c r="DCC54" s="7">
        <f t="shared" si="847"/>
        <v>3128.5920000000001</v>
      </c>
      <c r="DCD54" s="7">
        <f t="shared" si="847"/>
        <v>3128.5920000000001</v>
      </c>
      <c r="DCE54" s="7">
        <f t="shared" si="847"/>
        <v>3128.5920000000001</v>
      </c>
      <c r="DCF54" s="7">
        <f t="shared" si="847"/>
        <v>3128.5920000000001</v>
      </c>
      <c r="DCG54" s="7">
        <f t="shared" si="847"/>
        <v>3128.5920000000001</v>
      </c>
      <c r="DCH54" s="7">
        <f t="shared" si="847"/>
        <v>3128.5920000000001</v>
      </c>
      <c r="DCI54" s="7">
        <f t="shared" si="847"/>
        <v>3128.5920000000001</v>
      </c>
      <c r="DCJ54" s="7">
        <f t="shared" si="847"/>
        <v>3128.5920000000001</v>
      </c>
      <c r="DCK54" s="7">
        <f t="shared" si="847"/>
        <v>3128.5920000000001</v>
      </c>
      <c r="DCL54" s="7">
        <f t="shared" si="847"/>
        <v>3128.5920000000001</v>
      </c>
      <c r="DCM54" s="7">
        <f t="shared" si="847"/>
        <v>3128.5920000000001</v>
      </c>
      <c r="DCN54" s="7">
        <f t="shared" si="847"/>
        <v>3128.5920000000001</v>
      </c>
      <c r="DCO54" s="7">
        <f t="shared" si="847"/>
        <v>3128.5920000000001</v>
      </c>
      <c r="DCP54" s="7">
        <f t="shared" si="847"/>
        <v>3128.5920000000001</v>
      </c>
      <c r="DCQ54" s="7">
        <f t="shared" si="847"/>
        <v>3128.5920000000001</v>
      </c>
      <c r="DCR54" s="7">
        <f t="shared" si="847"/>
        <v>3128.5920000000001</v>
      </c>
      <c r="DCS54" s="7">
        <f t="shared" si="847"/>
        <v>3128.5920000000001</v>
      </c>
      <c r="DCT54" s="7">
        <f t="shared" si="847"/>
        <v>3128.5920000000001</v>
      </c>
      <c r="DCU54" s="7">
        <f t="shared" si="847"/>
        <v>3128.5920000000001</v>
      </c>
      <c r="DCV54" s="7">
        <f t="shared" si="847"/>
        <v>3128.5920000000001</v>
      </c>
      <c r="DCW54" s="7">
        <f t="shared" si="847"/>
        <v>3128.5920000000001</v>
      </c>
      <c r="DCX54" s="7">
        <f t="shared" si="847"/>
        <v>3128.5920000000001</v>
      </c>
      <c r="DCY54" s="7">
        <f t="shared" si="847"/>
        <v>3128.5920000000001</v>
      </c>
      <c r="DCZ54" s="7">
        <f t="shared" si="847"/>
        <v>3128.5920000000001</v>
      </c>
      <c r="DDA54" s="7">
        <f t="shared" si="847"/>
        <v>3128.5920000000001</v>
      </c>
      <c r="DDB54" s="7">
        <f t="shared" si="847"/>
        <v>3128.5920000000001</v>
      </c>
      <c r="DDC54" s="7">
        <f t="shared" si="847"/>
        <v>3128.5920000000001</v>
      </c>
      <c r="DDD54" s="7">
        <f t="shared" si="847"/>
        <v>3128.5920000000001</v>
      </c>
      <c r="DDE54" s="7">
        <f t="shared" si="847"/>
        <v>3128.5920000000001</v>
      </c>
      <c r="DDF54" s="7">
        <f t="shared" si="847"/>
        <v>3128.5920000000001</v>
      </c>
      <c r="DDG54" s="7">
        <f t="shared" si="847"/>
        <v>3128.5920000000001</v>
      </c>
      <c r="DDH54" s="7">
        <f t="shared" si="847"/>
        <v>3128.5920000000001</v>
      </c>
      <c r="DDI54" s="7">
        <f t="shared" si="847"/>
        <v>3128.5920000000001</v>
      </c>
      <c r="DDJ54" s="7">
        <f t="shared" si="847"/>
        <v>3128.5920000000001</v>
      </c>
      <c r="DDK54" s="7">
        <f t="shared" si="847"/>
        <v>3128.5920000000001</v>
      </c>
      <c r="DDL54" s="7">
        <f t="shared" si="847"/>
        <v>3128.5920000000001</v>
      </c>
      <c r="DDM54" s="7">
        <f t="shared" si="847"/>
        <v>3128.5920000000001</v>
      </c>
      <c r="DDN54" s="7">
        <f t="shared" si="847"/>
        <v>3128.5920000000001</v>
      </c>
      <c r="DDO54" s="7">
        <f t="shared" si="847"/>
        <v>3128.5920000000001</v>
      </c>
      <c r="DDP54" s="7">
        <f t="shared" si="847"/>
        <v>3128.5920000000001</v>
      </c>
      <c r="DDQ54" s="7">
        <f t="shared" si="847"/>
        <v>3128.5920000000001</v>
      </c>
      <c r="DDR54" s="7">
        <f t="shared" ref="DDR54:DGC54" si="848">DDR49+DDQ54</f>
        <v>3128.5920000000001</v>
      </c>
      <c r="DDS54" s="7">
        <f t="shared" si="848"/>
        <v>3128.5920000000001</v>
      </c>
      <c r="DDT54" s="7">
        <f t="shared" si="848"/>
        <v>3128.5920000000001</v>
      </c>
      <c r="DDU54" s="7">
        <f t="shared" si="848"/>
        <v>3128.5920000000001</v>
      </c>
      <c r="DDV54" s="7">
        <f t="shared" si="848"/>
        <v>3128.5920000000001</v>
      </c>
      <c r="DDW54" s="7">
        <f t="shared" si="848"/>
        <v>3128.5920000000001</v>
      </c>
      <c r="DDX54" s="7">
        <f t="shared" si="848"/>
        <v>3128.5920000000001</v>
      </c>
      <c r="DDY54" s="7">
        <f t="shared" si="848"/>
        <v>3128.5920000000001</v>
      </c>
      <c r="DDZ54" s="7">
        <f t="shared" si="848"/>
        <v>3128.5920000000001</v>
      </c>
      <c r="DEA54" s="7">
        <f t="shared" si="848"/>
        <v>3128.5920000000001</v>
      </c>
      <c r="DEB54" s="7">
        <f t="shared" si="848"/>
        <v>3128.5920000000001</v>
      </c>
      <c r="DEC54" s="7">
        <f t="shared" si="848"/>
        <v>3128.5920000000001</v>
      </c>
      <c r="DED54" s="7">
        <f t="shared" si="848"/>
        <v>3128.5920000000001</v>
      </c>
      <c r="DEE54" s="7">
        <f t="shared" si="848"/>
        <v>3128.5920000000001</v>
      </c>
      <c r="DEF54" s="7">
        <f t="shared" si="848"/>
        <v>3128.5920000000001</v>
      </c>
      <c r="DEG54" s="7">
        <f t="shared" si="848"/>
        <v>3128.5920000000001</v>
      </c>
      <c r="DEH54" s="7">
        <f t="shared" si="848"/>
        <v>3128.5920000000001</v>
      </c>
      <c r="DEI54" s="7">
        <f t="shared" si="848"/>
        <v>3128.5920000000001</v>
      </c>
      <c r="DEJ54" s="7">
        <f t="shared" si="848"/>
        <v>3128.5920000000001</v>
      </c>
      <c r="DEK54" s="7">
        <f t="shared" si="848"/>
        <v>3128.5920000000001</v>
      </c>
      <c r="DEL54" s="7">
        <f t="shared" si="848"/>
        <v>3128.5920000000001</v>
      </c>
      <c r="DEM54" s="7">
        <f t="shared" si="848"/>
        <v>3128.5920000000001</v>
      </c>
      <c r="DEN54" s="7">
        <f t="shared" si="848"/>
        <v>3128.5920000000001</v>
      </c>
      <c r="DEO54" s="7">
        <f t="shared" si="848"/>
        <v>3128.5920000000001</v>
      </c>
      <c r="DEP54" s="7">
        <f t="shared" si="848"/>
        <v>3128.5920000000001</v>
      </c>
      <c r="DEQ54" s="7">
        <f t="shared" si="848"/>
        <v>3128.5920000000001</v>
      </c>
      <c r="DER54" s="7">
        <f t="shared" si="848"/>
        <v>3128.5920000000001</v>
      </c>
      <c r="DES54" s="7">
        <f t="shared" si="848"/>
        <v>3128.5920000000001</v>
      </c>
      <c r="DET54" s="7">
        <f t="shared" si="848"/>
        <v>3128.5920000000001</v>
      </c>
      <c r="DEU54" s="7">
        <f t="shared" si="848"/>
        <v>3128.5920000000001</v>
      </c>
      <c r="DEV54" s="7">
        <f t="shared" si="848"/>
        <v>3128.5920000000001</v>
      </c>
      <c r="DEW54" s="7">
        <f t="shared" si="848"/>
        <v>3128.5920000000001</v>
      </c>
      <c r="DEX54" s="7">
        <f t="shared" si="848"/>
        <v>3128.5920000000001</v>
      </c>
      <c r="DEY54" s="7">
        <f t="shared" si="848"/>
        <v>3128.5920000000001</v>
      </c>
      <c r="DEZ54" s="7">
        <f t="shared" si="848"/>
        <v>3128.5920000000001</v>
      </c>
      <c r="DFA54" s="7">
        <f t="shared" si="848"/>
        <v>3128.5920000000001</v>
      </c>
      <c r="DFB54" s="7">
        <f t="shared" si="848"/>
        <v>3128.5920000000001</v>
      </c>
      <c r="DFC54" s="7">
        <f t="shared" si="848"/>
        <v>3128.5920000000001</v>
      </c>
      <c r="DFD54" s="7">
        <f t="shared" si="848"/>
        <v>3128.5920000000001</v>
      </c>
      <c r="DFE54" s="7">
        <f t="shared" si="848"/>
        <v>3128.5920000000001</v>
      </c>
      <c r="DFF54" s="7">
        <f t="shared" si="848"/>
        <v>3128.5920000000001</v>
      </c>
      <c r="DFG54" s="7">
        <f t="shared" si="848"/>
        <v>3128.5920000000001</v>
      </c>
      <c r="DFH54" s="7">
        <f t="shared" si="848"/>
        <v>3128.5920000000001</v>
      </c>
      <c r="DFI54" s="7">
        <f t="shared" si="848"/>
        <v>3128.5920000000001</v>
      </c>
      <c r="DFJ54" s="7">
        <f t="shared" si="848"/>
        <v>3128.5920000000001</v>
      </c>
      <c r="DFK54" s="7">
        <f t="shared" si="848"/>
        <v>3128.5920000000001</v>
      </c>
      <c r="DFL54" s="7">
        <f t="shared" si="848"/>
        <v>3128.5920000000001</v>
      </c>
      <c r="DFM54" s="7">
        <f t="shared" si="848"/>
        <v>3128.5920000000001</v>
      </c>
      <c r="DFN54" s="7">
        <f t="shared" si="848"/>
        <v>3128.5920000000001</v>
      </c>
      <c r="DFO54" s="7">
        <f t="shared" si="848"/>
        <v>3128.5920000000001</v>
      </c>
      <c r="DFP54" s="7">
        <f t="shared" si="848"/>
        <v>3128.5920000000001</v>
      </c>
      <c r="DFQ54" s="7">
        <f t="shared" si="848"/>
        <v>3128.5920000000001</v>
      </c>
      <c r="DFR54" s="7">
        <f t="shared" si="848"/>
        <v>3128.5920000000001</v>
      </c>
      <c r="DFS54" s="7">
        <f t="shared" si="848"/>
        <v>3128.5920000000001</v>
      </c>
      <c r="DFT54" s="7">
        <f t="shared" si="848"/>
        <v>3128.5920000000001</v>
      </c>
      <c r="DFU54" s="7">
        <f t="shared" si="848"/>
        <v>3128.5920000000001</v>
      </c>
      <c r="DFV54" s="7">
        <f t="shared" si="848"/>
        <v>3128.5920000000001</v>
      </c>
      <c r="DFW54" s="7">
        <f t="shared" si="848"/>
        <v>3128.5920000000001</v>
      </c>
      <c r="DFX54" s="7">
        <f t="shared" si="848"/>
        <v>3128.5920000000001</v>
      </c>
      <c r="DFY54" s="7">
        <f t="shared" si="848"/>
        <v>3128.5920000000001</v>
      </c>
      <c r="DFZ54" s="7">
        <f t="shared" si="848"/>
        <v>3128.5920000000001</v>
      </c>
      <c r="DGA54" s="7">
        <f t="shared" si="848"/>
        <v>3128.5920000000001</v>
      </c>
      <c r="DGB54" s="7">
        <f t="shared" si="848"/>
        <v>3128.5920000000001</v>
      </c>
      <c r="DGC54" s="7">
        <f t="shared" si="848"/>
        <v>3128.5920000000001</v>
      </c>
      <c r="DGD54" s="7">
        <f t="shared" ref="DGD54:DIO54" si="849">DGD49+DGC54</f>
        <v>3128.5920000000001</v>
      </c>
      <c r="DGE54" s="7">
        <f t="shared" si="849"/>
        <v>3128.5920000000001</v>
      </c>
      <c r="DGF54" s="7">
        <f t="shared" si="849"/>
        <v>3128.5920000000001</v>
      </c>
      <c r="DGG54" s="7">
        <f t="shared" si="849"/>
        <v>3128.5920000000001</v>
      </c>
      <c r="DGH54" s="7">
        <f t="shared" si="849"/>
        <v>3128.5920000000001</v>
      </c>
      <c r="DGI54" s="7">
        <f t="shared" si="849"/>
        <v>3128.5920000000001</v>
      </c>
      <c r="DGJ54" s="7">
        <f t="shared" si="849"/>
        <v>3128.5920000000001</v>
      </c>
      <c r="DGK54" s="7">
        <f t="shared" si="849"/>
        <v>3128.5920000000001</v>
      </c>
      <c r="DGL54" s="7">
        <f t="shared" si="849"/>
        <v>3128.5920000000001</v>
      </c>
      <c r="DGM54" s="7">
        <f t="shared" si="849"/>
        <v>3128.5920000000001</v>
      </c>
      <c r="DGN54" s="7">
        <f t="shared" si="849"/>
        <v>3128.5920000000001</v>
      </c>
      <c r="DGO54" s="7">
        <f t="shared" si="849"/>
        <v>3128.5920000000001</v>
      </c>
      <c r="DGP54" s="7">
        <f t="shared" si="849"/>
        <v>3128.5920000000001</v>
      </c>
      <c r="DGQ54" s="7">
        <f t="shared" si="849"/>
        <v>3128.5920000000001</v>
      </c>
      <c r="DGR54" s="7">
        <f t="shared" si="849"/>
        <v>3128.5920000000001</v>
      </c>
      <c r="DGS54" s="7">
        <f t="shared" si="849"/>
        <v>3128.5920000000001</v>
      </c>
      <c r="DGT54" s="7">
        <f t="shared" si="849"/>
        <v>3128.5920000000001</v>
      </c>
      <c r="DGU54" s="7">
        <f t="shared" si="849"/>
        <v>3128.5920000000001</v>
      </c>
      <c r="DGV54" s="7">
        <f t="shared" si="849"/>
        <v>3128.5920000000001</v>
      </c>
      <c r="DGW54" s="7">
        <f t="shared" si="849"/>
        <v>3128.5920000000001</v>
      </c>
      <c r="DGX54" s="7">
        <f t="shared" si="849"/>
        <v>3128.5920000000001</v>
      </c>
      <c r="DGY54" s="7">
        <f t="shared" si="849"/>
        <v>3128.5920000000001</v>
      </c>
      <c r="DGZ54" s="7">
        <f t="shared" si="849"/>
        <v>3128.5920000000001</v>
      </c>
      <c r="DHA54" s="7">
        <f t="shared" si="849"/>
        <v>3128.5920000000001</v>
      </c>
      <c r="DHB54" s="7">
        <f t="shared" si="849"/>
        <v>3128.5920000000001</v>
      </c>
      <c r="DHC54" s="7">
        <f t="shared" si="849"/>
        <v>3128.5920000000001</v>
      </c>
      <c r="DHD54" s="7">
        <f t="shared" si="849"/>
        <v>3128.5920000000001</v>
      </c>
      <c r="DHE54" s="7">
        <f t="shared" si="849"/>
        <v>3128.5920000000001</v>
      </c>
      <c r="DHF54" s="7">
        <f t="shared" si="849"/>
        <v>3128.5920000000001</v>
      </c>
      <c r="DHG54" s="7">
        <f t="shared" si="849"/>
        <v>3128.5920000000001</v>
      </c>
      <c r="DHH54" s="7">
        <f t="shared" si="849"/>
        <v>3128.5920000000001</v>
      </c>
      <c r="DHI54" s="7">
        <f t="shared" si="849"/>
        <v>3128.5920000000001</v>
      </c>
      <c r="DHJ54" s="7">
        <f t="shared" si="849"/>
        <v>3128.5920000000001</v>
      </c>
      <c r="DHK54" s="7">
        <f t="shared" si="849"/>
        <v>3128.5920000000001</v>
      </c>
      <c r="DHL54" s="7">
        <f t="shared" si="849"/>
        <v>3128.5920000000001</v>
      </c>
      <c r="DHM54" s="7">
        <f t="shared" si="849"/>
        <v>3128.5920000000001</v>
      </c>
      <c r="DHN54" s="7">
        <f t="shared" si="849"/>
        <v>3128.5920000000001</v>
      </c>
      <c r="DHO54" s="7">
        <f t="shared" si="849"/>
        <v>3128.5920000000001</v>
      </c>
      <c r="DHP54" s="7">
        <f t="shared" si="849"/>
        <v>3128.5920000000001</v>
      </c>
      <c r="DHQ54" s="7">
        <f t="shared" si="849"/>
        <v>3128.5920000000001</v>
      </c>
      <c r="DHR54" s="7">
        <f t="shared" si="849"/>
        <v>3128.5920000000001</v>
      </c>
      <c r="DHS54" s="7">
        <f t="shared" si="849"/>
        <v>3128.5920000000001</v>
      </c>
      <c r="DHT54" s="7">
        <f t="shared" si="849"/>
        <v>3128.5920000000001</v>
      </c>
      <c r="DHU54" s="7">
        <f t="shared" si="849"/>
        <v>3128.5920000000001</v>
      </c>
      <c r="DHV54" s="7">
        <f t="shared" si="849"/>
        <v>3128.5920000000001</v>
      </c>
      <c r="DHW54" s="7">
        <f t="shared" si="849"/>
        <v>3128.5920000000001</v>
      </c>
      <c r="DHX54" s="7">
        <f t="shared" si="849"/>
        <v>3128.5920000000001</v>
      </c>
      <c r="DHY54" s="7">
        <f t="shared" si="849"/>
        <v>3128.5920000000001</v>
      </c>
      <c r="DHZ54" s="7">
        <f t="shared" si="849"/>
        <v>3128.5920000000001</v>
      </c>
      <c r="DIA54" s="7">
        <f t="shared" si="849"/>
        <v>3128.5920000000001</v>
      </c>
      <c r="DIB54" s="7">
        <f t="shared" si="849"/>
        <v>3128.5920000000001</v>
      </c>
      <c r="DIC54" s="7">
        <f t="shared" si="849"/>
        <v>3128.5920000000001</v>
      </c>
      <c r="DID54" s="7">
        <f t="shared" si="849"/>
        <v>3128.5920000000001</v>
      </c>
      <c r="DIE54" s="7">
        <f t="shared" si="849"/>
        <v>3128.5920000000001</v>
      </c>
      <c r="DIF54" s="7">
        <f t="shared" si="849"/>
        <v>3128.5920000000001</v>
      </c>
      <c r="DIG54" s="7">
        <f t="shared" si="849"/>
        <v>3128.5920000000001</v>
      </c>
      <c r="DIH54" s="7">
        <f t="shared" si="849"/>
        <v>3128.5920000000001</v>
      </c>
      <c r="DII54" s="7">
        <f t="shared" si="849"/>
        <v>3128.5920000000001</v>
      </c>
      <c r="DIJ54" s="7">
        <f t="shared" si="849"/>
        <v>3128.5920000000001</v>
      </c>
      <c r="DIK54" s="7">
        <f t="shared" si="849"/>
        <v>3128.5920000000001</v>
      </c>
      <c r="DIL54" s="7">
        <f t="shared" si="849"/>
        <v>3128.5920000000001</v>
      </c>
      <c r="DIM54" s="7">
        <f t="shared" si="849"/>
        <v>3128.5920000000001</v>
      </c>
      <c r="DIN54" s="7">
        <f t="shared" si="849"/>
        <v>3128.5920000000001</v>
      </c>
      <c r="DIO54" s="7">
        <f t="shared" si="849"/>
        <v>3128.5920000000001</v>
      </c>
      <c r="DIP54" s="7">
        <f t="shared" ref="DIP54:DLA54" si="850">DIP49+DIO54</f>
        <v>3128.5920000000001</v>
      </c>
      <c r="DIQ54" s="7">
        <f t="shared" si="850"/>
        <v>3128.5920000000001</v>
      </c>
      <c r="DIR54" s="7">
        <f t="shared" si="850"/>
        <v>3128.5920000000001</v>
      </c>
      <c r="DIS54" s="7">
        <f t="shared" si="850"/>
        <v>3128.5920000000001</v>
      </c>
      <c r="DIT54" s="7">
        <f t="shared" si="850"/>
        <v>3128.5920000000001</v>
      </c>
      <c r="DIU54" s="7">
        <f t="shared" si="850"/>
        <v>3128.5920000000001</v>
      </c>
      <c r="DIV54" s="7">
        <f t="shared" si="850"/>
        <v>3128.5920000000001</v>
      </c>
      <c r="DIW54" s="7">
        <f t="shared" si="850"/>
        <v>3128.5920000000001</v>
      </c>
      <c r="DIX54" s="7">
        <f t="shared" si="850"/>
        <v>3128.5920000000001</v>
      </c>
      <c r="DIY54" s="7">
        <f t="shared" si="850"/>
        <v>3128.5920000000001</v>
      </c>
      <c r="DIZ54" s="7">
        <f t="shared" si="850"/>
        <v>3128.5920000000001</v>
      </c>
      <c r="DJA54" s="7">
        <f t="shared" si="850"/>
        <v>3128.5920000000001</v>
      </c>
      <c r="DJB54" s="7">
        <f t="shared" si="850"/>
        <v>3128.5920000000001</v>
      </c>
      <c r="DJC54" s="7">
        <f t="shared" si="850"/>
        <v>3128.5920000000001</v>
      </c>
      <c r="DJD54" s="7">
        <f t="shared" si="850"/>
        <v>3128.5920000000001</v>
      </c>
      <c r="DJE54" s="7">
        <f t="shared" si="850"/>
        <v>3128.5920000000001</v>
      </c>
      <c r="DJF54" s="7">
        <f t="shared" si="850"/>
        <v>3128.5920000000001</v>
      </c>
      <c r="DJG54" s="7">
        <f t="shared" si="850"/>
        <v>3128.5920000000001</v>
      </c>
      <c r="DJH54" s="7">
        <f t="shared" si="850"/>
        <v>3128.5920000000001</v>
      </c>
      <c r="DJI54" s="7">
        <f t="shared" si="850"/>
        <v>3128.5920000000001</v>
      </c>
      <c r="DJJ54" s="7">
        <f t="shared" si="850"/>
        <v>3128.5920000000001</v>
      </c>
      <c r="DJK54" s="7">
        <f t="shared" si="850"/>
        <v>3128.5920000000001</v>
      </c>
      <c r="DJL54" s="7">
        <f t="shared" si="850"/>
        <v>3128.5920000000001</v>
      </c>
      <c r="DJM54" s="7">
        <f t="shared" si="850"/>
        <v>3128.5920000000001</v>
      </c>
      <c r="DJN54" s="7">
        <f t="shared" si="850"/>
        <v>3128.5920000000001</v>
      </c>
      <c r="DJO54" s="7">
        <f t="shared" si="850"/>
        <v>3128.5920000000001</v>
      </c>
      <c r="DJP54" s="7">
        <f t="shared" si="850"/>
        <v>3128.5920000000001</v>
      </c>
      <c r="DJQ54" s="7">
        <f t="shared" si="850"/>
        <v>3128.5920000000001</v>
      </c>
      <c r="DJR54" s="7">
        <f t="shared" si="850"/>
        <v>3128.5920000000001</v>
      </c>
      <c r="DJS54" s="7">
        <f t="shared" si="850"/>
        <v>3128.5920000000001</v>
      </c>
      <c r="DJT54" s="7">
        <f t="shared" si="850"/>
        <v>3128.5920000000001</v>
      </c>
      <c r="DJU54" s="7">
        <f t="shared" si="850"/>
        <v>3128.5920000000001</v>
      </c>
      <c r="DJV54" s="7">
        <f t="shared" si="850"/>
        <v>3128.5920000000001</v>
      </c>
      <c r="DJW54" s="7">
        <f t="shared" si="850"/>
        <v>3128.5920000000001</v>
      </c>
      <c r="DJX54" s="7">
        <f t="shared" si="850"/>
        <v>3128.5920000000001</v>
      </c>
      <c r="DJY54" s="7">
        <f t="shared" si="850"/>
        <v>3128.5920000000001</v>
      </c>
      <c r="DJZ54" s="7">
        <f t="shared" si="850"/>
        <v>3128.5920000000001</v>
      </c>
      <c r="DKA54" s="7">
        <f t="shared" si="850"/>
        <v>3128.5920000000001</v>
      </c>
      <c r="DKB54" s="7">
        <f t="shared" si="850"/>
        <v>3128.5920000000001</v>
      </c>
      <c r="DKC54" s="7">
        <f t="shared" si="850"/>
        <v>3128.5920000000001</v>
      </c>
      <c r="DKD54" s="7">
        <f t="shared" si="850"/>
        <v>3128.5920000000001</v>
      </c>
      <c r="DKE54" s="7">
        <f t="shared" si="850"/>
        <v>3128.5920000000001</v>
      </c>
      <c r="DKF54" s="7">
        <f t="shared" si="850"/>
        <v>3128.5920000000001</v>
      </c>
      <c r="DKG54" s="7">
        <f t="shared" si="850"/>
        <v>3128.5920000000001</v>
      </c>
      <c r="DKH54" s="7">
        <f t="shared" si="850"/>
        <v>3128.5920000000001</v>
      </c>
      <c r="DKI54" s="7">
        <f t="shared" si="850"/>
        <v>3128.5920000000001</v>
      </c>
      <c r="DKJ54" s="7">
        <f t="shared" si="850"/>
        <v>3128.5920000000001</v>
      </c>
      <c r="DKK54" s="7">
        <f t="shared" si="850"/>
        <v>3128.5920000000001</v>
      </c>
      <c r="DKL54" s="7">
        <f t="shared" si="850"/>
        <v>3128.5920000000001</v>
      </c>
      <c r="DKM54" s="7">
        <f t="shared" si="850"/>
        <v>3128.5920000000001</v>
      </c>
      <c r="DKN54" s="7">
        <f t="shared" si="850"/>
        <v>3128.5920000000001</v>
      </c>
      <c r="DKO54" s="7">
        <f t="shared" si="850"/>
        <v>3128.5920000000001</v>
      </c>
      <c r="DKP54" s="7">
        <f t="shared" si="850"/>
        <v>3128.5920000000001</v>
      </c>
      <c r="DKQ54" s="7">
        <f t="shared" si="850"/>
        <v>3128.5920000000001</v>
      </c>
      <c r="DKR54" s="7">
        <f t="shared" si="850"/>
        <v>3128.5920000000001</v>
      </c>
      <c r="DKS54" s="7">
        <f t="shared" si="850"/>
        <v>3128.5920000000001</v>
      </c>
      <c r="DKT54" s="7">
        <f t="shared" si="850"/>
        <v>3128.5920000000001</v>
      </c>
      <c r="DKU54" s="7">
        <f t="shared" si="850"/>
        <v>3128.5920000000001</v>
      </c>
      <c r="DKV54" s="7">
        <f t="shared" si="850"/>
        <v>3128.5920000000001</v>
      </c>
      <c r="DKW54" s="7">
        <f t="shared" si="850"/>
        <v>3128.5920000000001</v>
      </c>
      <c r="DKX54" s="7">
        <f t="shared" si="850"/>
        <v>3128.5920000000001</v>
      </c>
      <c r="DKY54" s="7">
        <f t="shared" si="850"/>
        <v>3128.5920000000001</v>
      </c>
      <c r="DKZ54" s="7">
        <f t="shared" si="850"/>
        <v>3128.5920000000001</v>
      </c>
      <c r="DLA54" s="7">
        <f t="shared" si="850"/>
        <v>3128.5920000000001</v>
      </c>
      <c r="DLB54" s="7">
        <f t="shared" ref="DLB54:DNM54" si="851">DLB49+DLA54</f>
        <v>3128.5920000000001</v>
      </c>
      <c r="DLC54" s="7">
        <f t="shared" si="851"/>
        <v>3128.5920000000001</v>
      </c>
      <c r="DLD54" s="7">
        <f t="shared" si="851"/>
        <v>3128.5920000000001</v>
      </c>
      <c r="DLE54" s="7">
        <f t="shared" si="851"/>
        <v>3128.5920000000001</v>
      </c>
      <c r="DLF54" s="7">
        <f t="shared" si="851"/>
        <v>3128.5920000000001</v>
      </c>
      <c r="DLG54" s="7">
        <f t="shared" si="851"/>
        <v>3128.5920000000001</v>
      </c>
      <c r="DLH54" s="7">
        <f t="shared" si="851"/>
        <v>3128.5920000000001</v>
      </c>
      <c r="DLI54" s="7">
        <f t="shared" si="851"/>
        <v>3128.5920000000001</v>
      </c>
      <c r="DLJ54" s="7">
        <f t="shared" si="851"/>
        <v>3128.5920000000001</v>
      </c>
      <c r="DLK54" s="7">
        <f t="shared" si="851"/>
        <v>3128.5920000000001</v>
      </c>
      <c r="DLL54" s="7">
        <f t="shared" si="851"/>
        <v>3128.5920000000001</v>
      </c>
      <c r="DLM54" s="7">
        <f t="shared" si="851"/>
        <v>3128.5920000000001</v>
      </c>
      <c r="DLN54" s="7">
        <f t="shared" si="851"/>
        <v>3128.5920000000001</v>
      </c>
      <c r="DLO54" s="7">
        <f t="shared" si="851"/>
        <v>3128.5920000000001</v>
      </c>
      <c r="DLP54" s="7">
        <f t="shared" si="851"/>
        <v>3128.5920000000001</v>
      </c>
      <c r="DLQ54" s="7">
        <f t="shared" si="851"/>
        <v>3128.5920000000001</v>
      </c>
      <c r="DLR54" s="7">
        <f t="shared" si="851"/>
        <v>3128.5920000000001</v>
      </c>
      <c r="DLS54" s="7">
        <f t="shared" si="851"/>
        <v>3128.5920000000001</v>
      </c>
      <c r="DLT54" s="7">
        <f t="shared" si="851"/>
        <v>3128.5920000000001</v>
      </c>
      <c r="DLU54" s="7">
        <f t="shared" si="851"/>
        <v>3128.5920000000001</v>
      </c>
      <c r="DLV54" s="7">
        <f t="shared" si="851"/>
        <v>3128.5920000000001</v>
      </c>
      <c r="DLW54" s="7">
        <f t="shared" si="851"/>
        <v>3128.5920000000001</v>
      </c>
      <c r="DLX54" s="7">
        <f t="shared" si="851"/>
        <v>3128.5920000000001</v>
      </c>
      <c r="DLY54" s="7">
        <f t="shared" si="851"/>
        <v>3128.5920000000001</v>
      </c>
      <c r="DLZ54" s="7">
        <f t="shared" si="851"/>
        <v>3128.5920000000001</v>
      </c>
      <c r="DMA54" s="7">
        <f t="shared" si="851"/>
        <v>3128.5920000000001</v>
      </c>
      <c r="DMB54" s="7">
        <f t="shared" si="851"/>
        <v>3128.5920000000001</v>
      </c>
      <c r="DMC54" s="7">
        <f t="shared" si="851"/>
        <v>3128.5920000000001</v>
      </c>
      <c r="DMD54" s="7">
        <f t="shared" si="851"/>
        <v>3128.5920000000001</v>
      </c>
      <c r="DME54" s="7">
        <f t="shared" si="851"/>
        <v>3128.5920000000001</v>
      </c>
      <c r="DMF54" s="7">
        <f t="shared" si="851"/>
        <v>3128.5920000000001</v>
      </c>
      <c r="DMG54" s="7">
        <f t="shared" si="851"/>
        <v>3128.5920000000001</v>
      </c>
      <c r="DMH54" s="7">
        <f t="shared" si="851"/>
        <v>3128.5920000000001</v>
      </c>
      <c r="DMI54" s="7">
        <f t="shared" si="851"/>
        <v>3128.5920000000001</v>
      </c>
      <c r="DMJ54" s="7">
        <f t="shared" si="851"/>
        <v>3128.5920000000001</v>
      </c>
      <c r="DMK54" s="7">
        <f t="shared" si="851"/>
        <v>3128.5920000000001</v>
      </c>
      <c r="DML54" s="7">
        <f t="shared" si="851"/>
        <v>3128.5920000000001</v>
      </c>
      <c r="DMM54" s="7">
        <f t="shared" si="851"/>
        <v>3128.5920000000001</v>
      </c>
      <c r="DMN54" s="7">
        <f t="shared" si="851"/>
        <v>3128.5920000000001</v>
      </c>
      <c r="DMO54" s="7">
        <f t="shared" si="851"/>
        <v>3128.5920000000001</v>
      </c>
      <c r="DMP54" s="7">
        <f t="shared" si="851"/>
        <v>3128.5920000000001</v>
      </c>
      <c r="DMQ54" s="7">
        <f t="shared" si="851"/>
        <v>3128.5920000000001</v>
      </c>
      <c r="DMR54" s="7">
        <f t="shared" si="851"/>
        <v>3128.5920000000001</v>
      </c>
      <c r="DMS54" s="7">
        <f t="shared" si="851"/>
        <v>3128.5920000000001</v>
      </c>
      <c r="DMT54" s="7">
        <f t="shared" si="851"/>
        <v>3128.5920000000001</v>
      </c>
      <c r="DMU54" s="7">
        <f t="shared" si="851"/>
        <v>3128.5920000000001</v>
      </c>
      <c r="DMV54" s="7">
        <f t="shared" si="851"/>
        <v>3128.5920000000001</v>
      </c>
      <c r="DMW54" s="7">
        <f t="shared" si="851"/>
        <v>3128.5920000000001</v>
      </c>
      <c r="DMX54" s="7">
        <f t="shared" si="851"/>
        <v>3128.5920000000001</v>
      </c>
      <c r="DMY54" s="7">
        <f t="shared" si="851"/>
        <v>3128.5920000000001</v>
      </c>
      <c r="DMZ54" s="7">
        <f t="shared" si="851"/>
        <v>3128.5920000000001</v>
      </c>
      <c r="DNA54" s="7">
        <f t="shared" si="851"/>
        <v>3128.5920000000001</v>
      </c>
      <c r="DNB54" s="7">
        <f t="shared" si="851"/>
        <v>3128.5920000000001</v>
      </c>
      <c r="DNC54" s="7">
        <f t="shared" si="851"/>
        <v>3128.5920000000001</v>
      </c>
      <c r="DND54" s="7">
        <f t="shared" si="851"/>
        <v>3128.5920000000001</v>
      </c>
      <c r="DNE54" s="7">
        <f t="shared" si="851"/>
        <v>3128.5920000000001</v>
      </c>
      <c r="DNF54" s="7">
        <f t="shared" si="851"/>
        <v>3128.5920000000001</v>
      </c>
      <c r="DNG54" s="7">
        <f t="shared" si="851"/>
        <v>3128.5920000000001</v>
      </c>
      <c r="DNH54" s="7">
        <f t="shared" si="851"/>
        <v>3128.5920000000001</v>
      </c>
      <c r="DNI54" s="7">
        <f t="shared" si="851"/>
        <v>3128.5920000000001</v>
      </c>
      <c r="DNJ54" s="7">
        <f t="shared" si="851"/>
        <v>3128.5920000000001</v>
      </c>
      <c r="DNK54" s="7">
        <f t="shared" si="851"/>
        <v>3128.5920000000001</v>
      </c>
      <c r="DNL54" s="7">
        <f t="shared" si="851"/>
        <v>3128.5920000000001</v>
      </c>
      <c r="DNM54" s="7">
        <f t="shared" si="851"/>
        <v>3128.5920000000001</v>
      </c>
      <c r="DNN54" s="7">
        <f t="shared" ref="DNN54:DPY54" si="852">DNN49+DNM54</f>
        <v>3128.5920000000001</v>
      </c>
      <c r="DNO54" s="7">
        <f t="shared" si="852"/>
        <v>3128.5920000000001</v>
      </c>
      <c r="DNP54" s="7">
        <f t="shared" si="852"/>
        <v>3128.5920000000001</v>
      </c>
      <c r="DNQ54" s="7">
        <f t="shared" si="852"/>
        <v>3128.5920000000001</v>
      </c>
      <c r="DNR54" s="7">
        <f t="shared" si="852"/>
        <v>3128.5920000000001</v>
      </c>
      <c r="DNS54" s="7">
        <f t="shared" si="852"/>
        <v>3128.5920000000001</v>
      </c>
      <c r="DNT54" s="7">
        <f t="shared" si="852"/>
        <v>3128.5920000000001</v>
      </c>
      <c r="DNU54" s="7">
        <f t="shared" si="852"/>
        <v>3128.5920000000001</v>
      </c>
      <c r="DNV54" s="7">
        <f t="shared" si="852"/>
        <v>3128.5920000000001</v>
      </c>
      <c r="DNW54" s="7">
        <f t="shared" si="852"/>
        <v>3128.5920000000001</v>
      </c>
      <c r="DNX54" s="7">
        <f t="shared" si="852"/>
        <v>3128.5920000000001</v>
      </c>
      <c r="DNY54" s="7">
        <f t="shared" si="852"/>
        <v>3128.5920000000001</v>
      </c>
      <c r="DNZ54" s="7">
        <f t="shared" si="852"/>
        <v>3128.5920000000001</v>
      </c>
      <c r="DOA54" s="7">
        <f t="shared" si="852"/>
        <v>3128.5920000000001</v>
      </c>
      <c r="DOB54" s="7">
        <f t="shared" si="852"/>
        <v>3128.5920000000001</v>
      </c>
      <c r="DOC54" s="7">
        <f t="shared" si="852"/>
        <v>3128.5920000000001</v>
      </c>
      <c r="DOD54" s="7">
        <f t="shared" si="852"/>
        <v>3128.5920000000001</v>
      </c>
      <c r="DOE54" s="7">
        <f t="shared" si="852"/>
        <v>3128.5920000000001</v>
      </c>
      <c r="DOF54" s="7">
        <f t="shared" si="852"/>
        <v>3128.5920000000001</v>
      </c>
      <c r="DOG54" s="7">
        <f t="shared" si="852"/>
        <v>3128.5920000000001</v>
      </c>
      <c r="DOH54" s="7">
        <f t="shared" si="852"/>
        <v>3128.5920000000001</v>
      </c>
      <c r="DOI54" s="7">
        <f t="shared" si="852"/>
        <v>3128.5920000000001</v>
      </c>
      <c r="DOJ54" s="7">
        <f t="shared" si="852"/>
        <v>3128.5920000000001</v>
      </c>
      <c r="DOK54" s="7">
        <f t="shared" si="852"/>
        <v>3128.5920000000001</v>
      </c>
      <c r="DOL54" s="7">
        <f t="shared" si="852"/>
        <v>3128.5920000000001</v>
      </c>
      <c r="DOM54" s="7">
        <f t="shared" si="852"/>
        <v>3128.5920000000001</v>
      </c>
      <c r="DON54" s="7">
        <f t="shared" si="852"/>
        <v>3128.5920000000001</v>
      </c>
      <c r="DOO54" s="7">
        <f t="shared" si="852"/>
        <v>3128.5920000000001</v>
      </c>
      <c r="DOP54" s="7">
        <f t="shared" si="852"/>
        <v>3128.5920000000001</v>
      </c>
      <c r="DOQ54" s="7">
        <f t="shared" si="852"/>
        <v>3128.5920000000001</v>
      </c>
      <c r="DOR54" s="7">
        <f t="shared" si="852"/>
        <v>3128.5920000000001</v>
      </c>
      <c r="DOS54" s="7">
        <f t="shared" si="852"/>
        <v>3128.5920000000001</v>
      </c>
      <c r="DOT54" s="7">
        <f t="shared" si="852"/>
        <v>3128.5920000000001</v>
      </c>
      <c r="DOU54" s="7">
        <f t="shared" si="852"/>
        <v>3128.5920000000001</v>
      </c>
      <c r="DOV54" s="7">
        <f t="shared" si="852"/>
        <v>3128.5920000000001</v>
      </c>
      <c r="DOW54" s="7">
        <f t="shared" si="852"/>
        <v>3128.5920000000001</v>
      </c>
      <c r="DOX54" s="7">
        <f t="shared" si="852"/>
        <v>3128.5920000000001</v>
      </c>
      <c r="DOY54" s="7">
        <f t="shared" si="852"/>
        <v>3128.5920000000001</v>
      </c>
      <c r="DOZ54" s="7">
        <f t="shared" si="852"/>
        <v>3128.5920000000001</v>
      </c>
      <c r="DPA54" s="7">
        <f t="shared" si="852"/>
        <v>3128.5920000000001</v>
      </c>
      <c r="DPB54" s="7">
        <f t="shared" si="852"/>
        <v>3128.5920000000001</v>
      </c>
      <c r="DPC54" s="7">
        <f t="shared" si="852"/>
        <v>3128.5920000000001</v>
      </c>
      <c r="DPD54" s="7">
        <f t="shared" si="852"/>
        <v>3128.5920000000001</v>
      </c>
      <c r="DPE54" s="7">
        <f t="shared" si="852"/>
        <v>3128.5920000000001</v>
      </c>
      <c r="DPF54" s="7">
        <f t="shared" si="852"/>
        <v>3128.5920000000001</v>
      </c>
      <c r="DPG54" s="7">
        <f t="shared" si="852"/>
        <v>3128.5920000000001</v>
      </c>
      <c r="DPH54" s="7">
        <f t="shared" si="852"/>
        <v>3128.5920000000001</v>
      </c>
      <c r="DPI54" s="7">
        <f t="shared" si="852"/>
        <v>3128.5920000000001</v>
      </c>
      <c r="DPJ54" s="7">
        <f t="shared" si="852"/>
        <v>3128.5920000000001</v>
      </c>
      <c r="DPK54" s="7">
        <f t="shared" si="852"/>
        <v>3128.5920000000001</v>
      </c>
      <c r="DPL54" s="7">
        <f t="shared" si="852"/>
        <v>3128.5920000000001</v>
      </c>
      <c r="DPM54" s="7">
        <f t="shared" si="852"/>
        <v>3128.5920000000001</v>
      </c>
      <c r="DPN54" s="7">
        <f t="shared" si="852"/>
        <v>3128.5920000000001</v>
      </c>
      <c r="DPO54" s="7">
        <f t="shared" si="852"/>
        <v>3128.5920000000001</v>
      </c>
      <c r="DPP54" s="7">
        <f t="shared" si="852"/>
        <v>3128.5920000000001</v>
      </c>
      <c r="DPQ54" s="7">
        <f t="shared" si="852"/>
        <v>3128.5920000000001</v>
      </c>
      <c r="DPR54" s="7">
        <f t="shared" si="852"/>
        <v>3128.5920000000001</v>
      </c>
      <c r="DPS54" s="7">
        <f t="shared" si="852"/>
        <v>3128.5920000000001</v>
      </c>
      <c r="DPT54" s="7">
        <f t="shared" si="852"/>
        <v>3128.5920000000001</v>
      </c>
      <c r="DPU54" s="7">
        <f t="shared" si="852"/>
        <v>3128.5920000000001</v>
      </c>
      <c r="DPV54" s="7">
        <f t="shared" si="852"/>
        <v>3128.5920000000001</v>
      </c>
      <c r="DPW54" s="7">
        <f t="shared" si="852"/>
        <v>3128.5920000000001</v>
      </c>
      <c r="DPX54" s="7">
        <f t="shared" si="852"/>
        <v>3128.5920000000001</v>
      </c>
      <c r="DPY54" s="7">
        <f t="shared" si="852"/>
        <v>3128.5920000000001</v>
      </c>
      <c r="DPZ54" s="7">
        <f t="shared" ref="DPZ54:DSK54" si="853">DPZ49+DPY54</f>
        <v>3128.5920000000001</v>
      </c>
      <c r="DQA54" s="7">
        <f t="shared" si="853"/>
        <v>3128.5920000000001</v>
      </c>
      <c r="DQB54" s="7">
        <f t="shared" si="853"/>
        <v>3128.5920000000001</v>
      </c>
      <c r="DQC54" s="7">
        <f t="shared" si="853"/>
        <v>3128.5920000000001</v>
      </c>
      <c r="DQD54" s="7">
        <f t="shared" si="853"/>
        <v>3128.5920000000001</v>
      </c>
      <c r="DQE54" s="7">
        <f t="shared" si="853"/>
        <v>3128.5920000000001</v>
      </c>
      <c r="DQF54" s="7">
        <f t="shared" si="853"/>
        <v>3128.5920000000001</v>
      </c>
      <c r="DQG54" s="7">
        <f t="shared" si="853"/>
        <v>3128.5920000000001</v>
      </c>
      <c r="DQH54" s="7">
        <f t="shared" si="853"/>
        <v>3128.5920000000001</v>
      </c>
      <c r="DQI54" s="7">
        <f t="shared" si="853"/>
        <v>3128.5920000000001</v>
      </c>
      <c r="DQJ54" s="7">
        <f t="shared" si="853"/>
        <v>3128.5920000000001</v>
      </c>
      <c r="DQK54" s="7">
        <f t="shared" si="853"/>
        <v>3128.5920000000001</v>
      </c>
      <c r="DQL54" s="7">
        <f t="shared" si="853"/>
        <v>3128.5920000000001</v>
      </c>
      <c r="DQM54" s="7">
        <f t="shared" si="853"/>
        <v>3128.5920000000001</v>
      </c>
      <c r="DQN54" s="7">
        <f t="shared" si="853"/>
        <v>3128.5920000000001</v>
      </c>
      <c r="DQO54" s="7">
        <f t="shared" si="853"/>
        <v>3128.5920000000001</v>
      </c>
      <c r="DQP54" s="7">
        <f t="shared" si="853"/>
        <v>3128.5920000000001</v>
      </c>
      <c r="DQQ54" s="7">
        <f t="shared" si="853"/>
        <v>3128.5920000000001</v>
      </c>
      <c r="DQR54" s="7">
        <f t="shared" si="853"/>
        <v>3128.5920000000001</v>
      </c>
      <c r="DQS54" s="7">
        <f t="shared" si="853"/>
        <v>3128.5920000000001</v>
      </c>
      <c r="DQT54" s="7">
        <f t="shared" si="853"/>
        <v>3128.5920000000001</v>
      </c>
      <c r="DQU54" s="7">
        <f t="shared" si="853"/>
        <v>3128.5920000000001</v>
      </c>
      <c r="DQV54" s="7">
        <f t="shared" si="853"/>
        <v>3128.5920000000001</v>
      </c>
      <c r="DQW54" s="7">
        <f t="shared" si="853"/>
        <v>3128.5920000000001</v>
      </c>
      <c r="DQX54" s="7">
        <f t="shared" si="853"/>
        <v>3128.5920000000001</v>
      </c>
      <c r="DQY54" s="7">
        <f t="shared" si="853"/>
        <v>3128.5920000000001</v>
      </c>
      <c r="DQZ54" s="7">
        <f t="shared" si="853"/>
        <v>3128.5920000000001</v>
      </c>
      <c r="DRA54" s="7">
        <f t="shared" si="853"/>
        <v>3128.5920000000001</v>
      </c>
      <c r="DRB54" s="7">
        <f t="shared" si="853"/>
        <v>3128.5920000000001</v>
      </c>
      <c r="DRC54" s="7">
        <f t="shared" si="853"/>
        <v>3128.5920000000001</v>
      </c>
      <c r="DRD54" s="7">
        <f t="shared" si="853"/>
        <v>3128.5920000000001</v>
      </c>
      <c r="DRE54" s="7">
        <f t="shared" si="853"/>
        <v>3128.5920000000001</v>
      </c>
      <c r="DRF54" s="7">
        <f t="shared" si="853"/>
        <v>3128.5920000000001</v>
      </c>
      <c r="DRG54" s="7">
        <f t="shared" si="853"/>
        <v>3128.5920000000001</v>
      </c>
      <c r="DRH54" s="7">
        <f t="shared" si="853"/>
        <v>3128.5920000000001</v>
      </c>
      <c r="DRI54" s="7">
        <f t="shared" si="853"/>
        <v>3128.5920000000001</v>
      </c>
      <c r="DRJ54" s="7">
        <f t="shared" si="853"/>
        <v>3128.5920000000001</v>
      </c>
      <c r="DRK54" s="7">
        <f t="shared" si="853"/>
        <v>3128.5920000000001</v>
      </c>
      <c r="DRL54" s="7">
        <f t="shared" si="853"/>
        <v>3128.5920000000001</v>
      </c>
      <c r="DRM54" s="7">
        <f t="shared" si="853"/>
        <v>3128.5920000000001</v>
      </c>
      <c r="DRN54" s="7">
        <f t="shared" si="853"/>
        <v>3128.5920000000001</v>
      </c>
      <c r="DRO54" s="7">
        <f t="shared" si="853"/>
        <v>3128.5920000000001</v>
      </c>
      <c r="DRP54" s="7">
        <f t="shared" si="853"/>
        <v>3128.5920000000001</v>
      </c>
      <c r="DRQ54" s="7">
        <f t="shared" si="853"/>
        <v>3128.5920000000001</v>
      </c>
      <c r="DRR54" s="7">
        <f t="shared" si="853"/>
        <v>3128.5920000000001</v>
      </c>
      <c r="DRS54" s="7">
        <f t="shared" si="853"/>
        <v>3128.5920000000001</v>
      </c>
      <c r="DRT54" s="7">
        <f t="shared" si="853"/>
        <v>3128.5920000000001</v>
      </c>
      <c r="DRU54" s="7">
        <f t="shared" si="853"/>
        <v>3128.5920000000001</v>
      </c>
      <c r="DRV54" s="7">
        <f t="shared" si="853"/>
        <v>3128.5920000000001</v>
      </c>
      <c r="DRW54" s="7">
        <f t="shared" si="853"/>
        <v>3128.5920000000001</v>
      </c>
      <c r="DRX54" s="7">
        <f t="shared" si="853"/>
        <v>3128.5920000000001</v>
      </c>
      <c r="DRY54" s="7">
        <f t="shared" si="853"/>
        <v>3128.5920000000001</v>
      </c>
      <c r="DRZ54" s="7">
        <f t="shared" si="853"/>
        <v>3128.5920000000001</v>
      </c>
      <c r="DSA54" s="7">
        <f t="shared" si="853"/>
        <v>3128.5920000000001</v>
      </c>
      <c r="DSB54" s="7">
        <f t="shared" si="853"/>
        <v>3128.5920000000001</v>
      </c>
      <c r="DSC54" s="7">
        <f t="shared" si="853"/>
        <v>3128.5920000000001</v>
      </c>
      <c r="DSD54" s="7">
        <f t="shared" si="853"/>
        <v>3128.5920000000001</v>
      </c>
      <c r="DSE54" s="7">
        <f t="shared" si="853"/>
        <v>3128.5920000000001</v>
      </c>
      <c r="DSF54" s="7">
        <f t="shared" si="853"/>
        <v>3128.5920000000001</v>
      </c>
      <c r="DSG54" s="7">
        <f t="shared" si="853"/>
        <v>3128.5920000000001</v>
      </c>
      <c r="DSH54" s="7">
        <f t="shared" si="853"/>
        <v>3128.5920000000001</v>
      </c>
      <c r="DSI54" s="7">
        <f t="shared" si="853"/>
        <v>3128.5920000000001</v>
      </c>
      <c r="DSJ54" s="7">
        <f t="shared" si="853"/>
        <v>3128.5920000000001</v>
      </c>
      <c r="DSK54" s="7">
        <f t="shared" si="853"/>
        <v>3128.5920000000001</v>
      </c>
      <c r="DSL54" s="7">
        <f t="shared" ref="DSL54:DUW54" si="854">DSL49+DSK54</f>
        <v>3128.5920000000001</v>
      </c>
      <c r="DSM54" s="7">
        <f t="shared" si="854"/>
        <v>3128.5920000000001</v>
      </c>
      <c r="DSN54" s="7">
        <f t="shared" si="854"/>
        <v>3128.5920000000001</v>
      </c>
      <c r="DSO54" s="7">
        <f t="shared" si="854"/>
        <v>3128.5920000000001</v>
      </c>
      <c r="DSP54" s="7">
        <f t="shared" si="854"/>
        <v>3128.5920000000001</v>
      </c>
      <c r="DSQ54" s="7">
        <f t="shared" si="854"/>
        <v>3128.5920000000001</v>
      </c>
      <c r="DSR54" s="7">
        <f t="shared" si="854"/>
        <v>3128.5920000000001</v>
      </c>
      <c r="DSS54" s="7">
        <f t="shared" si="854"/>
        <v>3128.5920000000001</v>
      </c>
      <c r="DST54" s="7">
        <f t="shared" si="854"/>
        <v>3128.5920000000001</v>
      </c>
      <c r="DSU54" s="7">
        <f t="shared" si="854"/>
        <v>3128.5920000000001</v>
      </c>
      <c r="DSV54" s="7">
        <f t="shared" si="854"/>
        <v>3128.5920000000001</v>
      </c>
      <c r="DSW54" s="7">
        <f t="shared" si="854"/>
        <v>3128.5920000000001</v>
      </c>
      <c r="DSX54" s="7">
        <f t="shared" si="854"/>
        <v>3128.5920000000001</v>
      </c>
      <c r="DSY54" s="7">
        <f t="shared" si="854"/>
        <v>3128.5920000000001</v>
      </c>
      <c r="DSZ54" s="7">
        <f t="shared" si="854"/>
        <v>3128.5920000000001</v>
      </c>
      <c r="DTA54" s="7">
        <f t="shared" si="854"/>
        <v>3128.5920000000001</v>
      </c>
      <c r="DTB54" s="7">
        <f t="shared" si="854"/>
        <v>3128.5920000000001</v>
      </c>
      <c r="DTC54" s="7">
        <f t="shared" si="854"/>
        <v>3128.5920000000001</v>
      </c>
      <c r="DTD54" s="7">
        <f t="shared" si="854"/>
        <v>3128.5920000000001</v>
      </c>
      <c r="DTE54" s="7">
        <f t="shared" si="854"/>
        <v>3128.5920000000001</v>
      </c>
      <c r="DTF54" s="7">
        <f t="shared" si="854"/>
        <v>3128.5920000000001</v>
      </c>
      <c r="DTG54" s="7">
        <f t="shared" si="854"/>
        <v>3128.5920000000001</v>
      </c>
      <c r="DTH54" s="7">
        <f t="shared" si="854"/>
        <v>3128.5920000000001</v>
      </c>
      <c r="DTI54" s="7">
        <f t="shared" si="854"/>
        <v>3128.5920000000001</v>
      </c>
      <c r="DTJ54" s="7">
        <f t="shared" si="854"/>
        <v>3128.5920000000001</v>
      </c>
      <c r="DTK54" s="7">
        <f t="shared" si="854"/>
        <v>3128.5920000000001</v>
      </c>
      <c r="DTL54" s="7">
        <f t="shared" si="854"/>
        <v>3128.5920000000001</v>
      </c>
      <c r="DTM54" s="7">
        <f t="shared" si="854"/>
        <v>3128.5920000000001</v>
      </c>
      <c r="DTN54" s="7">
        <f t="shared" si="854"/>
        <v>3128.5920000000001</v>
      </c>
      <c r="DTO54" s="7">
        <f t="shared" si="854"/>
        <v>3128.5920000000001</v>
      </c>
      <c r="DTP54" s="7">
        <f t="shared" si="854"/>
        <v>3128.5920000000001</v>
      </c>
      <c r="DTQ54" s="7">
        <f t="shared" si="854"/>
        <v>3128.5920000000001</v>
      </c>
      <c r="DTR54" s="7">
        <f t="shared" si="854"/>
        <v>3128.5920000000001</v>
      </c>
      <c r="DTS54" s="7">
        <f t="shared" si="854"/>
        <v>3128.5920000000001</v>
      </c>
      <c r="DTT54" s="7">
        <f t="shared" si="854"/>
        <v>3128.5920000000001</v>
      </c>
      <c r="DTU54" s="7">
        <f t="shared" si="854"/>
        <v>3128.5920000000001</v>
      </c>
      <c r="DTV54" s="7">
        <f t="shared" si="854"/>
        <v>3128.5920000000001</v>
      </c>
      <c r="DTW54" s="7">
        <f t="shared" si="854"/>
        <v>3128.5920000000001</v>
      </c>
      <c r="DTX54" s="7">
        <f t="shared" si="854"/>
        <v>3128.5920000000001</v>
      </c>
      <c r="DTY54" s="7">
        <f t="shared" si="854"/>
        <v>3128.5920000000001</v>
      </c>
      <c r="DTZ54" s="7">
        <f t="shared" si="854"/>
        <v>3128.5920000000001</v>
      </c>
      <c r="DUA54" s="7">
        <f t="shared" si="854"/>
        <v>3128.5920000000001</v>
      </c>
      <c r="DUB54" s="7">
        <f t="shared" si="854"/>
        <v>3128.5920000000001</v>
      </c>
      <c r="DUC54" s="7">
        <f t="shared" si="854"/>
        <v>3128.5920000000001</v>
      </c>
      <c r="DUD54" s="7">
        <f t="shared" si="854"/>
        <v>3128.5920000000001</v>
      </c>
      <c r="DUE54" s="7">
        <f t="shared" si="854"/>
        <v>3128.5920000000001</v>
      </c>
      <c r="DUF54" s="7">
        <f t="shared" si="854"/>
        <v>3128.5920000000001</v>
      </c>
      <c r="DUG54" s="7">
        <f t="shared" si="854"/>
        <v>3128.5920000000001</v>
      </c>
      <c r="DUH54" s="7">
        <f t="shared" si="854"/>
        <v>3128.5920000000001</v>
      </c>
      <c r="DUI54" s="7">
        <f t="shared" si="854"/>
        <v>3128.5920000000001</v>
      </c>
      <c r="DUJ54" s="7">
        <f t="shared" si="854"/>
        <v>3128.5920000000001</v>
      </c>
      <c r="DUK54" s="7">
        <f t="shared" si="854"/>
        <v>3128.5920000000001</v>
      </c>
      <c r="DUL54" s="7">
        <f t="shared" si="854"/>
        <v>3128.5920000000001</v>
      </c>
      <c r="DUM54" s="7">
        <f t="shared" si="854"/>
        <v>3128.5920000000001</v>
      </c>
      <c r="DUN54" s="7">
        <f t="shared" si="854"/>
        <v>3128.5920000000001</v>
      </c>
      <c r="DUO54" s="7">
        <f t="shared" si="854"/>
        <v>3128.5920000000001</v>
      </c>
      <c r="DUP54" s="7">
        <f t="shared" si="854"/>
        <v>3128.5920000000001</v>
      </c>
      <c r="DUQ54" s="7">
        <f t="shared" si="854"/>
        <v>3128.5920000000001</v>
      </c>
      <c r="DUR54" s="7">
        <f t="shared" si="854"/>
        <v>3128.5920000000001</v>
      </c>
      <c r="DUS54" s="7">
        <f t="shared" si="854"/>
        <v>3128.5920000000001</v>
      </c>
      <c r="DUT54" s="7">
        <f t="shared" si="854"/>
        <v>3128.5920000000001</v>
      </c>
      <c r="DUU54" s="7">
        <f t="shared" si="854"/>
        <v>3128.5920000000001</v>
      </c>
      <c r="DUV54" s="7">
        <f t="shared" si="854"/>
        <v>3128.5920000000001</v>
      </c>
      <c r="DUW54" s="7">
        <f t="shared" si="854"/>
        <v>3128.5920000000001</v>
      </c>
      <c r="DUX54" s="7">
        <f t="shared" ref="DUX54:DXI54" si="855">DUX49+DUW54</f>
        <v>3128.5920000000001</v>
      </c>
      <c r="DUY54" s="7">
        <f t="shared" si="855"/>
        <v>3128.5920000000001</v>
      </c>
      <c r="DUZ54" s="7">
        <f t="shared" si="855"/>
        <v>3128.5920000000001</v>
      </c>
      <c r="DVA54" s="7">
        <f t="shared" si="855"/>
        <v>3128.5920000000001</v>
      </c>
      <c r="DVB54" s="7">
        <f t="shared" si="855"/>
        <v>3128.5920000000001</v>
      </c>
      <c r="DVC54" s="7">
        <f t="shared" si="855"/>
        <v>3128.5920000000001</v>
      </c>
      <c r="DVD54" s="7">
        <f t="shared" si="855"/>
        <v>3128.5920000000001</v>
      </c>
      <c r="DVE54" s="7">
        <f t="shared" si="855"/>
        <v>3128.5920000000001</v>
      </c>
      <c r="DVF54" s="7">
        <f t="shared" si="855"/>
        <v>3128.5920000000001</v>
      </c>
      <c r="DVG54" s="7">
        <f t="shared" si="855"/>
        <v>3128.5920000000001</v>
      </c>
      <c r="DVH54" s="7">
        <f t="shared" si="855"/>
        <v>3128.5920000000001</v>
      </c>
      <c r="DVI54" s="7">
        <f t="shared" si="855"/>
        <v>3128.5920000000001</v>
      </c>
      <c r="DVJ54" s="7">
        <f t="shared" si="855"/>
        <v>3128.5920000000001</v>
      </c>
      <c r="DVK54" s="7">
        <f t="shared" si="855"/>
        <v>3128.5920000000001</v>
      </c>
      <c r="DVL54" s="7">
        <f t="shared" si="855"/>
        <v>3128.5920000000001</v>
      </c>
      <c r="DVM54" s="7">
        <f t="shared" si="855"/>
        <v>3128.5920000000001</v>
      </c>
      <c r="DVN54" s="7">
        <f t="shared" si="855"/>
        <v>3128.5920000000001</v>
      </c>
      <c r="DVO54" s="7">
        <f t="shared" si="855"/>
        <v>3128.5920000000001</v>
      </c>
      <c r="DVP54" s="7">
        <f t="shared" si="855"/>
        <v>3128.5920000000001</v>
      </c>
      <c r="DVQ54" s="7">
        <f t="shared" si="855"/>
        <v>3128.5920000000001</v>
      </c>
      <c r="DVR54" s="7">
        <f t="shared" si="855"/>
        <v>3128.5920000000001</v>
      </c>
      <c r="DVS54" s="7">
        <f t="shared" si="855"/>
        <v>3128.5920000000001</v>
      </c>
      <c r="DVT54" s="7">
        <f t="shared" si="855"/>
        <v>3128.5920000000001</v>
      </c>
      <c r="DVU54" s="7">
        <f t="shared" si="855"/>
        <v>3128.5920000000001</v>
      </c>
      <c r="DVV54" s="7">
        <f t="shared" si="855"/>
        <v>3128.5920000000001</v>
      </c>
      <c r="DVW54" s="7">
        <f t="shared" si="855"/>
        <v>3128.5920000000001</v>
      </c>
      <c r="DVX54" s="7">
        <f t="shared" si="855"/>
        <v>3128.5920000000001</v>
      </c>
      <c r="DVY54" s="7">
        <f t="shared" si="855"/>
        <v>3128.5920000000001</v>
      </c>
      <c r="DVZ54" s="7">
        <f t="shared" si="855"/>
        <v>3128.5920000000001</v>
      </c>
      <c r="DWA54" s="7">
        <f t="shared" si="855"/>
        <v>3128.5920000000001</v>
      </c>
      <c r="DWB54" s="7">
        <f t="shared" si="855"/>
        <v>3128.5920000000001</v>
      </c>
      <c r="DWC54" s="7">
        <f t="shared" si="855"/>
        <v>3128.5920000000001</v>
      </c>
      <c r="DWD54" s="7">
        <f t="shared" si="855"/>
        <v>3128.5920000000001</v>
      </c>
      <c r="DWE54" s="7">
        <f t="shared" si="855"/>
        <v>3128.5920000000001</v>
      </c>
      <c r="DWF54" s="7">
        <f t="shared" si="855"/>
        <v>3128.5920000000001</v>
      </c>
      <c r="DWG54" s="7">
        <f t="shared" si="855"/>
        <v>3128.5920000000001</v>
      </c>
      <c r="DWH54" s="7">
        <f t="shared" si="855"/>
        <v>3128.5920000000001</v>
      </c>
      <c r="DWI54" s="7">
        <f t="shared" si="855"/>
        <v>3128.5920000000001</v>
      </c>
      <c r="DWJ54" s="7">
        <f t="shared" si="855"/>
        <v>3128.5920000000001</v>
      </c>
      <c r="DWK54" s="7">
        <f t="shared" si="855"/>
        <v>3128.5920000000001</v>
      </c>
      <c r="DWL54" s="7">
        <f t="shared" si="855"/>
        <v>3128.5920000000001</v>
      </c>
      <c r="DWM54" s="7">
        <f t="shared" si="855"/>
        <v>3128.5920000000001</v>
      </c>
      <c r="DWN54" s="7">
        <f t="shared" si="855"/>
        <v>3128.5920000000001</v>
      </c>
      <c r="DWO54" s="7">
        <f t="shared" si="855"/>
        <v>3128.5920000000001</v>
      </c>
      <c r="DWP54" s="7">
        <f t="shared" si="855"/>
        <v>3128.5920000000001</v>
      </c>
      <c r="DWQ54" s="7">
        <f t="shared" si="855"/>
        <v>3128.5920000000001</v>
      </c>
      <c r="DWR54" s="7">
        <f t="shared" si="855"/>
        <v>3128.5920000000001</v>
      </c>
      <c r="DWS54" s="7">
        <f t="shared" si="855"/>
        <v>3128.5920000000001</v>
      </c>
      <c r="DWT54" s="7">
        <f t="shared" si="855"/>
        <v>3128.5920000000001</v>
      </c>
      <c r="DWU54" s="7">
        <f t="shared" si="855"/>
        <v>3128.5920000000001</v>
      </c>
      <c r="DWV54" s="7">
        <f t="shared" si="855"/>
        <v>3128.5920000000001</v>
      </c>
      <c r="DWW54" s="7">
        <f t="shared" si="855"/>
        <v>3128.5920000000001</v>
      </c>
      <c r="DWX54" s="7">
        <f t="shared" si="855"/>
        <v>3128.5920000000001</v>
      </c>
      <c r="DWY54" s="7">
        <f t="shared" si="855"/>
        <v>3128.5920000000001</v>
      </c>
      <c r="DWZ54" s="7">
        <f t="shared" si="855"/>
        <v>3128.5920000000001</v>
      </c>
      <c r="DXA54" s="7">
        <f t="shared" si="855"/>
        <v>3128.5920000000001</v>
      </c>
      <c r="DXB54" s="7">
        <f t="shared" si="855"/>
        <v>3128.5920000000001</v>
      </c>
      <c r="DXC54" s="7">
        <f t="shared" si="855"/>
        <v>3128.5920000000001</v>
      </c>
      <c r="DXD54" s="7">
        <f t="shared" si="855"/>
        <v>3128.5920000000001</v>
      </c>
      <c r="DXE54" s="7">
        <f t="shared" si="855"/>
        <v>3128.5920000000001</v>
      </c>
      <c r="DXF54" s="7">
        <f t="shared" si="855"/>
        <v>3128.5920000000001</v>
      </c>
      <c r="DXG54" s="7">
        <f t="shared" si="855"/>
        <v>3128.5920000000001</v>
      </c>
      <c r="DXH54" s="7">
        <f t="shared" si="855"/>
        <v>3128.5920000000001</v>
      </c>
      <c r="DXI54" s="7">
        <f t="shared" si="855"/>
        <v>3128.5920000000001</v>
      </c>
      <c r="DXJ54" s="7">
        <f t="shared" ref="DXJ54:DZU54" si="856">DXJ49+DXI54</f>
        <v>3128.5920000000001</v>
      </c>
      <c r="DXK54" s="7">
        <f t="shared" si="856"/>
        <v>3128.5920000000001</v>
      </c>
      <c r="DXL54" s="7">
        <f t="shared" si="856"/>
        <v>3128.5920000000001</v>
      </c>
      <c r="DXM54" s="7">
        <f t="shared" si="856"/>
        <v>3128.5920000000001</v>
      </c>
      <c r="DXN54" s="7">
        <f t="shared" si="856"/>
        <v>3128.5920000000001</v>
      </c>
      <c r="DXO54" s="7">
        <f t="shared" si="856"/>
        <v>3128.5920000000001</v>
      </c>
      <c r="DXP54" s="7">
        <f t="shared" si="856"/>
        <v>3128.5920000000001</v>
      </c>
      <c r="DXQ54" s="7">
        <f t="shared" si="856"/>
        <v>3128.5920000000001</v>
      </c>
      <c r="DXR54" s="7">
        <f t="shared" si="856"/>
        <v>3128.5920000000001</v>
      </c>
      <c r="DXS54" s="7">
        <f t="shared" si="856"/>
        <v>3128.5920000000001</v>
      </c>
      <c r="DXT54" s="7">
        <f t="shared" si="856"/>
        <v>3128.5920000000001</v>
      </c>
      <c r="DXU54" s="7">
        <f t="shared" si="856"/>
        <v>3128.5920000000001</v>
      </c>
      <c r="DXV54" s="7">
        <f t="shared" si="856"/>
        <v>3128.5920000000001</v>
      </c>
      <c r="DXW54" s="7">
        <f t="shared" si="856"/>
        <v>3128.5920000000001</v>
      </c>
      <c r="DXX54" s="7">
        <f t="shared" si="856"/>
        <v>3128.5920000000001</v>
      </c>
      <c r="DXY54" s="7">
        <f t="shared" si="856"/>
        <v>3128.5920000000001</v>
      </c>
      <c r="DXZ54" s="7">
        <f t="shared" si="856"/>
        <v>3128.5920000000001</v>
      </c>
      <c r="DYA54" s="7">
        <f t="shared" si="856"/>
        <v>3128.5920000000001</v>
      </c>
      <c r="DYB54" s="7">
        <f t="shared" si="856"/>
        <v>3128.5920000000001</v>
      </c>
      <c r="DYC54" s="7">
        <f t="shared" si="856"/>
        <v>3128.5920000000001</v>
      </c>
      <c r="DYD54" s="7">
        <f t="shared" si="856"/>
        <v>3128.5920000000001</v>
      </c>
      <c r="DYE54" s="7">
        <f t="shared" si="856"/>
        <v>3128.5920000000001</v>
      </c>
      <c r="DYF54" s="7">
        <f t="shared" si="856"/>
        <v>3128.5920000000001</v>
      </c>
      <c r="DYG54" s="7">
        <f t="shared" si="856"/>
        <v>3128.5920000000001</v>
      </c>
      <c r="DYH54" s="7">
        <f t="shared" si="856"/>
        <v>3128.5920000000001</v>
      </c>
      <c r="DYI54" s="7">
        <f t="shared" si="856"/>
        <v>3128.5920000000001</v>
      </c>
      <c r="DYJ54" s="7">
        <f t="shared" si="856"/>
        <v>3128.5920000000001</v>
      </c>
      <c r="DYK54" s="7">
        <f t="shared" si="856"/>
        <v>3128.5920000000001</v>
      </c>
      <c r="DYL54" s="7">
        <f t="shared" si="856"/>
        <v>3128.5920000000001</v>
      </c>
      <c r="DYM54" s="7">
        <f t="shared" si="856"/>
        <v>3128.5920000000001</v>
      </c>
      <c r="DYN54" s="7">
        <f t="shared" si="856"/>
        <v>3128.5920000000001</v>
      </c>
      <c r="DYO54" s="7">
        <f t="shared" si="856"/>
        <v>3128.5920000000001</v>
      </c>
      <c r="DYP54" s="7">
        <f t="shared" si="856"/>
        <v>3128.5920000000001</v>
      </c>
      <c r="DYQ54" s="7">
        <f t="shared" si="856"/>
        <v>3128.5920000000001</v>
      </c>
      <c r="DYR54" s="7">
        <f t="shared" si="856"/>
        <v>3128.5920000000001</v>
      </c>
      <c r="DYS54" s="7">
        <f t="shared" si="856"/>
        <v>3128.5920000000001</v>
      </c>
      <c r="DYT54" s="7">
        <f t="shared" si="856"/>
        <v>3128.5920000000001</v>
      </c>
      <c r="DYU54" s="7">
        <f t="shared" si="856"/>
        <v>3128.5920000000001</v>
      </c>
      <c r="DYV54" s="7">
        <f t="shared" si="856"/>
        <v>3128.5920000000001</v>
      </c>
      <c r="DYW54" s="7">
        <f t="shared" si="856"/>
        <v>3128.5920000000001</v>
      </c>
      <c r="DYX54" s="7">
        <f t="shared" si="856"/>
        <v>3128.5920000000001</v>
      </c>
      <c r="DYY54" s="7">
        <f t="shared" si="856"/>
        <v>3128.5920000000001</v>
      </c>
      <c r="DYZ54" s="7">
        <f t="shared" si="856"/>
        <v>3128.5920000000001</v>
      </c>
      <c r="DZA54" s="7">
        <f t="shared" si="856"/>
        <v>3128.5920000000001</v>
      </c>
      <c r="DZB54" s="7">
        <f t="shared" si="856"/>
        <v>3128.5920000000001</v>
      </c>
      <c r="DZC54" s="7">
        <f t="shared" si="856"/>
        <v>3128.5920000000001</v>
      </c>
      <c r="DZD54" s="7">
        <f t="shared" si="856"/>
        <v>3128.5920000000001</v>
      </c>
      <c r="DZE54" s="7">
        <f t="shared" si="856"/>
        <v>3128.5920000000001</v>
      </c>
      <c r="DZF54" s="7">
        <f t="shared" si="856"/>
        <v>3128.5920000000001</v>
      </c>
      <c r="DZG54" s="7">
        <f t="shared" si="856"/>
        <v>3128.5920000000001</v>
      </c>
      <c r="DZH54" s="7">
        <f t="shared" si="856"/>
        <v>3128.5920000000001</v>
      </c>
      <c r="DZI54" s="7">
        <f t="shared" si="856"/>
        <v>3128.5920000000001</v>
      </c>
      <c r="DZJ54" s="7">
        <f t="shared" si="856"/>
        <v>3128.5920000000001</v>
      </c>
      <c r="DZK54" s="7">
        <f t="shared" si="856"/>
        <v>3128.5920000000001</v>
      </c>
      <c r="DZL54" s="7">
        <f t="shared" si="856"/>
        <v>3128.5920000000001</v>
      </c>
      <c r="DZM54" s="7">
        <f t="shared" si="856"/>
        <v>3128.5920000000001</v>
      </c>
      <c r="DZN54" s="7">
        <f t="shared" si="856"/>
        <v>3128.5920000000001</v>
      </c>
      <c r="DZO54" s="7">
        <f t="shared" si="856"/>
        <v>3128.5920000000001</v>
      </c>
      <c r="DZP54" s="7">
        <f t="shared" si="856"/>
        <v>3128.5920000000001</v>
      </c>
      <c r="DZQ54" s="7">
        <f t="shared" si="856"/>
        <v>3128.5920000000001</v>
      </c>
      <c r="DZR54" s="7">
        <f t="shared" si="856"/>
        <v>3128.5920000000001</v>
      </c>
      <c r="DZS54" s="7">
        <f t="shared" si="856"/>
        <v>3128.5920000000001</v>
      </c>
      <c r="DZT54" s="7">
        <f t="shared" si="856"/>
        <v>3128.5920000000001</v>
      </c>
      <c r="DZU54" s="7">
        <f t="shared" si="856"/>
        <v>3128.5920000000001</v>
      </c>
      <c r="DZV54" s="7">
        <f t="shared" ref="DZV54:ECG54" si="857">DZV49+DZU54</f>
        <v>3128.5920000000001</v>
      </c>
      <c r="DZW54" s="7">
        <f t="shared" si="857"/>
        <v>3128.5920000000001</v>
      </c>
      <c r="DZX54" s="7">
        <f t="shared" si="857"/>
        <v>3128.5920000000001</v>
      </c>
      <c r="DZY54" s="7">
        <f t="shared" si="857"/>
        <v>3128.5920000000001</v>
      </c>
      <c r="DZZ54" s="7">
        <f t="shared" si="857"/>
        <v>3128.5920000000001</v>
      </c>
      <c r="EAA54" s="7">
        <f t="shared" si="857"/>
        <v>3128.5920000000001</v>
      </c>
      <c r="EAB54" s="7">
        <f t="shared" si="857"/>
        <v>3128.5920000000001</v>
      </c>
      <c r="EAC54" s="7">
        <f t="shared" si="857"/>
        <v>3128.5920000000001</v>
      </c>
      <c r="EAD54" s="7">
        <f t="shared" si="857"/>
        <v>3128.5920000000001</v>
      </c>
      <c r="EAE54" s="7">
        <f t="shared" si="857"/>
        <v>3128.5920000000001</v>
      </c>
      <c r="EAF54" s="7">
        <f t="shared" si="857"/>
        <v>3128.5920000000001</v>
      </c>
      <c r="EAG54" s="7">
        <f t="shared" si="857"/>
        <v>3128.5920000000001</v>
      </c>
      <c r="EAH54" s="7">
        <f t="shared" si="857"/>
        <v>3128.5920000000001</v>
      </c>
      <c r="EAI54" s="7">
        <f t="shared" si="857"/>
        <v>3128.5920000000001</v>
      </c>
      <c r="EAJ54" s="7">
        <f t="shared" si="857"/>
        <v>3128.5920000000001</v>
      </c>
      <c r="EAK54" s="7">
        <f t="shared" si="857"/>
        <v>3128.5920000000001</v>
      </c>
      <c r="EAL54" s="7">
        <f t="shared" si="857"/>
        <v>3128.5920000000001</v>
      </c>
      <c r="EAM54" s="7">
        <f t="shared" si="857"/>
        <v>3128.5920000000001</v>
      </c>
      <c r="EAN54" s="7">
        <f t="shared" si="857"/>
        <v>3128.5920000000001</v>
      </c>
      <c r="EAO54" s="7">
        <f t="shared" si="857"/>
        <v>3128.5920000000001</v>
      </c>
      <c r="EAP54" s="7">
        <f t="shared" si="857"/>
        <v>3128.5920000000001</v>
      </c>
      <c r="EAQ54" s="7">
        <f t="shared" si="857"/>
        <v>3128.5920000000001</v>
      </c>
      <c r="EAR54" s="7">
        <f t="shared" si="857"/>
        <v>3128.5920000000001</v>
      </c>
      <c r="EAS54" s="7">
        <f t="shared" si="857"/>
        <v>3128.5920000000001</v>
      </c>
      <c r="EAT54" s="7">
        <f t="shared" si="857"/>
        <v>3128.5920000000001</v>
      </c>
      <c r="EAU54" s="7">
        <f t="shared" si="857"/>
        <v>3128.5920000000001</v>
      </c>
      <c r="EAV54" s="7">
        <f t="shared" si="857"/>
        <v>3128.5920000000001</v>
      </c>
      <c r="EAW54" s="7">
        <f t="shared" si="857"/>
        <v>3128.5920000000001</v>
      </c>
      <c r="EAX54" s="7">
        <f t="shared" si="857"/>
        <v>3128.5920000000001</v>
      </c>
      <c r="EAY54" s="7">
        <f t="shared" si="857"/>
        <v>3128.5920000000001</v>
      </c>
      <c r="EAZ54" s="7">
        <f t="shared" si="857"/>
        <v>3128.5920000000001</v>
      </c>
      <c r="EBA54" s="7">
        <f t="shared" si="857"/>
        <v>3128.5920000000001</v>
      </c>
      <c r="EBB54" s="7">
        <f t="shared" si="857"/>
        <v>3128.5920000000001</v>
      </c>
      <c r="EBC54" s="7">
        <f t="shared" si="857"/>
        <v>3128.5920000000001</v>
      </c>
      <c r="EBD54" s="7">
        <f t="shared" si="857"/>
        <v>3128.5920000000001</v>
      </c>
      <c r="EBE54" s="7">
        <f t="shared" si="857"/>
        <v>3128.5920000000001</v>
      </c>
      <c r="EBF54" s="7">
        <f t="shared" si="857"/>
        <v>3128.5920000000001</v>
      </c>
      <c r="EBG54" s="7">
        <f t="shared" si="857"/>
        <v>3128.5920000000001</v>
      </c>
      <c r="EBH54" s="7">
        <f t="shared" si="857"/>
        <v>3128.5920000000001</v>
      </c>
      <c r="EBI54" s="7">
        <f t="shared" si="857"/>
        <v>3128.5920000000001</v>
      </c>
      <c r="EBJ54" s="7">
        <f t="shared" si="857"/>
        <v>3128.5920000000001</v>
      </c>
      <c r="EBK54" s="7">
        <f t="shared" si="857"/>
        <v>3128.5920000000001</v>
      </c>
      <c r="EBL54" s="7">
        <f t="shared" si="857"/>
        <v>3128.5920000000001</v>
      </c>
      <c r="EBM54" s="7">
        <f t="shared" si="857"/>
        <v>3128.5920000000001</v>
      </c>
      <c r="EBN54" s="7">
        <f t="shared" si="857"/>
        <v>3128.5920000000001</v>
      </c>
      <c r="EBO54" s="7">
        <f t="shared" si="857"/>
        <v>3128.5920000000001</v>
      </c>
      <c r="EBP54" s="7">
        <f t="shared" si="857"/>
        <v>3128.5920000000001</v>
      </c>
      <c r="EBQ54" s="7">
        <f t="shared" si="857"/>
        <v>3128.5920000000001</v>
      </c>
      <c r="EBR54" s="7">
        <f t="shared" si="857"/>
        <v>3128.5920000000001</v>
      </c>
      <c r="EBS54" s="7">
        <f t="shared" si="857"/>
        <v>3128.5920000000001</v>
      </c>
      <c r="EBT54" s="7">
        <f t="shared" si="857"/>
        <v>3128.5920000000001</v>
      </c>
      <c r="EBU54" s="7">
        <f t="shared" si="857"/>
        <v>3128.5920000000001</v>
      </c>
      <c r="EBV54" s="7">
        <f t="shared" si="857"/>
        <v>3128.5920000000001</v>
      </c>
      <c r="EBW54" s="7">
        <f t="shared" si="857"/>
        <v>3128.5920000000001</v>
      </c>
      <c r="EBX54" s="7">
        <f t="shared" si="857"/>
        <v>3128.5920000000001</v>
      </c>
      <c r="EBY54" s="7">
        <f t="shared" si="857"/>
        <v>3128.5920000000001</v>
      </c>
      <c r="EBZ54" s="7">
        <f t="shared" si="857"/>
        <v>3128.5920000000001</v>
      </c>
      <c r="ECA54" s="7">
        <f t="shared" si="857"/>
        <v>3128.5920000000001</v>
      </c>
      <c r="ECB54" s="7">
        <f t="shared" si="857"/>
        <v>3128.5920000000001</v>
      </c>
      <c r="ECC54" s="7">
        <f t="shared" si="857"/>
        <v>3128.5920000000001</v>
      </c>
      <c r="ECD54" s="7">
        <f t="shared" si="857"/>
        <v>3128.5920000000001</v>
      </c>
      <c r="ECE54" s="7">
        <f t="shared" si="857"/>
        <v>3128.5920000000001</v>
      </c>
      <c r="ECF54" s="7">
        <f t="shared" si="857"/>
        <v>3128.5920000000001</v>
      </c>
      <c r="ECG54" s="7">
        <f t="shared" si="857"/>
        <v>3128.5920000000001</v>
      </c>
      <c r="ECH54" s="7">
        <f t="shared" ref="ECH54:EES54" si="858">ECH49+ECG54</f>
        <v>3128.5920000000001</v>
      </c>
      <c r="ECI54" s="7">
        <f t="shared" si="858"/>
        <v>3128.5920000000001</v>
      </c>
      <c r="ECJ54" s="7">
        <f t="shared" si="858"/>
        <v>3128.5920000000001</v>
      </c>
      <c r="ECK54" s="7">
        <f t="shared" si="858"/>
        <v>3128.5920000000001</v>
      </c>
      <c r="ECL54" s="7">
        <f t="shared" si="858"/>
        <v>3128.5920000000001</v>
      </c>
      <c r="ECM54" s="7">
        <f t="shared" si="858"/>
        <v>3128.5920000000001</v>
      </c>
      <c r="ECN54" s="7">
        <f t="shared" si="858"/>
        <v>3128.5920000000001</v>
      </c>
      <c r="ECO54" s="7">
        <f t="shared" si="858"/>
        <v>3128.5920000000001</v>
      </c>
      <c r="ECP54" s="7">
        <f t="shared" si="858"/>
        <v>3128.5920000000001</v>
      </c>
      <c r="ECQ54" s="7">
        <f t="shared" si="858"/>
        <v>3128.5920000000001</v>
      </c>
      <c r="ECR54" s="7">
        <f t="shared" si="858"/>
        <v>3128.5920000000001</v>
      </c>
      <c r="ECS54" s="7">
        <f t="shared" si="858"/>
        <v>3128.5920000000001</v>
      </c>
      <c r="ECT54" s="7">
        <f t="shared" si="858"/>
        <v>3128.5920000000001</v>
      </c>
      <c r="ECU54" s="7">
        <f t="shared" si="858"/>
        <v>3128.5920000000001</v>
      </c>
      <c r="ECV54" s="7">
        <f t="shared" si="858"/>
        <v>3128.5920000000001</v>
      </c>
      <c r="ECW54" s="7">
        <f t="shared" si="858"/>
        <v>3128.5920000000001</v>
      </c>
      <c r="ECX54" s="7">
        <f t="shared" si="858"/>
        <v>3128.5920000000001</v>
      </c>
      <c r="ECY54" s="7">
        <f t="shared" si="858"/>
        <v>3128.5920000000001</v>
      </c>
      <c r="ECZ54" s="7">
        <f t="shared" si="858"/>
        <v>3128.5920000000001</v>
      </c>
      <c r="EDA54" s="7">
        <f t="shared" si="858"/>
        <v>3128.5920000000001</v>
      </c>
      <c r="EDB54" s="7">
        <f t="shared" si="858"/>
        <v>3128.5920000000001</v>
      </c>
      <c r="EDC54" s="7">
        <f t="shared" si="858"/>
        <v>3128.5920000000001</v>
      </c>
      <c r="EDD54" s="7">
        <f t="shared" si="858"/>
        <v>3128.5920000000001</v>
      </c>
      <c r="EDE54" s="7">
        <f t="shared" si="858"/>
        <v>3128.5920000000001</v>
      </c>
      <c r="EDF54" s="7">
        <f t="shared" si="858"/>
        <v>3128.5920000000001</v>
      </c>
      <c r="EDG54" s="7">
        <f t="shared" si="858"/>
        <v>3128.5920000000001</v>
      </c>
      <c r="EDH54" s="7">
        <f t="shared" si="858"/>
        <v>3128.5920000000001</v>
      </c>
      <c r="EDI54" s="7">
        <f t="shared" si="858"/>
        <v>3128.5920000000001</v>
      </c>
      <c r="EDJ54" s="7">
        <f t="shared" si="858"/>
        <v>3128.5920000000001</v>
      </c>
      <c r="EDK54" s="7">
        <f t="shared" si="858"/>
        <v>3128.5920000000001</v>
      </c>
      <c r="EDL54" s="7">
        <f t="shared" si="858"/>
        <v>3128.5920000000001</v>
      </c>
      <c r="EDM54" s="7">
        <f t="shared" si="858"/>
        <v>3128.5920000000001</v>
      </c>
      <c r="EDN54" s="7">
        <f t="shared" si="858"/>
        <v>3128.5920000000001</v>
      </c>
      <c r="EDO54" s="7">
        <f t="shared" si="858"/>
        <v>3128.5920000000001</v>
      </c>
      <c r="EDP54" s="7">
        <f t="shared" si="858"/>
        <v>3128.5920000000001</v>
      </c>
      <c r="EDQ54" s="7">
        <f t="shared" si="858"/>
        <v>3128.5920000000001</v>
      </c>
      <c r="EDR54" s="7">
        <f t="shared" si="858"/>
        <v>3128.5920000000001</v>
      </c>
      <c r="EDS54" s="7">
        <f t="shared" si="858"/>
        <v>3128.5920000000001</v>
      </c>
      <c r="EDT54" s="7">
        <f t="shared" si="858"/>
        <v>3128.5920000000001</v>
      </c>
      <c r="EDU54" s="7">
        <f t="shared" si="858"/>
        <v>3128.5920000000001</v>
      </c>
      <c r="EDV54" s="7">
        <f t="shared" si="858"/>
        <v>3128.5920000000001</v>
      </c>
      <c r="EDW54" s="7">
        <f t="shared" si="858"/>
        <v>3128.5920000000001</v>
      </c>
      <c r="EDX54" s="7">
        <f t="shared" si="858"/>
        <v>3128.5920000000001</v>
      </c>
      <c r="EDY54" s="7">
        <f t="shared" si="858"/>
        <v>3128.5920000000001</v>
      </c>
      <c r="EDZ54" s="7">
        <f t="shared" si="858"/>
        <v>3128.5920000000001</v>
      </c>
      <c r="EEA54" s="7">
        <f t="shared" si="858"/>
        <v>3128.5920000000001</v>
      </c>
      <c r="EEB54" s="7">
        <f t="shared" si="858"/>
        <v>3128.5920000000001</v>
      </c>
      <c r="EEC54" s="7">
        <f t="shared" si="858"/>
        <v>3128.5920000000001</v>
      </c>
      <c r="EED54" s="7">
        <f t="shared" si="858"/>
        <v>3128.5920000000001</v>
      </c>
      <c r="EEE54" s="7">
        <f t="shared" si="858"/>
        <v>3128.5920000000001</v>
      </c>
      <c r="EEF54" s="7">
        <f t="shared" si="858"/>
        <v>3128.5920000000001</v>
      </c>
      <c r="EEG54" s="7">
        <f t="shared" si="858"/>
        <v>3128.5920000000001</v>
      </c>
      <c r="EEH54" s="7">
        <f t="shared" si="858"/>
        <v>3128.5920000000001</v>
      </c>
      <c r="EEI54" s="7">
        <f t="shared" si="858"/>
        <v>3128.5920000000001</v>
      </c>
      <c r="EEJ54" s="7">
        <f t="shared" si="858"/>
        <v>3128.5920000000001</v>
      </c>
      <c r="EEK54" s="7">
        <f t="shared" si="858"/>
        <v>3128.5920000000001</v>
      </c>
      <c r="EEL54" s="7">
        <f t="shared" si="858"/>
        <v>3128.5920000000001</v>
      </c>
      <c r="EEM54" s="7">
        <f t="shared" si="858"/>
        <v>3128.5920000000001</v>
      </c>
      <c r="EEN54" s="7">
        <f t="shared" si="858"/>
        <v>3128.5920000000001</v>
      </c>
      <c r="EEO54" s="7">
        <f t="shared" si="858"/>
        <v>3128.5920000000001</v>
      </c>
      <c r="EEP54" s="7">
        <f t="shared" si="858"/>
        <v>3128.5920000000001</v>
      </c>
      <c r="EEQ54" s="7">
        <f t="shared" si="858"/>
        <v>3128.5920000000001</v>
      </c>
      <c r="EER54" s="7">
        <f t="shared" si="858"/>
        <v>3128.5920000000001</v>
      </c>
      <c r="EES54" s="7">
        <f t="shared" si="858"/>
        <v>3128.5920000000001</v>
      </c>
      <c r="EET54" s="7">
        <f t="shared" ref="EET54:EHE54" si="859">EET49+EES54</f>
        <v>3128.5920000000001</v>
      </c>
      <c r="EEU54" s="7">
        <f t="shared" si="859"/>
        <v>3128.5920000000001</v>
      </c>
      <c r="EEV54" s="7">
        <f t="shared" si="859"/>
        <v>3128.5920000000001</v>
      </c>
      <c r="EEW54" s="7">
        <f t="shared" si="859"/>
        <v>3128.5920000000001</v>
      </c>
      <c r="EEX54" s="7">
        <f t="shared" si="859"/>
        <v>3128.5920000000001</v>
      </c>
      <c r="EEY54" s="7">
        <f t="shared" si="859"/>
        <v>3128.5920000000001</v>
      </c>
      <c r="EEZ54" s="7">
        <f t="shared" si="859"/>
        <v>3128.5920000000001</v>
      </c>
      <c r="EFA54" s="7">
        <f t="shared" si="859"/>
        <v>3128.5920000000001</v>
      </c>
      <c r="EFB54" s="7">
        <f t="shared" si="859"/>
        <v>3128.5920000000001</v>
      </c>
      <c r="EFC54" s="7">
        <f t="shared" si="859"/>
        <v>3128.5920000000001</v>
      </c>
      <c r="EFD54" s="7">
        <f t="shared" si="859"/>
        <v>3128.5920000000001</v>
      </c>
      <c r="EFE54" s="7">
        <f t="shared" si="859"/>
        <v>3128.5920000000001</v>
      </c>
      <c r="EFF54" s="7">
        <f t="shared" si="859"/>
        <v>3128.5920000000001</v>
      </c>
      <c r="EFG54" s="7">
        <f t="shared" si="859"/>
        <v>3128.5920000000001</v>
      </c>
      <c r="EFH54" s="7">
        <f t="shared" si="859"/>
        <v>3128.5920000000001</v>
      </c>
      <c r="EFI54" s="7">
        <f t="shared" si="859"/>
        <v>3128.5920000000001</v>
      </c>
      <c r="EFJ54" s="7">
        <f t="shared" si="859"/>
        <v>3128.5920000000001</v>
      </c>
      <c r="EFK54" s="7">
        <f t="shared" si="859"/>
        <v>3128.5920000000001</v>
      </c>
      <c r="EFL54" s="7">
        <f t="shared" si="859"/>
        <v>3128.5920000000001</v>
      </c>
      <c r="EFM54" s="7">
        <f t="shared" si="859"/>
        <v>3128.5920000000001</v>
      </c>
      <c r="EFN54" s="7">
        <f t="shared" si="859"/>
        <v>3128.5920000000001</v>
      </c>
      <c r="EFO54" s="7">
        <f t="shared" si="859"/>
        <v>3128.5920000000001</v>
      </c>
      <c r="EFP54" s="7">
        <f t="shared" si="859"/>
        <v>3128.5920000000001</v>
      </c>
      <c r="EFQ54" s="7">
        <f t="shared" si="859"/>
        <v>3128.5920000000001</v>
      </c>
      <c r="EFR54" s="7">
        <f t="shared" si="859"/>
        <v>3128.5920000000001</v>
      </c>
      <c r="EFS54" s="7">
        <f t="shared" si="859"/>
        <v>3128.5920000000001</v>
      </c>
      <c r="EFT54" s="7">
        <f t="shared" si="859"/>
        <v>3128.5920000000001</v>
      </c>
      <c r="EFU54" s="7">
        <f t="shared" si="859"/>
        <v>3128.5920000000001</v>
      </c>
      <c r="EFV54" s="7">
        <f t="shared" si="859"/>
        <v>3128.5920000000001</v>
      </c>
      <c r="EFW54" s="7">
        <f t="shared" si="859"/>
        <v>3128.5920000000001</v>
      </c>
      <c r="EFX54" s="7">
        <f t="shared" si="859"/>
        <v>3128.5920000000001</v>
      </c>
      <c r="EFY54" s="7">
        <f t="shared" si="859"/>
        <v>3128.5920000000001</v>
      </c>
      <c r="EFZ54" s="7">
        <f t="shared" si="859"/>
        <v>3128.5920000000001</v>
      </c>
      <c r="EGA54" s="7">
        <f t="shared" si="859"/>
        <v>3128.5920000000001</v>
      </c>
      <c r="EGB54" s="7">
        <f t="shared" si="859"/>
        <v>3128.5920000000001</v>
      </c>
      <c r="EGC54" s="7">
        <f t="shared" si="859"/>
        <v>3128.5920000000001</v>
      </c>
      <c r="EGD54" s="7">
        <f t="shared" si="859"/>
        <v>3128.5920000000001</v>
      </c>
      <c r="EGE54" s="7">
        <f t="shared" si="859"/>
        <v>3128.5920000000001</v>
      </c>
      <c r="EGF54" s="7">
        <f t="shared" si="859"/>
        <v>3128.5920000000001</v>
      </c>
      <c r="EGG54" s="7">
        <f t="shared" si="859"/>
        <v>3128.5920000000001</v>
      </c>
      <c r="EGH54" s="7">
        <f t="shared" si="859"/>
        <v>3128.5920000000001</v>
      </c>
      <c r="EGI54" s="7">
        <f t="shared" si="859"/>
        <v>3128.5920000000001</v>
      </c>
      <c r="EGJ54" s="7">
        <f t="shared" si="859"/>
        <v>3128.5920000000001</v>
      </c>
      <c r="EGK54" s="7">
        <f t="shared" si="859"/>
        <v>3128.5920000000001</v>
      </c>
      <c r="EGL54" s="7">
        <f t="shared" si="859"/>
        <v>3128.5920000000001</v>
      </c>
      <c r="EGM54" s="7">
        <f t="shared" si="859"/>
        <v>3128.5920000000001</v>
      </c>
      <c r="EGN54" s="7">
        <f t="shared" si="859"/>
        <v>3128.5920000000001</v>
      </c>
      <c r="EGO54" s="7">
        <f t="shared" si="859"/>
        <v>3128.5920000000001</v>
      </c>
      <c r="EGP54" s="7">
        <f t="shared" si="859"/>
        <v>3128.5920000000001</v>
      </c>
      <c r="EGQ54" s="7">
        <f t="shared" si="859"/>
        <v>3128.5920000000001</v>
      </c>
      <c r="EGR54" s="7">
        <f t="shared" si="859"/>
        <v>3128.5920000000001</v>
      </c>
      <c r="EGS54" s="7">
        <f t="shared" si="859"/>
        <v>3128.5920000000001</v>
      </c>
      <c r="EGT54" s="7">
        <f t="shared" si="859"/>
        <v>3128.5920000000001</v>
      </c>
      <c r="EGU54" s="7">
        <f t="shared" si="859"/>
        <v>3128.5920000000001</v>
      </c>
      <c r="EGV54" s="7">
        <f t="shared" si="859"/>
        <v>3128.5920000000001</v>
      </c>
      <c r="EGW54" s="7">
        <f t="shared" si="859"/>
        <v>3128.5920000000001</v>
      </c>
      <c r="EGX54" s="7">
        <f t="shared" si="859"/>
        <v>3128.5920000000001</v>
      </c>
      <c r="EGY54" s="7">
        <f t="shared" si="859"/>
        <v>3128.5920000000001</v>
      </c>
      <c r="EGZ54" s="7">
        <f t="shared" si="859"/>
        <v>3128.5920000000001</v>
      </c>
      <c r="EHA54" s="7">
        <f t="shared" si="859"/>
        <v>3128.5920000000001</v>
      </c>
      <c r="EHB54" s="7">
        <f t="shared" si="859"/>
        <v>3128.5920000000001</v>
      </c>
      <c r="EHC54" s="7">
        <f t="shared" si="859"/>
        <v>3128.5920000000001</v>
      </c>
      <c r="EHD54" s="7">
        <f t="shared" si="859"/>
        <v>3128.5920000000001</v>
      </c>
      <c r="EHE54" s="7">
        <f t="shared" si="859"/>
        <v>3128.5920000000001</v>
      </c>
      <c r="EHF54" s="7">
        <f t="shared" ref="EHF54:EJQ54" si="860">EHF49+EHE54</f>
        <v>3128.5920000000001</v>
      </c>
      <c r="EHG54" s="7">
        <f t="shared" si="860"/>
        <v>3128.5920000000001</v>
      </c>
      <c r="EHH54" s="7">
        <f t="shared" si="860"/>
        <v>3128.5920000000001</v>
      </c>
      <c r="EHI54" s="7">
        <f t="shared" si="860"/>
        <v>3128.5920000000001</v>
      </c>
      <c r="EHJ54" s="7">
        <f t="shared" si="860"/>
        <v>3128.5920000000001</v>
      </c>
      <c r="EHK54" s="7">
        <f t="shared" si="860"/>
        <v>3128.5920000000001</v>
      </c>
      <c r="EHL54" s="7">
        <f t="shared" si="860"/>
        <v>3128.5920000000001</v>
      </c>
      <c r="EHM54" s="7">
        <f t="shared" si="860"/>
        <v>3128.5920000000001</v>
      </c>
      <c r="EHN54" s="7">
        <f t="shared" si="860"/>
        <v>3128.5920000000001</v>
      </c>
      <c r="EHO54" s="7">
        <f t="shared" si="860"/>
        <v>3128.5920000000001</v>
      </c>
      <c r="EHP54" s="7">
        <f t="shared" si="860"/>
        <v>3128.5920000000001</v>
      </c>
      <c r="EHQ54" s="7">
        <f t="shared" si="860"/>
        <v>3128.5920000000001</v>
      </c>
      <c r="EHR54" s="7">
        <f t="shared" si="860"/>
        <v>3128.5920000000001</v>
      </c>
      <c r="EHS54" s="7">
        <f t="shared" si="860"/>
        <v>3128.5920000000001</v>
      </c>
      <c r="EHT54" s="7">
        <f t="shared" si="860"/>
        <v>3128.5920000000001</v>
      </c>
      <c r="EHU54" s="7">
        <f t="shared" si="860"/>
        <v>3128.5920000000001</v>
      </c>
      <c r="EHV54" s="7">
        <f t="shared" si="860"/>
        <v>3128.5920000000001</v>
      </c>
      <c r="EHW54" s="7">
        <f t="shared" si="860"/>
        <v>3128.5920000000001</v>
      </c>
      <c r="EHX54" s="7">
        <f t="shared" si="860"/>
        <v>3128.5920000000001</v>
      </c>
      <c r="EHY54" s="7">
        <f t="shared" si="860"/>
        <v>3128.5920000000001</v>
      </c>
      <c r="EHZ54" s="7">
        <f t="shared" si="860"/>
        <v>3128.5920000000001</v>
      </c>
      <c r="EIA54" s="7">
        <f t="shared" si="860"/>
        <v>3128.5920000000001</v>
      </c>
      <c r="EIB54" s="7">
        <f t="shared" si="860"/>
        <v>3128.5920000000001</v>
      </c>
      <c r="EIC54" s="7">
        <f t="shared" si="860"/>
        <v>3128.5920000000001</v>
      </c>
      <c r="EID54" s="7">
        <f t="shared" si="860"/>
        <v>3128.5920000000001</v>
      </c>
      <c r="EIE54" s="7">
        <f t="shared" si="860"/>
        <v>3128.5920000000001</v>
      </c>
      <c r="EIF54" s="7">
        <f t="shared" si="860"/>
        <v>3128.5920000000001</v>
      </c>
      <c r="EIG54" s="7">
        <f t="shared" si="860"/>
        <v>3128.5920000000001</v>
      </c>
      <c r="EIH54" s="7">
        <f t="shared" si="860"/>
        <v>3128.5920000000001</v>
      </c>
      <c r="EII54" s="7">
        <f t="shared" si="860"/>
        <v>3128.5920000000001</v>
      </c>
      <c r="EIJ54" s="7">
        <f t="shared" si="860"/>
        <v>3128.5920000000001</v>
      </c>
      <c r="EIK54" s="7">
        <f t="shared" si="860"/>
        <v>3128.5920000000001</v>
      </c>
      <c r="EIL54" s="7">
        <f t="shared" si="860"/>
        <v>3128.5920000000001</v>
      </c>
      <c r="EIM54" s="7">
        <f t="shared" si="860"/>
        <v>3128.5920000000001</v>
      </c>
      <c r="EIN54" s="7">
        <f t="shared" si="860"/>
        <v>3128.5920000000001</v>
      </c>
      <c r="EIO54" s="7">
        <f t="shared" si="860"/>
        <v>3128.5920000000001</v>
      </c>
      <c r="EIP54" s="7">
        <f t="shared" si="860"/>
        <v>3128.5920000000001</v>
      </c>
      <c r="EIQ54" s="7">
        <f t="shared" si="860"/>
        <v>3128.5920000000001</v>
      </c>
      <c r="EIR54" s="7">
        <f t="shared" si="860"/>
        <v>3128.5920000000001</v>
      </c>
      <c r="EIS54" s="7">
        <f t="shared" si="860"/>
        <v>3128.5920000000001</v>
      </c>
      <c r="EIT54" s="7">
        <f t="shared" si="860"/>
        <v>3128.5920000000001</v>
      </c>
      <c r="EIU54" s="7">
        <f t="shared" si="860"/>
        <v>3128.5920000000001</v>
      </c>
      <c r="EIV54" s="7">
        <f t="shared" si="860"/>
        <v>3128.5920000000001</v>
      </c>
      <c r="EIW54" s="7">
        <f t="shared" si="860"/>
        <v>3128.5920000000001</v>
      </c>
      <c r="EIX54" s="7">
        <f t="shared" si="860"/>
        <v>3128.5920000000001</v>
      </c>
      <c r="EIY54" s="7">
        <f t="shared" si="860"/>
        <v>3128.5920000000001</v>
      </c>
      <c r="EIZ54" s="7">
        <f t="shared" si="860"/>
        <v>3128.5920000000001</v>
      </c>
      <c r="EJA54" s="7">
        <f t="shared" si="860"/>
        <v>3128.5920000000001</v>
      </c>
      <c r="EJB54" s="7">
        <f t="shared" si="860"/>
        <v>3128.5920000000001</v>
      </c>
      <c r="EJC54" s="7">
        <f t="shared" si="860"/>
        <v>3128.5920000000001</v>
      </c>
      <c r="EJD54" s="7">
        <f t="shared" si="860"/>
        <v>3128.5920000000001</v>
      </c>
      <c r="EJE54" s="7">
        <f t="shared" si="860"/>
        <v>3128.5920000000001</v>
      </c>
      <c r="EJF54" s="7">
        <f t="shared" si="860"/>
        <v>3128.5920000000001</v>
      </c>
      <c r="EJG54" s="7">
        <f t="shared" si="860"/>
        <v>3128.5920000000001</v>
      </c>
      <c r="EJH54" s="7">
        <f t="shared" si="860"/>
        <v>3128.5920000000001</v>
      </c>
      <c r="EJI54" s="7">
        <f t="shared" si="860"/>
        <v>3128.5920000000001</v>
      </c>
      <c r="EJJ54" s="7">
        <f t="shared" si="860"/>
        <v>3128.5920000000001</v>
      </c>
      <c r="EJK54" s="7">
        <f t="shared" si="860"/>
        <v>3128.5920000000001</v>
      </c>
      <c r="EJL54" s="7">
        <f t="shared" si="860"/>
        <v>3128.5920000000001</v>
      </c>
      <c r="EJM54" s="7">
        <f t="shared" si="860"/>
        <v>3128.5920000000001</v>
      </c>
      <c r="EJN54" s="7">
        <f t="shared" si="860"/>
        <v>3128.5920000000001</v>
      </c>
      <c r="EJO54" s="7">
        <f t="shared" si="860"/>
        <v>3128.5920000000001</v>
      </c>
      <c r="EJP54" s="7">
        <f t="shared" si="860"/>
        <v>3128.5920000000001</v>
      </c>
      <c r="EJQ54" s="7">
        <f t="shared" si="860"/>
        <v>3128.5920000000001</v>
      </c>
      <c r="EJR54" s="7">
        <f t="shared" ref="EJR54:EMC54" si="861">EJR49+EJQ54</f>
        <v>3128.5920000000001</v>
      </c>
      <c r="EJS54" s="7">
        <f t="shared" si="861"/>
        <v>3128.5920000000001</v>
      </c>
      <c r="EJT54" s="7">
        <f t="shared" si="861"/>
        <v>3128.5920000000001</v>
      </c>
      <c r="EJU54" s="7">
        <f t="shared" si="861"/>
        <v>3128.5920000000001</v>
      </c>
      <c r="EJV54" s="7">
        <f t="shared" si="861"/>
        <v>3128.5920000000001</v>
      </c>
      <c r="EJW54" s="7">
        <f t="shared" si="861"/>
        <v>3128.5920000000001</v>
      </c>
      <c r="EJX54" s="7">
        <f t="shared" si="861"/>
        <v>3128.5920000000001</v>
      </c>
      <c r="EJY54" s="7">
        <f t="shared" si="861"/>
        <v>3128.5920000000001</v>
      </c>
      <c r="EJZ54" s="7">
        <f t="shared" si="861"/>
        <v>3128.5920000000001</v>
      </c>
      <c r="EKA54" s="7">
        <f t="shared" si="861"/>
        <v>3128.5920000000001</v>
      </c>
      <c r="EKB54" s="7">
        <f t="shared" si="861"/>
        <v>3128.5920000000001</v>
      </c>
      <c r="EKC54" s="7">
        <f t="shared" si="861"/>
        <v>3128.5920000000001</v>
      </c>
      <c r="EKD54" s="7">
        <f t="shared" si="861"/>
        <v>3128.5920000000001</v>
      </c>
      <c r="EKE54" s="7">
        <f t="shared" si="861"/>
        <v>3128.5920000000001</v>
      </c>
      <c r="EKF54" s="7">
        <f t="shared" si="861"/>
        <v>3128.5920000000001</v>
      </c>
      <c r="EKG54" s="7">
        <f t="shared" si="861"/>
        <v>3128.5920000000001</v>
      </c>
      <c r="EKH54" s="7">
        <f t="shared" si="861"/>
        <v>3128.5920000000001</v>
      </c>
      <c r="EKI54" s="7">
        <f t="shared" si="861"/>
        <v>3128.5920000000001</v>
      </c>
      <c r="EKJ54" s="7">
        <f t="shared" si="861"/>
        <v>3128.5920000000001</v>
      </c>
      <c r="EKK54" s="7">
        <f t="shared" si="861"/>
        <v>3128.5920000000001</v>
      </c>
      <c r="EKL54" s="7">
        <f t="shared" si="861"/>
        <v>3128.5920000000001</v>
      </c>
      <c r="EKM54" s="7">
        <f t="shared" si="861"/>
        <v>3128.5920000000001</v>
      </c>
      <c r="EKN54" s="7">
        <f t="shared" si="861"/>
        <v>3128.5920000000001</v>
      </c>
      <c r="EKO54" s="7">
        <f t="shared" si="861"/>
        <v>3128.5920000000001</v>
      </c>
      <c r="EKP54" s="7">
        <f t="shared" si="861"/>
        <v>3128.5920000000001</v>
      </c>
      <c r="EKQ54" s="7">
        <f t="shared" si="861"/>
        <v>3128.5920000000001</v>
      </c>
      <c r="EKR54" s="7">
        <f t="shared" si="861"/>
        <v>3128.5920000000001</v>
      </c>
      <c r="EKS54" s="7">
        <f t="shared" si="861"/>
        <v>3128.5920000000001</v>
      </c>
      <c r="EKT54" s="7">
        <f t="shared" si="861"/>
        <v>3128.5920000000001</v>
      </c>
      <c r="EKU54" s="7">
        <f t="shared" si="861"/>
        <v>3128.5920000000001</v>
      </c>
      <c r="EKV54" s="7">
        <f t="shared" si="861"/>
        <v>3128.5920000000001</v>
      </c>
      <c r="EKW54" s="7">
        <f t="shared" si="861"/>
        <v>3128.5920000000001</v>
      </c>
      <c r="EKX54" s="7">
        <f t="shared" si="861"/>
        <v>3128.5920000000001</v>
      </c>
      <c r="EKY54" s="7">
        <f t="shared" si="861"/>
        <v>3128.5920000000001</v>
      </c>
      <c r="EKZ54" s="7">
        <f t="shared" si="861"/>
        <v>3128.5920000000001</v>
      </c>
      <c r="ELA54" s="7">
        <f t="shared" si="861"/>
        <v>3128.5920000000001</v>
      </c>
      <c r="ELB54" s="7">
        <f t="shared" si="861"/>
        <v>3128.5920000000001</v>
      </c>
      <c r="ELC54" s="7">
        <f t="shared" si="861"/>
        <v>3128.5920000000001</v>
      </c>
      <c r="ELD54" s="7">
        <f t="shared" si="861"/>
        <v>3128.5920000000001</v>
      </c>
      <c r="ELE54" s="7">
        <f t="shared" si="861"/>
        <v>3128.5920000000001</v>
      </c>
      <c r="ELF54" s="7">
        <f t="shared" si="861"/>
        <v>3128.5920000000001</v>
      </c>
      <c r="ELG54" s="7">
        <f t="shared" si="861"/>
        <v>3128.5920000000001</v>
      </c>
      <c r="ELH54" s="7">
        <f t="shared" si="861"/>
        <v>3128.5920000000001</v>
      </c>
      <c r="ELI54" s="7">
        <f t="shared" si="861"/>
        <v>3128.5920000000001</v>
      </c>
      <c r="ELJ54" s="7">
        <f t="shared" si="861"/>
        <v>3128.5920000000001</v>
      </c>
      <c r="ELK54" s="7">
        <f t="shared" si="861"/>
        <v>3128.5920000000001</v>
      </c>
      <c r="ELL54" s="7">
        <f t="shared" si="861"/>
        <v>3128.5920000000001</v>
      </c>
      <c r="ELM54" s="7">
        <f t="shared" si="861"/>
        <v>3128.5920000000001</v>
      </c>
      <c r="ELN54" s="7">
        <f t="shared" si="861"/>
        <v>3128.5920000000001</v>
      </c>
      <c r="ELO54" s="7">
        <f t="shared" si="861"/>
        <v>3128.5920000000001</v>
      </c>
      <c r="ELP54" s="7">
        <f t="shared" si="861"/>
        <v>3128.5920000000001</v>
      </c>
      <c r="ELQ54" s="7">
        <f t="shared" si="861"/>
        <v>3128.5920000000001</v>
      </c>
      <c r="ELR54" s="7">
        <f t="shared" si="861"/>
        <v>3128.5920000000001</v>
      </c>
      <c r="ELS54" s="7">
        <f t="shared" si="861"/>
        <v>3128.5920000000001</v>
      </c>
      <c r="ELT54" s="7">
        <f t="shared" si="861"/>
        <v>3128.5920000000001</v>
      </c>
      <c r="ELU54" s="7">
        <f t="shared" si="861"/>
        <v>3128.5920000000001</v>
      </c>
      <c r="ELV54" s="7">
        <f t="shared" si="861"/>
        <v>3128.5920000000001</v>
      </c>
      <c r="ELW54" s="7">
        <f t="shared" si="861"/>
        <v>3128.5920000000001</v>
      </c>
      <c r="ELX54" s="7">
        <f t="shared" si="861"/>
        <v>3128.5920000000001</v>
      </c>
      <c r="ELY54" s="7">
        <f t="shared" si="861"/>
        <v>3128.5920000000001</v>
      </c>
      <c r="ELZ54" s="7">
        <f t="shared" si="861"/>
        <v>3128.5920000000001</v>
      </c>
      <c r="EMA54" s="7">
        <f t="shared" si="861"/>
        <v>3128.5920000000001</v>
      </c>
      <c r="EMB54" s="7">
        <f t="shared" si="861"/>
        <v>3128.5920000000001</v>
      </c>
      <c r="EMC54" s="7">
        <f t="shared" si="861"/>
        <v>3128.5920000000001</v>
      </c>
      <c r="EMD54" s="7">
        <f t="shared" ref="EMD54:EOO54" si="862">EMD49+EMC54</f>
        <v>3128.5920000000001</v>
      </c>
      <c r="EME54" s="7">
        <f t="shared" si="862"/>
        <v>3128.5920000000001</v>
      </c>
      <c r="EMF54" s="7">
        <f t="shared" si="862"/>
        <v>3128.5920000000001</v>
      </c>
      <c r="EMG54" s="7">
        <f t="shared" si="862"/>
        <v>3128.5920000000001</v>
      </c>
      <c r="EMH54" s="7">
        <f t="shared" si="862"/>
        <v>3128.5920000000001</v>
      </c>
      <c r="EMI54" s="7">
        <f t="shared" si="862"/>
        <v>3128.5920000000001</v>
      </c>
      <c r="EMJ54" s="7">
        <f t="shared" si="862"/>
        <v>3128.5920000000001</v>
      </c>
      <c r="EMK54" s="7">
        <f t="shared" si="862"/>
        <v>3128.5920000000001</v>
      </c>
      <c r="EML54" s="7">
        <f t="shared" si="862"/>
        <v>3128.5920000000001</v>
      </c>
      <c r="EMM54" s="7">
        <f t="shared" si="862"/>
        <v>3128.5920000000001</v>
      </c>
      <c r="EMN54" s="7">
        <f t="shared" si="862"/>
        <v>3128.5920000000001</v>
      </c>
      <c r="EMO54" s="7">
        <f t="shared" si="862"/>
        <v>3128.5920000000001</v>
      </c>
      <c r="EMP54" s="7">
        <f t="shared" si="862"/>
        <v>3128.5920000000001</v>
      </c>
      <c r="EMQ54" s="7">
        <f t="shared" si="862"/>
        <v>3128.5920000000001</v>
      </c>
      <c r="EMR54" s="7">
        <f t="shared" si="862"/>
        <v>3128.5920000000001</v>
      </c>
      <c r="EMS54" s="7">
        <f t="shared" si="862"/>
        <v>3128.5920000000001</v>
      </c>
      <c r="EMT54" s="7">
        <f t="shared" si="862"/>
        <v>3128.5920000000001</v>
      </c>
      <c r="EMU54" s="7">
        <f t="shared" si="862"/>
        <v>3128.5920000000001</v>
      </c>
      <c r="EMV54" s="7">
        <f t="shared" si="862"/>
        <v>3128.5920000000001</v>
      </c>
      <c r="EMW54" s="7">
        <f t="shared" si="862"/>
        <v>3128.5920000000001</v>
      </c>
      <c r="EMX54" s="7">
        <f t="shared" si="862"/>
        <v>3128.5920000000001</v>
      </c>
      <c r="EMY54" s="7">
        <f t="shared" si="862"/>
        <v>3128.5920000000001</v>
      </c>
      <c r="EMZ54" s="7">
        <f t="shared" si="862"/>
        <v>3128.5920000000001</v>
      </c>
      <c r="ENA54" s="7">
        <f t="shared" si="862"/>
        <v>3128.5920000000001</v>
      </c>
      <c r="ENB54" s="7">
        <f t="shared" si="862"/>
        <v>3128.5920000000001</v>
      </c>
      <c r="ENC54" s="7">
        <f t="shared" si="862"/>
        <v>3128.5920000000001</v>
      </c>
      <c r="END54" s="7">
        <f t="shared" si="862"/>
        <v>3128.5920000000001</v>
      </c>
      <c r="ENE54" s="7">
        <f t="shared" si="862"/>
        <v>3128.5920000000001</v>
      </c>
      <c r="ENF54" s="7">
        <f t="shared" si="862"/>
        <v>3128.5920000000001</v>
      </c>
      <c r="ENG54" s="7">
        <f t="shared" si="862"/>
        <v>3128.5920000000001</v>
      </c>
      <c r="ENH54" s="7">
        <f t="shared" si="862"/>
        <v>3128.5920000000001</v>
      </c>
      <c r="ENI54" s="7">
        <f t="shared" si="862"/>
        <v>3128.5920000000001</v>
      </c>
      <c r="ENJ54" s="7">
        <f t="shared" si="862"/>
        <v>3128.5920000000001</v>
      </c>
      <c r="ENK54" s="7">
        <f t="shared" si="862"/>
        <v>3128.5920000000001</v>
      </c>
      <c r="ENL54" s="7">
        <f t="shared" si="862"/>
        <v>3128.5920000000001</v>
      </c>
      <c r="ENM54" s="7">
        <f t="shared" si="862"/>
        <v>3128.5920000000001</v>
      </c>
      <c r="ENN54" s="7">
        <f t="shared" si="862"/>
        <v>3128.5920000000001</v>
      </c>
      <c r="ENO54" s="7">
        <f t="shared" si="862"/>
        <v>3128.5920000000001</v>
      </c>
      <c r="ENP54" s="7">
        <f t="shared" si="862"/>
        <v>3128.5920000000001</v>
      </c>
      <c r="ENQ54" s="7">
        <f t="shared" si="862"/>
        <v>3128.5920000000001</v>
      </c>
      <c r="ENR54" s="7">
        <f t="shared" si="862"/>
        <v>3128.5920000000001</v>
      </c>
      <c r="ENS54" s="7">
        <f t="shared" si="862"/>
        <v>3128.5920000000001</v>
      </c>
      <c r="ENT54" s="7">
        <f t="shared" si="862"/>
        <v>3128.5920000000001</v>
      </c>
      <c r="ENU54" s="7">
        <f t="shared" si="862"/>
        <v>3128.5920000000001</v>
      </c>
      <c r="ENV54" s="7">
        <f t="shared" si="862"/>
        <v>3128.5920000000001</v>
      </c>
      <c r="ENW54" s="7">
        <f t="shared" si="862"/>
        <v>3128.5920000000001</v>
      </c>
      <c r="ENX54" s="7">
        <f t="shared" si="862"/>
        <v>3128.5920000000001</v>
      </c>
      <c r="ENY54" s="7">
        <f t="shared" si="862"/>
        <v>3128.5920000000001</v>
      </c>
      <c r="ENZ54" s="7">
        <f t="shared" si="862"/>
        <v>3128.5920000000001</v>
      </c>
      <c r="EOA54" s="7">
        <f t="shared" si="862"/>
        <v>3128.5920000000001</v>
      </c>
      <c r="EOB54" s="7">
        <f t="shared" si="862"/>
        <v>3128.5920000000001</v>
      </c>
      <c r="EOC54" s="7">
        <f t="shared" si="862"/>
        <v>3128.5920000000001</v>
      </c>
      <c r="EOD54" s="7">
        <f t="shared" si="862"/>
        <v>3128.5920000000001</v>
      </c>
      <c r="EOE54" s="7">
        <f t="shared" si="862"/>
        <v>3128.5920000000001</v>
      </c>
      <c r="EOF54" s="7">
        <f t="shared" si="862"/>
        <v>3128.5920000000001</v>
      </c>
      <c r="EOG54" s="7">
        <f t="shared" si="862"/>
        <v>3128.5920000000001</v>
      </c>
      <c r="EOH54" s="7">
        <f t="shared" si="862"/>
        <v>3128.5920000000001</v>
      </c>
      <c r="EOI54" s="7">
        <f t="shared" si="862"/>
        <v>3128.5920000000001</v>
      </c>
      <c r="EOJ54" s="7">
        <f t="shared" si="862"/>
        <v>3128.5920000000001</v>
      </c>
      <c r="EOK54" s="7">
        <f t="shared" si="862"/>
        <v>3128.5920000000001</v>
      </c>
      <c r="EOL54" s="7">
        <f t="shared" si="862"/>
        <v>3128.5920000000001</v>
      </c>
      <c r="EOM54" s="7">
        <f t="shared" si="862"/>
        <v>3128.5920000000001</v>
      </c>
      <c r="EON54" s="7">
        <f t="shared" si="862"/>
        <v>3128.5920000000001</v>
      </c>
      <c r="EOO54" s="7">
        <f t="shared" si="862"/>
        <v>3128.5920000000001</v>
      </c>
      <c r="EOP54" s="7">
        <f t="shared" ref="EOP54:ERA54" si="863">EOP49+EOO54</f>
        <v>3128.5920000000001</v>
      </c>
      <c r="EOQ54" s="7">
        <f t="shared" si="863"/>
        <v>3128.5920000000001</v>
      </c>
      <c r="EOR54" s="7">
        <f t="shared" si="863"/>
        <v>3128.5920000000001</v>
      </c>
      <c r="EOS54" s="7">
        <f t="shared" si="863"/>
        <v>3128.5920000000001</v>
      </c>
      <c r="EOT54" s="7">
        <f t="shared" si="863"/>
        <v>3128.5920000000001</v>
      </c>
      <c r="EOU54" s="7">
        <f t="shared" si="863"/>
        <v>3128.5920000000001</v>
      </c>
      <c r="EOV54" s="7">
        <f t="shared" si="863"/>
        <v>3128.5920000000001</v>
      </c>
      <c r="EOW54" s="7">
        <f t="shared" si="863"/>
        <v>3128.5920000000001</v>
      </c>
      <c r="EOX54" s="7">
        <f t="shared" si="863"/>
        <v>3128.5920000000001</v>
      </c>
      <c r="EOY54" s="7">
        <f t="shared" si="863"/>
        <v>3128.5920000000001</v>
      </c>
      <c r="EOZ54" s="7">
        <f t="shared" si="863"/>
        <v>3128.5920000000001</v>
      </c>
      <c r="EPA54" s="7">
        <f t="shared" si="863"/>
        <v>3128.5920000000001</v>
      </c>
      <c r="EPB54" s="7">
        <f t="shared" si="863"/>
        <v>3128.5920000000001</v>
      </c>
      <c r="EPC54" s="7">
        <f t="shared" si="863"/>
        <v>3128.5920000000001</v>
      </c>
      <c r="EPD54" s="7">
        <f t="shared" si="863"/>
        <v>3128.5920000000001</v>
      </c>
      <c r="EPE54" s="7">
        <f t="shared" si="863"/>
        <v>3128.5920000000001</v>
      </c>
      <c r="EPF54" s="7">
        <f t="shared" si="863"/>
        <v>3128.5920000000001</v>
      </c>
      <c r="EPG54" s="7">
        <f t="shared" si="863"/>
        <v>3128.5920000000001</v>
      </c>
      <c r="EPH54" s="7">
        <f t="shared" si="863"/>
        <v>3128.5920000000001</v>
      </c>
      <c r="EPI54" s="7">
        <f t="shared" si="863"/>
        <v>3128.5920000000001</v>
      </c>
      <c r="EPJ54" s="7">
        <f t="shared" si="863"/>
        <v>3128.5920000000001</v>
      </c>
      <c r="EPK54" s="7">
        <f t="shared" si="863"/>
        <v>3128.5920000000001</v>
      </c>
      <c r="EPL54" s="7">
        <f t="shared" si="863"/>
        <v>3128.5920000000001</v>
      </c>
      <c r="EPM54" s="7">
        <f t="shared" si="863"/>
        <v>3128.5920000000001</v>
      </c>
      <c r="EPN54" s="7">
        <f t="shared" si="863"/>
        <v>3128.5920000000001</v>
      </c>
      <c r="EPO54" s="7">
        <f t="shared" si="863"/>
        <v>3128.5920000000001</v>
      </c>
      <c r="EPP54" s="7">
        <f t="shared" si="863"/>
        <v>3128.5920000000001</v>
      </c>
      <c r="EPQ54" s="7">
        <f t="shared" si="863"/>
        <v>3128.5920000000001</v>
      </c>
      <c r="EPR54" s="7">
        <f t="shared" si="863"/>
        <v>3128.5920000000001</v>
      </c>
      <c r="EPS54" s="7">
        <f t="shared" si="863"/>
        <v>3128.5920000000001</v>
      </c>
      <c r="EPT54" s="7">
        <f t="shared" si="863"/>
        <v>3128.5920000000001</v>
      </c>
      <c r="EPU54" s="7">
        <f t="shared" si="863"/>
        <v>3128.5920000000001</v>
      </c>
      <c r="EPV54" s="7">
        <f t="shared" si="863"/>
        <v>3128.5920000000001</v>
      </c>
      <c r="EPW54" s="7">
        <f t="shared" si="863"/>
        <v>3128.5920000000001</v>
      </c>
      <c r="EPX54" s="7">
        <f t="shared" si="863"/>
        <v>3128.5920000000001</v>
      </c>
      <c r="EPY54" s="7">
        <f t="shared" si="863"/>
        <v>3128.5920000000001</v>
      </c>
      <c r="EPZ54" s="7">
        <f t="shared" si="863"/>
        <v>3128.5920000000001</v>
      </c>
      <c r="EQA54" s="7">
        <f t="shared" si="863"/>
        <v>3128.5920000000001</v>
      </c>
      <c r="EQB54" s="7">
        <f t="shared" si="863"/>
        <v>3128.5920000000001</v>
      </c>
      <c r="EQC54" s="7">
        <f t="shared" si="863"/>
        <v>3128.5920000000001</v>
      </c>
      <c r="EQD54" s="7">
        <f t="shared" si="863"/>
        <v>3128.5920000000001</v>
      </c>
      <c r="EQE54" s="7">
        <f t="shared" si="863"/>
        <v>3128.5920000000001</v>
      </c>
      <c r="EQF54" s="7">
        <f t="shared" si="863"/>
        <v>3128.5920000000001</v>
      </c>
      <c r="EQG54" s="7">
        <f t="shared" si="863"/>
        <v>3128.5920000000001</v>
      </c>
      <c r="EQH54" s="7">
        <f t="shared" si="863"/>
        <v>3128.5920000000001</v>
      </c>
      <c r="EQI54" s="7">
        <f t="shared" si="863"/>
        <v>3128.5920000000001</v>
      </c>
      <c r="EQJ54" s="7">
        <f t="shared" si="863"/>
        <v>3128.5920000000001</v>
      </c>
      <c r="EQK54" s="7">
        <f t="shared" si="863"/>
        <v>3128.5920000000001</v>
      </c>
      <c r="EQL54" s="7">
        <f t="shared" si="863"/>
        <v>3128.5920000000001</v>
      </c>
      <c r="EQM54" s="7">
        <f t="shared" si="863"/>
        <v>3128.5920000000001</v>
      </c>
      <c r="EQN54" s="7">
        <f t="shared" si="863"/>
        <v>3128.5920000000001</v>
      </c>
      <c r="EQO54" s="7">
        <f t="shared" si="863"/>
        <v>3128.5920000000001</v>
      </c>
      <c r="EQP54" s="7">
        <f t="shared" si="863"/>
        <v>3128.5920000000001</v>
      </c>
      <c r="EQQ54" s="7">
        <f t="shared" si="863"/>
        <v>3128.5920000000001</v>
      </c>
      <c r="EQR54" s="7">
        <f t="shared" si="863"/>
        <v>3128.5920000000001</v>
      </c>
      <c r="EQS54" s="7">
        <f t="shared" si="863"/>
        <v>3128.5920000000001</v>
      </c>
      <c r="EQT54" s="7">
        <f t="shared" si="863"/>
        <v>3128.5920000000001</v>
      </c>
      <c r="EQU54" s="7">
        <f t="shared" si="863"/>
        <v>3128.5920000000001</v>
      </c>
      <c r="EQV54" s="7">
        <f t="shared" si="863"/>
        <v>3128.5920000000001</v>
      </c>
      <c r="EQW54" s="7">
        <f t="shared" si="863"/>
        <v>3128.5920000000001</v>
      </c>
      <c r="EQX54" s="7">
        <f t="shared" si="863"/>
        <v>3128.5920000000001</v>
      </c>
      <c r="EQY54" s="7">
        <f t="shared" si="863"/>
        <v>3128.5920000000001</v>
      </c>
      <c r="EQZ54" s="7">
        <f t="shared" si="863"/>
        <v>3128.5920000000001</v>
      </c>
      <c r="ERA54" s="7">
        <f t="shared" si="863"/>
        <v>3128.5920000000001</v>
      </c>
      <c r="ERB54" s="7">
        <f t="shared" ref="ERB54:ETM54" si="864">ERB49+ERA54</f>
        <v>3128.5920000000001</v>
      </c>
      <c r="ERC54" s="7">
        <f t="shared" si="864"/>
        <v>3128.5920000000001</v>
      </c>
      <c r="ERD54" s="7">
        <f t="shared" si="864"/>
        <v>3128.5920000000001</v>
      </c>
      <c r="ERE54" s="7">
        <f t="shared" si="864"/>
        <v>3128.5920000000001</v>
      </c>
      <c r="ERF54" s="7">
        <f t="shared" si="864"/>
        <v>3128.5920000000001</v>
      </c>
      <c r="ERG54" s="7">
        <f t="shared" si="864"/>
        <v>3128.5920000000001</v>
      </c>
      <c r="ERH54" s="7">
        <f t="shared" si="864"/>
        <v>3128.5920000000001</v>
      </c>
      <c r="ERI54" s="7">
        <f t="shared" si="864"/>
        <v>3128.5920000000001</v>
      </c>
      <c r="ERJ54" s="7">
        <f t="shared" si="864"/>
        <v>3128.5920000000001</v>
      </c>
      <c r="ERK54" s="7">
        <f t="shared" si="864"/>
        <v>3128.5920000000001</v>
      </c>
      <c r="ERL54" s="7">
        <f t="shared" si="864"/>
        <v>3128.5920000000001</v>
      </c>
      <c r="ERM54" s="7">
        <f t="shared" si="864"/>
        <v>3128.5920000000001</v>
      </c>
      <c r="ERN54" s="7">
        <f t="shared" si="864"/>
        <v>3128.5920000000001</v>
      </c>
      <c r="ERO54" s="7">
        <f t="shared" si="864"/>
        <v>3128.5920000000001</v>
      </c>
      <c r="ERP54" s="7">
        <f t="shared" si="864"/>
        <v>3128.5920000000001</v>
      </c>
      <c r="ERQ54" s="7">
        <f t="shared" si="864"/>
        <v>3128.5920000000001</v>
      </c>
      <c r="ERR54" s="7">
        <f t="shared" si="864"/>
        <v>3128.5920000000001</v>
      </c>
      <c r="ERS54" s="7">
        <f t="shared" si="864"/>
        <v>3128.5920000000001</v>
      </c>
      <c r="ERT54" s="7">
        <f t="shared" si="864"/>
        <v>3128.5920000000001</v>
      </c>
      <c r="ERU54" s="7">
        <f t="shared" si="864"/>
        <v>3128.5920000000001</v>
      </c>
      <c r="ERV54" s="7">
        <f t="shared" si="864"/>
        <v>3128.5920000000001</v>
      </c>
      <c r="ERW54" s="7">
        <f t="shared" si="864"/>
        <v>3128.5920000000001</v>
      </c>
      <c r="ERX54" s="7">
        <f t="shared" si="864"/>
        <v>3128.5920000000001</v>
      </c>
      <c r="ERY54" s="7">
        <f t="shared" si="864"/>
        <v>3128.5920000000001</v>
      </c>
      <c r="ERZ54" s="7">
        <f t="shared" si="864"/>
        <v>3128.5920000000001</v>
      </c>
      <c r="ESA54" s="7">
        <f t="shared" si="864"/>
        <v>3128.5920000000001</v>
      </c>
      <c r="ESB54" s="7">
        <f t="shared" si="864"/>
        <v>3128.5920000000001</v>
      </c>
      <c r="ESC54" s="7">
        <f t="shared" si="864"/>
        <v>3128.5920000000001</v>
      </c>
      <c r="ESD54" s="7">
        <f t="shared" si="864"/>
        <v>3128.5920000000001</v>
      </c>
      <c r="ESE54" s="7">
        <f t="shared" si="864"/>
        <v>3128.5920000000001</v>
      </c>
      <c r="ESF54" s="7">
        <f t="shared" si="864"/>
        <v>3128.5920000000001</v>
      </c>
      <c r="ESG54" s="7">
        <f t="shared" si="864"/>
        <v>3128.5920000000001</v>
      </c>
      <c r="ESH54" s="7">
        <f t="shared" si="864"/>
        <v>3128.5920000000001</v>
      </c>
      <c r="ESI54" s="7">
        <f t="shared" si="864"/>
        <v>3128.5920000000001</v>
      </c>
      <c r="ESJ54" s="7">
        <f t="shared" si="864"/>
        <v>3128.5920000000001</v>
      </c>
      <c r="ESK54" s="7">
        <f t="shared" si="864"/>
        <v>3128.5920000000001</v>
      </c>
      <c r="ESL54" s="7">
        <f t="shared" si="864"/>
        <v>3128.5920000000001</v>
      </c>
      <c r="ESM54" s="7">
        <f t="shared" si="864"/>
        <v>3128.5920000000001</v>
      </c>
      <c r="ESN54" s="7">
        <f t="shared" si="864"/>
        <v>3128.5920000000001</v>
      </c>
      <c r="ESO54" s="7">
        <f t="shared" si="864"/>
        <v>3128.5920000000001</v>
      </c>
      <c r="ESP54" s="7">
        <f t="shared" si="864"/>
        <v>3128.5920000000001</v>
      </c>
      <c r="ESQ54" s="7">
        <f t="shared" si="864"/>
        <v>3128.5920000000001</v>
      </c>
      <c r="ESR54" s="7">
        <f t="shared" si="864"/>
        <v>3128.5920000000001</v>
      </c>
      <c r="ESS54" s="7">
        <f t="shared" si="864"/>
        <v>3128.5920000000001</v>
      </c>
      <c r="EST54" s="7">
        <f t="shared" si="864"/>
        <v>3128.5920000000001</v>
      </c>
      <c r="ESU54" s="7">
        <f t="shared" si="864"/>
        <v>3128.5920000000001</v>
      </c>
      <c r="ESV54" s="7">
        <f t="shared" si="864"/>
        <v>3128.5920000000001</v>
      </c>
      <c r="ESW54" s="7">
        <f t="shared" si="864"/>
        <v>3128.5920000000001</v>
      </c>
      <c r="ESX54" s="7">
        <f t="shared" si="864"/>
        <v>3128.5920000000001</v>
      </c>
      <c r="ESY54" s="7">
        <f t="shared" si="864"/>
        <v>3128.5920000000001</v>
      </c>
      <c r="ESZ54" s="7">
        <f t="shared" si="864"/>
        <v>3128.5920000000001</v>
      </c>
      <c r="ETA54" s="7">
        <f t="shared" si="864"/>
        <v>3128.5920000000001</v>
      </c>
      <c r="ETB54" s="7">
        <f t="shared" si="864"/>
        <v>3128.5920000000001</v>
      </c>
      <c r="ETC54" s="7">
        <f t="shared" si="864"/>
        <v>3128.5920000000001</v>
      </c>
      <c r="ETD54" s="7">
        <f t="shared" si="864"/>
        <v>3128.5920000000001</v>
      </c>
      <c r="ETE54" s="7">
        <f t="shared" si="864"/>
        <v>3128.5920000000001</v>
      </c>
      <c r="ETF54" s="7">
        <f t="shared" si="864"/>
        <v>3128.5920000000001</v>
      </c>
      <c r="ETG54" s="7">
        <f t="shared" si="864"/>
        <v>3128.5920000000001</v>
      </c>
      <c r="ETH54" s="7">
        <f t="shared" si="864"/>
        <v>3128.5920000000001</v>
      </c>
      <c r="ETI54" s="7">
        <f t="shared" si="864"/>
        <v>3128.5920000000001</v>
      </c>
      <c r="ETJ54" s="7">
        <f t="shared" si="864"/>
        <v>3128.5920000000001</v>
      </c>
      <c r="ETK54" s="7">
        <f t="shared" si="864"/>
        <v>3128.5920000000001</v>
      </c>
      <c r="ETL54" s="7">
        <f t="shared" si="864"/>
        <v>3128.5920000000001</v>
      </c>
      <c r="ETM54" s="7">
        <f t="shared" si="864"/>
        <v>3128.5920000000001</v>
      </c>
      <c r="ETN54" s="7">
        <f t="shared" ref="ETN54:EVY54" si="865">ETN49+ETM54</f>
        <v>3128.5920000000001</v>
      </c>
      <c r="ETO54" s="7">
        <f t="shared" si="865"/>
        <v>3128.5920000000001</v>
      </c>
      <c r="ETP54" s="7">
        <f t="shared" si="865"/>
        <v>3128.5920000000001</v>
      </c>
      <c r="ETQ54" s="7">
        <f t="shared" si="865"/>
        <v>3128.5920000000001</v>
      </c>
      <c r="ETR54" s="7">
        <f t="shared" si="865"/>
        <v>3128.5920000000001</v>
      </c>
      <c r="ETS54" s="7">
        <f t="shared" si="865"/>
        <v>3128.5920000000001</v>
      </c>
      <c r="ETT54" s="7">
        <f t="shared" si="865"/>
        <v>3128.5920000000001</v>
      </c>
      <c r="ETU54" s="7">
        <f t="shared" si="865"/>
        <v>3128.5920000000001</v>
      </c>
      <c r="ETV54" s="7">
        <f t="shared" si="865"/>
        <v>3128.5920000000001</v>
      </c>
      <c r="ETW54" s="7">
        <f t="shared" si="865"/>
        <v>3128.5920000000001</v>
      </c>
      <c r="ETX54" s="7">
        <f t="shared" si="865"/>
        <v>3128.5920000000001</v>
      </c>
      <c r="ETY54" s="7">
        <f t="shared" si="865"/>
        <v>3128.5920000000001</v>
      </c>
      <c r="ETZ54" s="7">
        <f t="shared" si="865"/>
        <v>3128.5920000000001</v>
      </c>
      <c r="EUA54" s="7">
        <f t="shared" si="865"/>
        <v>3128.5920000000001</v>
      </c>
      <c r="EUB54" s="7">
        <f t="shared" si="865"/>
        <v>3128.5920000000001</v>
      </c>
      <c r="EUC54" s="7">
        <f t="shared" si="865"/>
        <v>3128.5920000000001</v>
      </c>
      <c r="EUD54" s="7">
        <f t="shared" si="865"/>
        <v>3128.5920000000001</v>
      </c>
      <c r="EUE54" s="7">
        <f t="shared" si="865"/>
        <v>3128.5920000000001</v>
      </c>
      <c r="EUF54" s="7">
        <f t="shared" si="865"/>
        <v>3128.5920000000001</v>
      </c>
      <c r="EUG54" s="7">
        <f t="shared" si="865"/>
        <v>3128.5920000000001</v>
      </c>
      <c r="EUH54" s="7">
        <f t="shared" si="865"/>
        <v>3128.5920000000001</v>
      </c>
      <c r="EUI54" s="7">
        <f t="shared" si="865"/>
        <v>3128.5920000000001</v>
      </c>
      <c r="EUJ54" s="7">
        <f t="shared" si="865"/>
        <v>3128.5920000000001</v>
      </c>
      <c r="EUK54" s="7">
        <f t="shared" si="865"/>
        <v>3128.5920000000001</v>
      </c>
      <c r="EUL54" s="7">
        <f t="shared" si="865"/>
        <v>3128.5920000000001</v>
      </c>
      <c r="EUM54" s="7">
        <f t="shared" si="865"/>
        <v>3128.5920000000001</v>
      </c>
      <c r="EUN54" s="7">
        <f t="shared" si="865"/>
        <v>3128.5920000000001</v>
      </c>
      <c r="EUO54" s="7">
        <f t="shared" si="865"/>
        <v>3128.5920000000001</v>
      </c>
      <c r="EUP54" s="7">
        <f t="shared" si="865"/>
        <v>3128.5920000000001</v>
      </c>
      <c r="EUQ54" s="7">
        <f t="shared" si="865"/>
        <v>3128.5920000000001</v>
      </c>
      <c r="EUR54" s="7">
        <f t="shared" si="865"/>
        <v>3128.5920000000001</v>
      </c>
      <c r="EUS54" s="7">
        <f t="shared" si="865"/>
        <v>3128.5920000000001</v>
      </c>
      <c r="EUT54" s="7">
        <f t="shared" si="865"/>
        <v>3128.5920000000001</v>
      </c>
      <c r="EUU54" s="7">
        <f t="shared" si="865"/>
        <v>3128.5920000000001</v>
      </c>
      <c r="EUV54" s="7">
        <f t="shared" si="865"/>
        <v>3128.5920000000001</v>
      </c>
      <c r="EUW54" s="7">
        <f t="shared" si="865"/>
        <v>3128.5920000000001</v>
      </c>
      <c r="EUX54" s="7">
        <f t="shared" si="865"/>
        <v>3128.5920000000001</v>
      </c>
      <c r="EUY54" s="7">
        <f t="shared" si="865"/>
        <v>3128.5920000000001</v>
      </c>
      <c r="EUZ54" s="7">
        <f t="shared" si="865"/>
        <v>3128.5920000000001</v>
      </c>
      <c r="EVA54" s="7">
        <f t="shared" si="865"/>
        <v>3128.5920000000001</v>
      </c>
      <c r="EVB54" s="7">
        <f t="shared" si="865"/>
        <v>3128.5920000000001</v>
      </c>
      <c r="EVC54" s="7">
        <f t="shared" si="865"/>
        <v>3128.5920000000001</v>
      </c>
      <c r="EVD54" s="7">
        <f t="shared" si="865"/>
        <v>3128.5920000000001</v>
      </c>
      <c r="EVE54" s="7">
        <f t="shared" si="865"/>
        <v>3128.5920000000001</v>
      </c>
      <c r="EVF54" s="7">
        <f t="shared" si="865"/>
        <v>3128.5920000000001</v>
      </c>
      <c r="EVG54" s="7">
        <f t="shared" si="865"/>
        <v>3128.5920000000001</v>
      </c>
      <c r="EVH54" s="7">
        <f t="shared" si="865"/>
        <v>3128.5920000000001</v>
      </c>
      <c r="EVI54" s="7">
        <f t="shared" si="865"/>
        <v>3128.5920000000001</v>
      </c>
      <c r="EVJ54" s="7">
        <f t="shared" si="865"/>
        <v>3128.5920000000001</v>
      </c>
      <c r="EVK54" s="7">
        <f t="shared" si="865"/>
        <v>3128.5920000000001</v>
      </c>
      <c r="EVL54" s="7">
        <f t="shared" si="865"/>
        <v>3128.5920000000001</v>
      </c>
      <c r="EVM54" s="7">
        <f t="shared" si="865"/>
        <v>3128.5920000000001</v>
      </c>
      <c r="EVN54" s="7">
        <f t="shared" si="865"/>
        <v>3128.5920000000001</v>
      </c>
      <c r="EVO54" s="7">
        <f t="shared" si="865"/>
        <v>3128.5920000000001</v>
      </c>
      <c r="EVP54" s="7">
        <f t="shared" si="865"/>
        <v>3128.5920000000001</v>
      </c>
      <c r="EVQ54" s="7">
        <f t="shared" si="865"/>
        <v>3128.5920000000001</v>
      </c>
      <c r="EVR54" s="7">
        <f t="shared" si="865"/>
        <v>3128.5920000000001</v>
      </c>
      <c r="EVS54" s="7">
        <f t="shared" si="865"/>
        <v>3128.5920000000001</v>
      </c>
      <c r="EVT54" s="7">
        <f t="shared" si="865"/>
        <v>3128.5920000000001</v>
      </c>
      <c r="EVU54" s="7">
        <f t="shared" si="865"/>
        <v>3128.5920000000001</v>
      </c>
      <c r="EVV54" s="7">
        <f t="shared" si="865"/>
        <v>3128.5920000000001</v>
      </c>
      <c r="EVW54" s="7">
        <f t="shared" si="865"/>
        <v>3128.5920000000001</v>
      </c>
      <c r="EVX54" s="7">
        <f t="shared" si="865"/>
        <v>3128.5920000000001</v>
      </c>
      <c r="EVY54" s="7">
        <f t="shared" si="865"/>
        <v>3128.5920000000001</v>
      </c>
      <c r="EVZ54" s="7">
        <f t="shared" ref="EVZ54:EYK54" si="866">EVZ49+EVY54</f>
        <v>3128.5920000000001</v>
      </c>
      <c r="EWA54" s="7">
        <f t="shared" si="866"/>
        <v>3128.5920000000001</v>
      </c>
      <c r="EWB54" s="7">
        <f t="shared" si="866"/>
        <v>3128.5920000000001</v>
      </c>
      <c r="EWC54" s="7">
        <f t="shared" si="866"/>
        <v>3128.5920000000001</v>
      </c>
      <c r="EWD54" s="7">
        <f t="shared" si="866"/>
        <v>3128.5920000000001</v>
      </c>
      <c r="EWE54" s="7">
        <f t="shared" si="866"/>
        <v>3128.5920000000001</v>
      </c>
      <c r="EWF54" s="7">
        <f t="shared" si="866"/>
        <v>3128.5920000000001</v>
      </c>
      <c r="EWG54" s="7">
        <f t="shared" si="866"/>
        <v>3128.5920000000001</v>
      </c>
      <c r="EWH54" s="7">
        <f t="shared" si="866"/>
        <v>3128.5920000000001</v>
      </c>
      <c r="EWI54" s="7">
        <f t="shared" si="866"/>
        <v>3128.5920000000001</v>
      </c>
      <c r="EWJ54" s="7">
        <f t="shared" si="866"/>
        <v>3128.5920000000001</v>
      </c>
      <c r="EWK54" s="7">
        <f t="shared" si="866"/>
        <v>3128.5920000000001</v>
      </c>
      <c r="EWL54" s="7">
        <f t="shared" si="866"/>
        <v>3128.5920000000001</v>
      </c>
      <c r="EWM54" s="7">
        <f t="shared" si="866"/>
        <v>3128.5920000000001</v>
      </c>
      <c r="EWN54" s="7">
        <f t="shared" si="866"/>
        <v>3128.5920000000001</v>
      </c>
      <c r="EWO54" s="7">
        <f t="shared" si="866"/>
        <v>3128.5920000000001</v>
      </c>
      <c r="EWP54" s="7">
        <f t="shared" si="866"/>
        <v>3128.5920000000001</v>
      </c>
      <c r="EWQ54" s="7">
        <f t="shared" si="866"/>
        <v>3128.5920000000001</v>
      </c>
      <c r="EWR54" s="7">
        <f t="shared" si="866"/>
        <v>3128.5920000000001</v>
      </c>
      <c r="EWS54" s="7">
        <f t="shared" si="866"/>
        <v>3128.5920000000001</v>
      </c>
      <c r="EWT54" s="7">
        <f t="shared" si="866"/>
        <v>3128.5920000000001</v>
      </c>
      <c r="EWU54" s="7">
        <f t="shared" si="866"/>
        <v>3128.5920000000001</v>
      </c>
      <c r="EWV54" s="7">
        <f t="shared" si="866"/>
        <v>3128.5920000000001</v>
      </c>
      <c r="EWW54" s="7">
        <f t="shared" si="866"/>
        <v>3128.5920000000001</v>
      </c>
      <c r="EWX54" s="7">
        <f t="shared" si="866"/>
        <v>3128.5920000000001</v>
      </c>
      <c r="EWY54" s="7">
        <f t="shared" si="866"/>
        <v>3128.5920000000001</v>
      </c>
      <c r="EWZ54" s="7">
        <f t="shared" si="866"/>
        <v>3128.5920000000001</v>
      </c>
      <c r="EXA54" s="7">
        <f t="shared" si="866"/>
        <v>3128.5920000000001</v>
      </c>
      <c r="EXB54" s="7">
        <f t="shared" si="866"/>
        <v>3128.5920000000001</v>
      </c>
      <c r="EXC54" s="7">
        <f t="shared" si="866"/>
        <v>3128.5920000000001</v>
      </c>
      <c r="EXD54" s="7">
        <f t="shared" si="866"/>
        <v>3128.5920000000001</v>
      </c>
      <c r="EXE54" s="7">
        <f t="shared" si="866"/>
        <v>3128.5920000000001</v>
      </c>
      <c r="EXF54" s="7">
        <f t="shared" si="866"/>
        <v>3128.5920000000001</v>
      </c>
      <c r="EXG54" s="7">
        <f t="shared" si="866"/>
        <v>3128.5920000000001</v>
      </c>
      <c r="EXH54" s="7">
        <f t="shared" si="866"/>
        <v>3128.5920000000001</v>
      </c>
      <c r="EXI54" s="7">
        <f t="shared" si="866"/>
        <v>3128.5920000000001</v>
      </c>
      <c r="EXJ54" s="7">
        <f t="shared" si="866"/>
        <v>3128.5920000000001</v>
      </c>
      <c r="EXK54" s="7">
        <f t="shared" si="866"/>
        <v>3128.5920000000001</v>
      </c>
      <c r="EXL54" s="7">
        <f t="shared" si="866"/>
        <v>3128.5920000000001</v>
      </c>
      <c r="EXM54" s="7">
        <f t="shared" si="866"/>
        <v>3128.5920000000001</v>
      </c>
      <c r="EXN54" s="7">
        <f t="shared" si="866"/>
        <v>3128.5920000000001</v>
      </c>
      <c r="EXO54" s="7">
        <f t="shared" si="866"/>
        <v>3128.5920000000001</v>
      </c>
      <c r="EXP54" s="7">
        <f t="shared" si="866"/>
        <v>3128.5920000000001</v>
      </c>
      <c r="EXQ54" s="7">
        <f t="shared" si="866"/>
        <v>3128.5920000000001</v>
      </c>
      <c r="EXR54" s="7">
        <f t="shared" si="866"/>
        <v>3128.5920000000001</v>
      </c>
      <c r="EXS54" s="7">
        <f t="shared" si="866"/>
        <v>3128.5920000000001</v>
      </c>
      <c r="EXT54" s="7">
        <f t="shared" si="866"/>
        <v>3128.5920000000001</v>
      </c>
      <c r="EXU54" s="7">
        <f t="shared" si="866"/>
        <v>3128.5920000000001</v>
      </c>
      <c r="EXV54" s="7">
        <f t="shared" si="866"/>
        <v>3128.5920000000001</v>
      </c>
      <c r="EXW54" s="7">
        <f t="shared" si="866"/>
        <v>3128.5920000000001</v>
      </c>
      <c r="EXX54" s="7">
        <f t="shared" si="866"/>
        <v>3128.5920000000001</v>
      </c>
      <c r="EXY54" s="7">
        <f t="shared" si="866"/>
        <v>3128.5920000000001</v>
      </c>
      <c r="EXZ54" s="7">
        <f t="shared" si="866"/>
        <v>3128.5920000000001</v>
      </c>
      <c r="EYA54" s="7">
        <f t="shared" si="866"/>
        <v>3128.5920000000001</v>
      </c>
      <c r="EYB54" s="7">
        <f t="shared" si="866"/>
        <v>3128.5920000000001</v>
      </c>
      <c r="EYC54" s="7">
        <f t="shared" si="866"/>
        <v>3128.5920000000001</v>
      </c>
      <c r="EYD54" s="7">
        <f t="shared" si="866"/>
        <v>3128.5920000000001</v>
      </c>
      <c r="EYE54" s="7">
        <f t="shared" si="866"/>
        <v>3128.5920000000001</v>
      </c>
      <c r="EYF54" s="7">
        <f t="shared" si="866"/>
        <v>3128.5920000000001</v>
      </c>
      <c r="EYG54" s="7">
        <f t="shared" si="866"/>
        <v>3128.5920000000001</v>
      </c>
      <c r="EYH54" s="7">
        <f t="shared" si="866"/>
        <v>3128.5920000000001</v>
      </c>
      <c r="EYI54" s="7">
        <f t="shared" si="866"/>
        <v>3128.5920000000001</v>
      </c>
      <c r="EYJ54" s="7">
        <f t="shared" si="866"/>
        <v>3128.5920000000001</v>
      </c>
      <c r="EYK54" s="7">
        <f t="shared" si="866"/>
        <v>3128.5920000000001</v>
      </c>
      <c r="EYL54" s="7">
        <f t="shared" ref="EYL54:FAW54" si="867">EYL49+EYK54</f>
        <v>3128.5920000000001</v>
      </c>
      <c r="EYM54" s="7">
        <f t="shared" si="867"/>
        <v>3128.5920000000001</v>
      </c>
      <c r="EYN54" s="7">
        <f t="shared" si="867"/>
        <v>3128.5920000000001</v>
      </c>
      <c r="EYO54" s="7">
        <f t="shared" si="867"/>
        <v>3128.5920000000001</v>
      </c>
      <c r="EYP54" s="7">
        <f t="shared" si="867"/>
        <v>3128.5920000000001</v>
      </c>
      <c r="EYQ54" s="7">
        <f t="shared" si="867"/>
        <v>3128.5920000000001</v>
      </c>
      <c r="EYR54" s="7">
        <f t="shared" si="867"/>
        <v>3128.5920000000001</v>
      </c>
      <c r="EYS54" s="7">
        <f t="shared" si="867"/>
        <v>3128.5920000000001</v>
      </c>
      <c r="EYT54" s="7">
        <f t="shared" si="867"/>
        <v>3128.5920000000001</v>
      </c>
      <c r="EYU54" s="7">
        <f t="shared" si="867"/>
        <v>3128.5920000000001</v>
      </c>
      <c r="EYV54" s="7">
        <f t="shared" si="867"/>
        <v>3128.5920000000001</v>
      </c>
      <c r="EYW54" s="7">
        <f t="shared" si="867"/>
        <v>3128.5920000000001</v>
      </c>
      <c r="EYX54" s="7">
        <f t="shared" si="867"/>
        <v>3128.5920000000001</v>
      </c>
      <c r="EYY54" s="7">
        <f t="shared" si="867"/>
        <v>3128.5920000000001</v>
      </c>
      <c r="EYZ54" s="7">
        <f t="shared" si="867"/>
        <v>3128.5920000000001</v>
      </c>
      <c r="EZA54" s="7">
        <f t="shared" si="867"/>
        <v>3128.5920000000001</v>
      </c>
      <c r="EZB54" s="7">
        <f t="shared" si="867"/>
        <v>3128.5920000000001</v>
      </c>
      <c r="EZC54" s="7">
        <f t="shared" si="867"/>
        <v>3128.5920000000001</v>
      </c>
      <c r="EZD54" s="7">
        <f t="shared" si="867"/>
        <v>3128.5920000000001</v>
      </c>
      <c r="EZE54" s="7">
        <f t="shared" si="867"/>
        <v>3128.5920000000001</v>
      </c>
      <c r="EZF54" s="7">
        <f t="shared" si="867"/>
        <v>3128.5920000000001</v>
      </c>
      <c r="EZG54" s="7">
        <f t="shared" si="867"/>
        <v>3128.5920000000001</v>
      </c>
      <c r="EZH54" s="7">
        <f t="shared" si="867"/>
        <v>3128.5920000000001</v>
      </c>
      <c r="EZI54" s="7">
        <f t="shared" si="867"/>
        <v>3128.5920000000001</v>
      </c>
      <c r="EZJ54" s="7">
        <f t="shared" si="867"/>
        <v>3128.5920000000001</v>
      </c>
      <c r="EZK54" s="7">
        <f t="shared" si="867"/>
        <v>3128.5920000000001</v>
      </c>
      <c r="EZL54" s="7">
        <f t="shared" si="867"/>
        <v>3128.5920000000001</v>
      </c>
      <c r="EZM54" s="7">
        <f t="shared" si="867"/>
        <v>3128.5920000000001</v>
      </c>
      <c r="EZN54" s="7">
        <f t="shared" si="867"/>
        <v>3128.5920000000001</v>
      </c>
      <c r="EZO54" s="7">
        <f t="shared" si="867"/>
        <v>3128.5920000000001</v>
      </c>
      <c r="EZP54" s="7">
        <f t="shared" si="867"/>
        <v>3128.5920000000001</v>
      </c>
      <c r="EZQ54" s="7">
        <f t="shared" si="867"/>
        <v>3128.5920000000001</v>
      </c>
      <c r="EZR54" s="7">
        <f t="shared" si="867"/>
        <v>3128.5920000000001</v>
      </c>
      <c r="EZS54" s="7">
        <f t="shared" si="867"/>
        <v>3128.5920000000001</v>
      </c>
      <c r="EZT54" s="7">
        <f t="shared" si="867"/>
        <v>3128.5920000000001</v>
      </c>
      <c r="EZU54" s="7">
        <f t="shared" si="867"/>
        <v>3128.5920000000001</v>
      </c>
      <c r="EZV54" s="7">
        <f t="shared" si="867"/>
        <v>3128.5920000000001</v>
      </c>
      <c r="EZW54" s="7">
        <f t="shared" si="867"/>
        <v>3128.5920000000001</v>
      </c>
      <c r="EZX54" s="7">
        <f t="shared" si="867"/>
        <v>3128.5920000000001</v>
      </c>
      <c r="EZY54" s="7">
        <f t="shared" si="867"/>
        <v>3128.5920000000001</v>
      </c>
      <c r="EZZ54" s="7">
        <f t="shared" si="867"/>
        <v>3128.5920000000001</v>
      </c>
      <c r="FAA54" s="7">
        <f t="shared" si="867"/>
        <v>3128.5920000000001</v>
      </c>
      <c r="FAB54" s="7">
        <f t="shared" si="867"/>
        <v>3128.5920000000001</v>
      </c>
      <c r="FAC54" s="7">
        <f t="shared" si="867"/>
        <v>3128.5920000000001</v>
      </c>
      <c r="FAD54" s="7">
        <f t="shared" si="867"/>
        <v>3128.5920000000001</v>
      </c>
      <c r="FAE54" s="7">
        <f t="shared" si="867"/>
        <v>3128.5920000000001</v>
      </c>
      <c r="FAF54" s="7">
        <f t="shared" si="867"/>
        <v>3128.5920000000001</v>
      </c>
      <c r="FAG54" s="7">
        <f t="shared" si="867"/>
        <v>3128.5920000000001</v>
      </c>
      <c r="FAH54" s="7">
        <f t="shared" si="867"/>
        <v>3128.5920000000001</v>
      </c>
      <c r="FAI54" s="7">
        <f t="shared" si="867"/>
        <v>3128.5920000000001</v>
      </c>
      <c r="FAJ54" s="7">
        <f t="shared" si="867"/>
        <v>3128.5920000000001</v>
      </c>
      <c r="FAK54" s="7">
        <f t="shared" si="867"/>
        <v>3128.5920000000001</v>
      </c>
      <c r="FAL54" s="7">
        <f t="shared" si="867"/>
        <v>3128.5920000000001</v>
      </c>
      <c r="FAM54" s="7">
        <f t="shared" si="867"/>
        <v>3128.5920000000001</v>
      </c>
      <c r="FAN54" s="7">
        <f t="shared" si="867"/>
        <v>3128.5920000000001</v>
      </c>
      <c r="FAO54" s="7">
        <f t="shared" si="867"/>
        <v>3128.5920000000001</v>
      </c>
      <c r="FAP54" s="7">
        <f t="shared" si="867"/>
        <v>3128.5920000000001</v>
      </c>
      <c r="FAQ54" s="7">
        <f t="shared" si="867"/>
        <v>3128.5920000000001</v>
      </c>
      <c r="FAR54" s="7">
        <f t="shared" si="867"/>
        <v>3128.5920000000001</v>
      </c>
      <c r="FAS54" s="7">
        <f t="shared" si="867"/>
        <v>3128.5920000000001</v>
      </c>
      <c r="FAT54" s="7">
        <f t="shared" si="867"/>
        <v>3128.5920000000001</v>
      </c>
      <c r="FAU54" s="7">
        <f t="shared" si="867"/>
        <v>3128.5920000000001</v>
      </c>
      <c r="FAV54" s="7">
        <f t="shared" si="867"/>
        <v>3128.5920000000001</v>
      </c>
      <c r="FAW54" s="7">
        <f t="shared" si="867"/>
        <v>3128.5920000000001</v>
      </c>
      <c r="FAX54" s="7">
        <f t="shared" ref="FAX54:FDI54" si="868">FAX49+FAW54</f>
        <v>3128.5920000000001</v>
      </c>
      <c r="FAY54" s="7">
        <f t="shared" si="868"/>
        <v>3128.5920000000001</v>
      </c>
      <c r="FAZ54" s="7">
        <f t="shared" si="868"/>
        <v>3128.5920000000001</v>
      </c>
      <c r="FBA54" s="7">
        <f t="shared" si="868"/>
        <v>3128.5920000000001</v>
      </c>
      <c r="FBB54" s="7">
        <f t="shared" si="868"/>
        <v>3128.5920000000001</v>
      </c>
      <c r="FBC54" s="7">
        <f t="shared" si="868"/>
        <v>3128.5920000000001</v>
      </c>
      <c r="FBD54" s="7">
        <f t="shared" si="868"/>
        <v>3128.5920000000001</v>
      </c>
      <c r="FBE54" s="7">
        <f t="shared" si="868"/>
        <v>3128.5920000000001</v>
      </c>
      <c r="FBF54" s="7">
        <f t="shared" si="868"/>
        <v>3128.5920000000001</v>
      </c>
      <c r="FBG54" s="7">
        <f t="shared" si="868"/>
        <v>3128.5920000000001</v>
      </c>
      <c r="FBH54" s="7">
        <f t="shared" si="868"/>
        <v>3128.5920000000001</v>
      </c>
      <c r="FBI54" s="7">
        <f t="shared" si="868"/>
        <v>3128.5920000000001</v>
      </c>
      <c r="FBJ54" s="7">
        <f t="shared" si="868"/>
        <v>3128.5920000000001</v>
      </c>
      <c r="FBK54" s="7">
        <f t="shared" si="868"/>
        <v>3128.5920000000001</v>
      </c>
      <c r="FBL54" s="7">
        <f t="shared" si="868"/>
        <v>3128.5920000000001</v>
      </c>
      <c r="FBM54" s="7">
        <f t="shared" si="868"/>
        <v>3128.5920000000001</v>
      </c>
      <c r="FBN54" s="7">
        <f t="shared" si="868"/>
        <v>3128.5920000000001</v>
      </c>
      <c r="FBO54" s="7">
        <f t="shared" si="868"/>
        <v>3128.5920000000001</v>
      </c>
      <c r="FBP54" s="7">
        <f t="shared" si="868"/>
        <v>3128.5920000000001</v>
      </c>
      <c r="FBQ54" s="7">
        <f t="shared" si="868"/>
        <v>3128.5920000000001</v>
      </c>
      <c r="FBR54" s="7">
        <f t="shared" si="868"/>
        <v>3128.5920000000001</v>
      </c>
      <c r="FBS54" s="7">
        <f t="shared" si="868"/>
        <v>3128.5920000000001</v>
      </c>
      <c r="FBT54" s="7">
        <f t="shared" si="868"/>
        <v>3128.5920000000001</v>
      </c>
      <c r="FBU54" s="7">
        <f t="shared" si="868"/>
        <v>3128.5920000000001</v>
      </c>
      <c r="FBV54" s="7">
        <f t="shared" si="868"/>
        <v>3128.5920000000001</v>
      </c>
      <c r="FBW54" s="7">
        <f t="shared" si="868"/>
        <v>3128.5920000000001</v>
      </c>
      <c r="FBX54" s="7">
        <f t="shared" si="868"/>
        <v>3128.5920000000001</v>
      </c>
      <c r="FBY54" s="7">
        <f t="shared" si="868"/>
        <v>3128.5920000000001</v>
      </c>
      <c r="FBZ54" s="7">
        <f t="shared" si="868"/>
        <v>3128.5920000000001</v>
      </c>
      <c r="FCA54" s="7">
        <f t="shared" si="868"/>
        <v>3128.5920000000001</v>
      </c>
      <c r="FCB54" s="7">
        <f t="shared" si="868"/>
        <v>3128.5920000000001</v>
      </c>
      <c r="FCC54" s="7">
        <f t="shared" si="868"/>
        <v>3128.5920000000001</v>
      </c>
      <c r="FCD54" s="7">
        <f t="shared" si="868"/>
        <v>3128.5920000000001</v>
      </c>
      <c r="FCE54" s="7">
        <f t="shared" si="868"/>
        <v>3128.5920000000001</v>
      </c>
      <c r="FCF54" s="7">
        <f t="shared" si="868"/>
        <v>3128.5920000000001</v>
      </c>
      <c r="FCG54" s="7">
        <f t="shared" si="868"/>
        <v>3128.5920000000001</v>
      </c>
      <c r="FCH54" s="7">
        <f t="shared" si="868"/>
        <v>3128.5920000000001</v>
      </c>
      <c r="FCI54" s="7">
        <f t="shared" si="868"/>
        <v>3128.5920000000001</v>
      </c>
      <c r="FCJ54" s="7">
        <f t="shared" si="868"/>
        <v>3128.5920000000001</v>
      </c>
      <c r="FCK54" s="7">
        <f t="shared" si="868"/>
        <v>3128.5920000000001</v>
      </c>
      <c r="FCL54" s="7">
        <f t="shared" si="868"/>
        <v>3128.5920000000001</v>
      </c>
      <c r="FCM54" s="7">
        <f t="shared" si="868"/>
        <v>3128.5920000000001</v>
      </c>
      <c r="FCN54" s="7">
        <f t="shared" si="868"/>
        <v>3128.5920000000001</v>
      </c>
      <c r="FCO54" s="7">
        <f t="shared" si="868"/>
        <v>3128.5920000000001</v>
      </c>
      <c r="FCP54" s="7">
        <f t="shared" si="868"/>
        <v>3128.5920000000001</v>
      </c>
      <c r="FCQ54" s="7">
        <f t="shared" si="868"/>
        <v>3128.5920000000001</v>
      </c>
      <c r="FCR54" s="7">
        <f t="shared" si="868"/>
        <v>3128.5920000000001</v>
      </c>
      <c r="FCS54" s="7">
        <f t="shared" si="868"/>
        <v>3128.5920000000001</v>
      </c>
      <c r="FCT54" s="7">
        <f t="shared" si="868"/>
        <v>3128.5920000000001</v>
      </c>
      <c r="FCU54" s="7">
        <f t="shared" si="868"/>
        <v>3128.5920000000001</v>
      </c>
      <c r="FCV54" s="7">
        <f t="shared" si="868"/>
        <v>3128.5920000000001</v>
      </c>
      <c r="FCW54" s="7">
        <f t="shared" si="868"/>
        <v>3128.5920000000001</v>
      </c>
      <c r="FCX54" s="7">
        <f t="shared" si="868"/>
        <v>3128.5920000000001</v>
      </c>
      <c r="FCY54" s="7">
        <f t="shared" si="868"/>
        <v>3128.5920000000001</v>
      </c>
      <c r="FCZ54" s="7">
        <f t="shared" si="868"/>
        <v>3128.5920000000001</v>
      </c>
      <c r="FDA54" s="7">
        <f t="shared" si="868"/>
        <v>3128.5920000000001</v>
      </c>
      <c r="FDB54" s="7">
        <f t="shared" si="868"/>
        <v>3128.5920000000001</v>
      </c>
      <c r="FDC54" s="7">
        <f t="shared" si="868"/>
        <v>3128.5920000000001</v>
      </c>
      <c r="FDD54" s="7">
        <f t="shared" si="868"/>
        <v>3128.5920000000001</v>
      </c>
      <c r="FDE54" s="7">
        <f t="shared" si="868"/>
        <v>3128.5920000000001</v>
      </c>
      <c r="FDF54" s="7">
        <f t="shared" si="868"/>
        <v>3128.5920000000001</v>
      </c>
      <c r="FDG54" s="7">
        <f t="shared" si="868"/>
        <v>3128.5920000000001</v>
      </c>
      <c r="FDH54" s="7">
        <f t="shared" si="868"/>
        <v>3128.5920000000001</v>
      </c>
      <c r="FDI54" s="7">
        <f t="shared" si="868"/>
        <v>3128.5920000000001</v>
      </c>
      <c r="FDJ54" s="7">
        <f t="shared" ref="FDJ54:FFU54" si="869">FDJ49+FDI54</f>
        <v>3128.5920000000001</v>
      </c>
      <c r="FDK54" s="7">
        <f t="shared" si="869"/>
        <v>3128.5920000000001</v>
      </c>
      <c r="FDL54" s="7">
        <f t="shared" si="869"/>
        <v>3128.5920000000001</v>
      </c>
      <c r="FDM54" s="7">
        <f t="shared" si="869"/>
        <v>3128.5920000000001</v>
      </c>
      <c r="FDN54" s="7">
        <f t="shared" si="869"/>
        <v>3128.5920000000001</v>
      </c>
      <c r="FDO54" s="7">
        <f t="shared" si="869"/>
        <v>3128.5920000000001</v>
      </c>
      <c r="FDP54" s="7">
        <f t="shared" si="869"/>
        <v>3128.5920000000001</v>
      </c>
      <c r="FDQ54" s="7">
        <f t="shared" si="869"/>
        <v>3128.5920000000001</v>
      </c>
      <c r="FDR54" s="7">
        <f t="shared" si="869"/>
        <v>3128.5920000000001</v>
      </c>
      <c r="FDS54" s="7">
        <f t="shared" si="869"/>
        <v>3128.5920000000001</v>
      </c>
      <c r="FDT54" s="7">
        <f t="shared" si="869"/>
        <v>3128.5920000000001</v>
      </c>
      <c r="FDU54" s="7">
        <f t="shared" si="869"/>
        <v>3128.5920000000001</v>
      </c>
      <c r="FDV54" s="7">
        <f t="shared" si="869"/>
        <v>3128.5920000000001</v>
      </c>
      <c r="FDW54" s="7">
        <f t="shared" si="869"/>
        <v>3128.5920000000001</v>
      </c>
      <c r="FDX54" s="7">
        <f t="shared" si="869"/>
        <v>3128.5920000000001</v>
      </c>
      <c r="FDY54" s="7">
        <f t="shared" si="869"/>
        <v>3128.5920000000001</v>
      </c>
      <c r="FDZ54" s="7">
        <f t="shared" si="869"/>
        <v>3128.5920000000001</v>
      </c>
      <c r="FEA54" s="7">
        <f t="shared" si="869"/>
        <v>3128.5920000000001</v>
      </c>
      <c r="FEB54" s="7">
        <f t="shared" si="869"/>
        <v>3128.5920000000001</v>
      </c>
      <c r="FEC54" s="7">
        <f t="shared" si="869"/>
        <v>3128.5920000000001</v>
      </c>
      <c r="FED54" s="7">
        <f t="shared" si="869"/>
        <v>3128.5920000000001</v>
      </c>
      <c r="FEE54" s="7">
        <f t="shared" si="869"/>
        <v>3128.5920000000001</v>
      </c>
      <c r="FEF54" s="7">
        <f t="shared" si="869"/>
        <v>3128.5920000000001</v>
      </c>
      <c r="FEG54" s="7">
        <f t="shared" si="869"/>
        <v>3128.5920000000001</v>
      </c>
      <c r="FEH54" s="7">
        <f t="shared" si="869"/>
        <v>3128.5920000000001</v>
      </c>
      <c r="FEI54" s="7">
        <f t="shared" si="869"/>
        <v>3128.5920000000001</v>
      </c>
      <c r="FEJ54" s="7">
        <f t="shared" si="869"/>
        <v>3128.5920000000001</v>
      </c>
      <c r="FEK54" s="7">
        <f t="shared" si="869"/>
        <v>3128.5920000000001</v>
      </c>
      <c r="FEL54" s="7">
        <f t="shared" si="869"/>
        <v>3128.5920000000001</v>
      </c>
      <c r="FEM54" s="7">
        <f t="shared" si="869"/>
        <v>3128.5920000000001</v>
      </c>
      <c r="FEN54" s="7">
        <f t="shared" si="869"/>
        <v>3128.5920000000001</v>
      </c>
      <c r="FEO54" s="7">
        <f t="shared" si="869"/>
        <v>3128.5920000000001</v>
      </c>
      <c r="FEP54" s="7">
        <f t="shared" si="869"/>
        <v>3128.5920000000001</v>
      </c>
      <c r="FEQ54" s="7">
        <f t="shared" si="869"/>
        <v>3128.5920000000001</v>
      </c>
      <c r="FER54" s="7">
        <f t="shared" si="869"/>
        <v>3128.5920000000001</v>
      </c>
      <c r="FES54" s="7">
        <f t="shared" si="869"/>
        <v>3128.5920000000001</v>
      </c>
      <c r="FET54" s="7">
        <f t="shared" si="869"/>
        <v>3128.5920000000001</v>
      </c>
      <c r="FEU54" s="7">
        <f t="shared" si="869"/>
        <v>3128.5920000000001</v>
      </c>
      <c r="FEV54" s="7">
        <f t="shared" si="869"/>
        <v>3128.5920000000001</v>
      </c>
      <c r="FEW54" s="7">
        <f t="shared" si="869"/>
        <v>3128.5920000000001</v>
      </c>
      <c r="FEX54" s="7">
        <f t="shared" si="869"/>
        <v>3128.5920000000001</v>
      </c>
      <c r="FEY54" s="7">
        <f t="shared" si="869"/>
        <v>3128.5920000000001</v>
      </c>
      <c r="FEZ54" s="7">
        <f t="shared" si="869"/>
        <v>3128.5920000000001</v>
      </c>
      <c r="FFA54" s="7">
        <f t="shared" si="869"/>
        <v>3128.5920000000001</v>
      </c>
      <c r="FFB54" s="7">
        <f t="shared" si="869"/>
        <v>3128.5920000000001</v>
      </c>
      <c r="FFC54" s="7">
        <f t="shared" si="869"/>
        <v>3128.5920000000001</v>
      </c>
      <c r="FFD54" s="7">
        <f t="shared" si="869"/>
        <v>3128.5920000000001</v>
      </c>
      <c r="FFE54" s="7">
        <f t="shared" si="869"/>
        <v>3128.5920000000001</v>
      </c>
      <c r="FFF54" s="7">
        <f t="shared" si="869"/>
        <v>3128.5920000000001</v>
      </c>
      <c r="FFG54" s="7">
        <f t="shared" si="869"/>
        <v>3128.5920000000001</v>
      </c>
      <c r="FFH54" s="7">
        <f t="shared" si="869"/>
        <v>3128.5920000000001</v>
      </c>
      <c r="FFI54" s="7">
        <f t="shared" si="869"/>
        <v>3128.5920000000001</v>
      </c>
      <c r="FFJ54" s="7">
        <f t="shared" si="869"/>
        <v>3128.5920000000001</v>
      </c>
      <c r="FFK54" s="7">
        <f t="shared" si="869"/>
        <v>3128.5920000000001</v>
      </c>
      <c r="FFL54" s="7">
        <f t="shared" si="869"/>
        <v>3128.5920000000001</v>
      </c>
      <c r="FFM54" s="7">
        <f t="shared" si="869"/>
        <v>3128.5920000000001</v>
      </c>
      <c r="FFN54" s="7">
        <f t="shared" si="869"/>
        <v>3128.5920000000001</v>
      </c>
      <c r="FFO54" s="7">
        <f t="shared" si="869"/>
        <v>3128.5920000000001</v>
      </c>
      <c r="FFP54" s="7">
        <f t="shared" si="869"/>
        <v>3128.5920000000001</v>
      </c>
      <c r="FFQ54" s="7">
        <f t="shared" si="869"/>
        <v>3128.5920000000001</v>
      </c>
      <c r="FFR54" s="7">
        <f t="shared" si="869"/>
        <v>3128.5920000000001</v>
      </c>
      <c r="FFS54" s="7">
        <f t="shared" si="869"/>
        <v>3128.5920000000001</v>
      </c>
      <c r="FFT54" s="7">
        <f t="shared" si="869"/>
        <v>3128.5920000000001</v>
      </c>
      <c r="FFU54" s="7">
        <f t="shared" si="869"/>
        <v>3128.5920000000001</v>
      </c>
      <c r="FFV54" s="7">
        <f t="shared" ref="FFV54:FIG54" si="870">FFV49+FFU54</f>
        <v>3128.5920000000001</v>
      </c>
      <c r="FFW54" s="7">
        <f t="shared" si="870"/>
        <v>3128.5920000000001</v>
      </c>
      <c r="FFX54" s="7">
        <f t="shared" si="870"/>
        <v>3128.5920000000001</v>
      </c>
      <c r="FFY54" s="7">
        <f t="shared" si="870"/>
        <v>3128.5920000000001</v>
      </c>
      <c r="FFZ54" s="7">
        <f t="shared" si="870"/>
        <v>3128.5920000000001</v>
      </c>
      <c r="FGA54" s="7">
        <f t="shared" si="870"/>
        <v>3128.5920000000001</v>
      </c>
      <c r="FGB54" s="7">
        <f t="shared" si="870"/>
        <v>3128.5920000000001</v>
      </c>
      <c r="FGC54" s="7">
        <f t="shared" si="870"/>
        <v>3128.5920000000001</v>
      </c>
      <c r="FGD54" s="7">
        <f t="shared" si="870"/>
        <v>3128.5920000000001</v>
      </c>
      <c r="FGE54" s="7">
        <f t="shared" si="870"/>
        <v>3128.5920000000001</v>
      </c>
      <c r="FGF54" s="7">
        <f t="shared" si="870"/>
        <v>3128.5920000000001</v>
      </c>
      <c r="FGG54" s="7">
        <f t="shared" si="870"/>
        <v>3128.5920000000001</v>
      </c>
      <c r="FGH54" s="7">
        <f t="shared" si="870"/>
        <v>3128.5920000000001</v>
      </c>
      <c r="FGI54" s="7">
        <f t="shared" si="870"/>
        <v>3128.5920000000001</v>
      </c>
      <c r="FGJ54" s="7">
        <f t="shared" si="870"/>
        <v>3128.5920000000001</v>
      </c>
      <c r="FGK54" s="7">
        <f t="shared" si="870"/>
        <v>3128.5920000000001</v>
      </c>
      <c r="FGL54" s="7">
        <f t="shared" si="870"/>
        <v>3128.5920000000001</v>
      </c>
      <c r="FGM54" s="7">
        <f t="shared" si="870"/>
        <v>3128.5920000000001</v>
      </c>
      <c r="FGN54" s="7">
        <f t="shared" si="870"/>
        <v>3128.5920000000001</v>
      </c>
      <c r="FGO54" s="7">
        <f t="shared" si="870"/>
        <v>3128.5920000000001</v>
      </c>
      <c r="FGP54" s="7">
        <f t="shared" si="870"/>
        <v>3128.5920000000001</v>
      </c>
      <c r="FGQ54" s="7">
        <f t="shared" si="870"/>
        <v>3128.5920000000001</v>
      </c>
      <c r="FGR54" s="7">
        <f t="shared" si="870"/>
        <v>3128.5920000000001</v>
      </c>
      <c r="FGS54" s="7">
        <f t="shared" si="870"/>
        <v>3128.5920000000001</v>
      </c>
      <c r="FGT54" s="7">
        <f t="shared" si="870"/>
        <v>3128.5920000000001</v>
      </c>
      <c r="FGU54" s="7">
        <f t="shared" si="870"/>
        <v>3128.5920000000001</v>
      </c>
      <c r="FGV54" s="7">
        <f t="shared" si="870"/>
        <v>3128.5920000000001</v>
      </c>
      <c r="FGW54" s="7">
        <f t="shared" si="870"/>
        <v>3128.5920000000001</v>
      </c>
      <c r="FGX54" s="7">
        <f t="shared" si="870"/>
        <v>3128.5920000000001</v>
      </c>
      <c r="FGY54" s="7">
        <f t="shared" si="870"/>
        <v>3128.5920000000001</v>
      </c>
      <c r="FGZ54" s="7">
        <f t="shared" si="870"/>
        <v>3128.5920000000001</v>
      </c>
      <c r="FHA54" s="7">
        <f t="shared" si="870"/>
        <v>3128.5920000000001</v>
      </c>
      <c r="FHB54" s="7">
        <f t="shared" si="870"/>
        <v>3128.5920000000001</v>
      </c>
      <c r="FHC54" s="7">
        <f t="shared" si="870"/>
        <v>3128.5920000000001</v>
      </c>
      <c r="FHD54" s="7">
        <f t="shared" si="870"/>
        <v>3128.5920000000001</v>
      </c>
      <c r="FHE54" s="7">
        <f t="shared" si="870"/>
        <v>3128.5920000000001</v>
      </c>
      <c r="FHF54" s="7">
        <f t="shared" si="870"/>
        <v>3128.5920000000001</v>
      </c>
      <c r="FHG54" s="7">
        <f t="shared" si="870"/>
        <v>3128.5920000000001</v>
      </c>
      <c r="FHH54" s="7">
        <f t="shared" si="870"/>
        <v>3128.5920000000001</v>
      </c>
      <c r="FHI54" s="7">
        <f t="shared" si="870"/>
        <v>3128.5920000000001</v>
      </c>
      <c r="FHJ54" s="7">
        <f t="shared" si="870"/>
        <v>3128.5920000000001</v>
      </c>
      <c r="FHK54" s="7">
        <f t="shared" si="870"/>
        <v>3128.5920000000001</v>
      </c>
      <c r="FHL54" s="7">
        <f t="shared" si="870"/>
        <v>3128.5920000000001</v>
      </c>
      <c r="FHM54" s="7">
        <f t="shared" si="870"/>
        <v>3128.5920000000001</v>
      </c>
      <c r="FHN54" s="7">
        <f t="shared" si="870"/>
        <v>3128.5920000000001</v>
      </c>
      <c r="FHO54" s="7">
        <f t="shared" si="870"/>
        <v>3128.5920000000001</v>
      </c>
      <c r="FHP54" s="7">
        <f t="shared" si="870"/>
        <v>3128.5920000000001</v>
      </c>
      <c r="FHQ54" s="7">
        <f t="shared" si="870"/>
        <v>3128.5920000000001</v>
      </c>
      <c r="FHR54" s="7">
        <f t="shared" si="870"/>
        <v>3128.5920000000001</v>
      </c>
      <c r="FHS54" s="7">
        <f t="shared" si="870"/>
        <v>3128.5920000000001</v>
      </c>
      <c r="FHT54" s="7">
        <f t="shared" si="870"/>
        <v>3128.5920000000001</v>
      </c>
      <c r="FHU54" s="7">
        <f t="shared" si="870"/>
        <v>3128.5920000000001</v>
      </c>
      <c r="FHV54" s="7">
        <f t="shared" si="870"/>
        <v>3128.5920000000001</v>
      </c>
      <c r="FHW54" s="7">
        <f t="shared" si="870"/>
        <v>3128.5920000000001</v>
      </c>
      <c r="FHX54" s="7">
        <f t="shared" si="870"/>
        <v>3128.5920000000001</v>
      </c>
      <c r="FHY54" s="7">
        <f t="shared" si="870"/>
        <v>3128.5920000000001</v>
      </c>
      <c r="FHZ54" s="7">
        <f t="shared" si="870"/>
        <v>3128.5920000000001</v>
      </c>
      <c r="FIA54" s="7">
        <f t="shared" si="870"/>
        <v>3128.5920000000001</v>
      </c>
      <c r="FIB54" s="7">
        <f t="shared" si="870"/>
        <v>3128.5920000000001</v>
      </c>
      <c r="FIC54" s="7">
        <f t="shared" si="870"/>
        <v>3128.5920000000001</v>
      </c>
      <c r="FID54" s="7">
        <f t="shared" si="870"/>
        <v>3128.5920000000001</v>
      </c>
      <c r="FIE54" s="7">
        <f t="shared" si="870"/>
        <v>3128.5920000000001</v>
      </c>
      <c r="FIF54" s="7">
        <f t="shared" si="870"/>
        <v>3128.5920000000001</v>
      </c>
      <c r="FIG54" s="7">
        <f t="shared" si="870"/>
        <v>3128.5920000000001</v>
      </c>
      <c r="FIH54" s="7">
        <f t="shared" ref="FIH54:FKS54" si="871">FIH49+FIG54</f>
        <v>3128.5920000000001</v>
      </c>
      <c r="FII54" s="7">
        <f t="shared" si="871"/>
        <v>3128.5920000000001</v>
      </c>
      <c r="FIJ54" s="7">
        <f t="shared" si="871"/>
        <v>3128.5920000000001</v>
      </c>
      <c r="FIK54" s="7">
        <f t="shared" si="871"/>
        <v>3128.5920000000001</v>
      </c>
      <c r="FIL54" s="7">
        <f t="shared" si="871"/>
        <v>3128.5920000000001</v>
      </c>
      <c r="FIM54" s="7">
        <f t="shared" si="871"/>
        <v>3128.5920000000001</v>
      </c>
      <c r="FIN54" s="7">
        <f t="shared" si="871"/>
        <v>3128.5920000000001</v>
      </c>
      <c r="FIO54" s="7">
        <f t="shared" si="871"/>
        <v>3128.5920000000001</v>
      </c>
      <c r="FIP54" s="7">
        <f t="shared" si="871"/>
        <v>3128.5920000000001</v>
      </c>
      <c r="FIQ54" s="7">
        <f t="shared" si="871"/>
        <v>3128.5920000000001</v>
      </c>
      <c r="FIR54" s="7">
        <f t="shared" si="871"/>
        <v>3128.5920000000001</v>
      </c>
      <c r="FIS54" s="7">
        <f t="shared" si="871"/>
        <v>3128.5920000000001</v>
      </c>
      <c r="FIT54" s="7">
        <f t="shared" si="871"/>
        <v>3128.5920000000001</v>
      </c>
      <c r="FIU54" s="7">
        <f t="shared" si="871"/>
        <v>3128.5920000000001</v>
      </c>
      <c r="FIV54" s="7">
        <f t="shared" si="871"/>
        <v>3128.5920000000001</v>
      </c>
      <c r="FIW54" s="7">
        <f t="shared" si="871"/>
        <v>3128.5920000000001</v>
      </c>
      <c r="FIX54" s="7">
        <f t="shared" si="871"/>
        <v>3128.5920000000001</v>
      </c>
      <c r="FIY54" s="7">
        <f t="shared" si="871"/>
        <v>3128.5920000000001</v>
      </c>
      <c r="FIZ54" s="7">
        <f t="shared" si="871"/>
        <v>3128.5920000000001</v>
      </c>
      <c r="FJA54" s="7">
        <f t="shared" si="871"/>
        <v>3128.5920000000001</v>
      </c>
      <c r="FJB54" s="7">
        <f t="shared" si="871"/>
        <v>3128.5920000000001</v>
      </c>
      <c r="FJC54" s="7">
        <f t="shared" si="871"/>
        <v>3128.5920000000001</v>
      </c>
      <c r="FJD54" s="7">
        <f t="shared" si="871"/>
        <v>3128.5920000000001</v>
      </c>
      <c r="FJE54" s="7">
        <f t="shared" si="871"/>
        <v>3128.5920000000001</v>
      </c>
      <c r="FJF54" s="7">
        <f t="shared" si="871"/>
        <v>3128.5920000000001</v>
      </c>
      <c r="FJG54" s="7">
        <f t="shared" si="871"/>
        <v>3128.5920000000001</v>
      </c>
      <c r="FJH54" s="7">
        <f t="shared" si="871"/>
        <v>3128.5920000000001</v>
      </c>
      <c r="FJI54" s="7">
        <f t="shared" si="871"/>
        <v>3128.5920000000001</v>
      </c>
      <c r="FJJ54" s="7">
        <f t="shared" si="871"/>
        <v>3128.5920000000001</v>
      </c>
      <c r="FJK54" s="7">
        <f t="shared" si="871"/>
        <v>3128.5920000000001</v>
      </c>
      <c r="FJL54" s="7">
        <f t="shared" si="871"/>
        <v>3128.5920000000001</v>
      </c>
      <c r="FJM54" s="7">
        <f t="shared" si="871"/>
        <v>3128.5920000000001</v>
      </c>
      <c r="FJN54" s="7">
        <f t="shared" si="871"/>
        <v>3128.5920000000001</v>
      </c>
      <c r="FJO54" s="7">
        <f t="shared" si="871"/>
        <v>3128.5920000000001</v>
      </c>
      <c r="FJP54" s="7">
        <f t="shared" si="871"/>
        <v>3128.5920000000001</v>
      </c>
      <c r="FJQ54" s="7">
        <f t="shared" si="871"/>
        <v>3128.5920000000001</v>
      </c>
      <c r="FJR54" s="7">
        <f t="shared" si="871"/>
        <v>3128.5920000000001</v>
      </c>
      <c r="FJS54" s="7">
        <f t="shared" si="871"/>
        <v>3128.5920000000001</v>
      </c>
      <c r="FJT54" s="7">
        <f t="shared" si="871"/>
        <v>3128.5920000000001</v>
      </c>
      <c r="FJU54" s="7">
        <f t="shared" si="871"/>
        <v>3128.5920000000001</v>
      </c>
      <c r="FJV54" s="7">
        <f t="shared" si="871"/>
        <v>3128.5920000000001</v>
      </c>
      <c r="FJW54" s="7">
        <f t="shared" si="871"/>
        <v>3128.5920000000001</v>
      </c>
      <c r="FJX54" s="7">
        <f t="shared" si="871"/>
        <v>3128.5920000000001</v>
      </c>
      <c r="FJY54" s="7">
        <f t="shared" si="871"/>
        <v>3128.5920000000001</v>
      </c>
      <c r="FJZ54" s="7">
        <f t="shared" si="871"/>
        <v>3128.5920000000001</v>
      </c>
      <c r="FKA54" s="7">
        <f t="shared" si="871"/>
        <v>3128.5920000000001</v>
      </c>
      <c r="FKB54" s="7">
        <f t="shared" si="871"/>
        <v>3128.5920000000001</v>
      </c>
      <c r="FKC54" s="7">
        <f t="shared" si="871"/>
        <v>3128.5920000000001</v>
      </c>
      <c r="FKD54" s="7">
        <f t="shared" si="871"/>
        <v>3128.5920000000001</v>
      </c>
      <c r="FKE54" s="7">
        <f t="shared" si="871"/>
        <v>3128.5920000000001</v>
      </c>
      <c r="FKF54" s="7">
        <f t="shared" si="871"/>
        <v>3128.5920000000001</v>
      </c>
      <c r="FKG54" s="7">
        <f t="shared" si="871"/>
        <v>3128.5920000000001</v>
      </c>
      <c r="FKH54" s="7">
        <f t="shared" si="871"/>
        <v>3128.5920000000001</v>
      </c>
      <c r="FKI54" s="7">
        <f t="shared" si="871"/>
        <v>3128.5920000000001</v>
      </c>
      <c r="FKJ54" s="7">
        <f t="shared" si="871"/>
        <v>3128.5920000000001</v>
      </c>
      <c r="FKK54" s="7">
        <f t="shared" si="871"/>
        <v>3128.5920000000001</v>
      </c>
      <c r="FKL54" s="7">
        <f t="shared" si="871"/>
        <v>3128.5920000000001</v>
      </c>
      <c r="FKM54" s="7">
        <f t="shared" si="871"/>
        <v>3128.5920000000001</v>
      </c>
      <c r="FKN54" s="7">
        <f t="shared" si="871"/>
        <v>3128.5920000000001</v>
      </c>
      <c r="FKO54" s="7">
        <f t="shared" si="871"/>
        <v>3128.5920000000001</v>
      </c>
      <c r="FKP54" s="7">
        <f t="shared" si="871"/>
        <v>3128.5920000000001</v>
      </c>
      <c r="FKQ54" s="7">
        <f t="shared" si="871"/>
        <v>3128.5920000000001</v>
      </c>
      <c r="FKR54" s="7">
        <f t="shared" si="871"/>
        <v>3128.5920000000001</v>
      </c>
      <c r="FKS54" s="7">
        <f t="shared" si="871"/>
        <v>3128.5920000000001</v>
      </c>
      <c r="FKT54" s="7">
        <f t="shared" ref="FKT54:FNE54" si="872">FKT49+FKS54</f>
        <v>3128.5920000000001</v>
      </c>
      <c r="FKU54" s="7">
        <f t="shared" si="872"/>
        <v>3128.5920000000001</v>
      </c>
      <c r="FKV54" s="7">
        <f t="shared" si="872"/>
        <v>3128.5920000000001</v>
      </c>
      <c r="FKW54" s="7">
        <f t="shared" si="872"/>
        <v>3128.5920000000001</v>
      </c>
      <c r="FKX54" s="7">
        <f t="shared" si="872"/>
        <v>3128.5920000000001</v>
      </c>
      <c r="FKY54" s="7">
        <f t="shared" si="872"/>
        <v>3128.5920000000001</v>
      </c>
      <c r="FKZ54" s="7">
        <f t="shared" si="872"/>
        <v>3128.5920000000001</v>
      </c>
      <c r="FLA54" s="7">
        <f t="shared" si="872"/>
        <v>3128.5920000000001</v>
      </c>
      <c r="FLB54" s="7">
        <f t="shared" si="872"/>
        <v>3128.5920000000001</v>
      </c>
      <c r="FLC54" s="7">
        <f t="shared" si="872"/>
        <v>3128.5920000000001</v>
      </c>
      <c r="FLD54" s="7">
        <f t="shared" si="872"/>
        <v>3128.5920000000001</v>
      </c>
      <c r="FLE54" s="7">
        <f t="shared" si="872"/>
        <v>3128.5920000000001</v>
      </c>
      <c r="FLF54" s="7">
        <f t="shared" si="872"/>
        <v>3128.5920000000001</v>
      </c>
      <c r="FLG54" s="7">
        <f t="shared" si="872"/>
        <v>3128.5920000000001</v>
      </c>
      <c r="FLH54" s="7">
        <f t="shared" si="872"/>
        <v>3128.5920000000001</v>
      </c>
      <c r="FLI54" s="7">
        <f t="shared" si="872"/>
        <v>3128.5920000000001</v>
      </c>
      <c r="FLJ54" s="7">
        <f t="shared" si="872"/>
        <v>3128.5920000000001</v>
      </c>
      <c r="FLK54" s="7">
        <f t="shared" si="872"/>
        <v>3128.5920000000001</v>
      </c>
      <c r="FLL54" s="7">
        <f t="shared" si="872"/>
        <v>3128.5920000000001</v>
      </c>
      <c r="FLM54" s="7">
        <f t="shared" si="872"/>
        <v>3128.5920000000001</v>
      </c>
      <c r="FLN54" s="7">
        <f t="shared" si="872"/>
        <v>3128.5920000000001</v>
      </c>
      <c r="FLO54" s="7">
        <f t="shared" si="872"/>
        <v>3128.5920000000001</v>
      </c>
      <c r="FLP54" s="7">
        <f t="shared" si="872"/>
        <v>3128.5920000000001</v>
      </c>
      <c r="FLQ54" s="7">
        <f t="shared" si="872"/>
        <v>3128.5920000000001</v>
      </c>
      <c r="FLR54" s="7">
        <f t="shared" si="872"/>
        <v>3128.5920000000001</v>
      </c>
      <c r="FLS54" s="7">
        <f t="shared" si="872"/>
        <v>3128.5920000000001</v>
      </c>
      <c r="FLT54" s="7">
        <f t="shared" si="872"/>
        <v>3128.5920000000001</v>
      </c>
      <c r="FLU54" s="7">
        <f t="shared" si="872"/>
        <v>3128.5920000000001</v>
      </c>
      <c r="FLV54" s="7">
        <f t="shared" si="872"/>
        <v>3128.5920000000001</v>
      </c>
      <c r="FLW54" s="7">
        <f t="shared" si="872"/>
        <v>3128.5920000000001</v>
      </c>
      <c r="FLX54" s="7">
        <f t="shared" si="872"/>
        <v>3128.5920000000001</v>
      </c>
      <c r="FLY54" s="7">
        <f t="shared" si="872"/>
        <v>3128.5920000000001</v>
      </c>
      <c r="FLZ54" s="7">
        <f t="shared" si="872"/>
        <v>3128.5920000000001</v>
      </c>
      <c r="FMA54" s="7">
        <f t="shared" si="872"/>
        <v>3128.5920000000001</v>
      </c>
      <c r="FMB54" s="7">
        <f t="shared" si="872"/>
        <v>3128.5920000000001</v>
      </c>
      <c r="FMC54" s="7">
        <f t="shared" si="872"/>
        <v>3128.5920000000001</v>
      </c>
      <c r="FMD54" s="7">
        <f t="shared" si="872"/>
        <v>3128.5920000000001</v>
      </c>
      <c r="FME54" s="7">
        <f t="shared" si="872"/>
        <v>3128.5920000000001</v>
      </c>
      <c r="FMF54" s="7">
        <f t="shared" si="872"/>
        <v>3128.5920000000001</v>
      </c>
      <c r="FMG54" s="7">
        <f t="shared" si="872"/>
        <v>3128.5920000000001</v>
      </c>
      <c r="FMH54" s="7">
        <f t="shared" si="872"/>
        <v>3128.5920000000001</v>
      </c>
      <c r="FMI54" s="7">
        <f t="shared" si="872"/>
        <v>3128.5920000000001</v>
      </c>
      <c r="FMJ54" s="7">
        <f t="shared" si="872"/>
        <v>3128.5920000000001</v>
      </c>
      <c r="FMK54" s="7">
        <f t="shared" si="872"/>
        <v>3128.5920000000001</v>
      </c>
      <c r="FML54" s="7">
        <f t="shared" si="872"/>
        <v>3128.5920000000001</v>
      </c>
      <c r="FMM54" s="7">
        <f t="shared" si="872"/>
        <v>3128.5920000000001</v>
      </c>
      <c r="FMN54" s="7">
        <f t="shared" si="872"/>
        <v>3128.5920000000001</v>
      </c>
      <c r="FMO54" s="7">
        <f t="shared" si="872"/>
        <v>3128.5920000000001</v>
      </c>
      <c r="FMP54" s="7">
        <f t="shared" si="872"/>
        <v>3128.5920000000001</v>
      </c>
      <c r="FMQ54" s="7">
        <f t="shared" si="872"/>
        <v>3128.5920000000001</v>
      </c>
      <c r="FMR54" s="7">
        <f t="shared" si="872"/>
        <v>3128.5920000000001</v>
      </c>
      <c r="FMS54" s="7">
        <f t="shared" si="872"/>
        <v>3128.5920000000001</v>
      </c>
      <c r="FMT54" s="7">
        <f t="shared" si="872"/>
        <v>3128.5920000000001</v>
      </c>
      <c r="FMU54" s="7">
        <f t="shared" si="872"/>
        <v>3128.5920000000001</v>
      </c>
      <c r="FMV54" s="7">
        <f t="shared" si="872"/>
        <v>3128.5920000000001</v>
      </c>
      <c r="FMW54" s="7">
        <f t="shared" si="872"/>
        <v>3128.5920000000001</v>
      </c>
      <c r="FMX54" s="7">
        <f t="shared" si="872"/>
        <v>3128.5920000000001</v>
      </c>
      <c r="FMY54" s="7">
        <f t="shared" si="872"/>
        <v>3128.5920000000001</v>
      </c>
      <c r="FMZ54" s="7">
        <f t="shared" si="872"/>
        <v>3128.5920000000001</v>
      </c>
      <c r="FNA54" s="7">
        <f t="shared" si="872"/>
        <v>3128.5920000000001</v>
      </c>
      <c r="FNB54" s="7">
        <f t="shared" si="872"/>
        <v>3128.5920000000001</v>
      </c>
      <c r="FNC54" s="7">
        <f t="shared" si="872"/>
        <v>3128.5920000000001</v>
      </c>
      <c r="FND54" s="7">
        <f t="shared" si="872"/>
        <v>3128.5920000000001</v>
      </c>
      <c r="FNE54" s="7">
        <f t="shared" si="872"/>
        <v>3128.5920000000001</v>
      </c>
      <c r="FNF54" s="7">
        <f t="shared" ref="FNF54:FPQ54" si="873">FNF49+FNE54</f>
        <v>3128.5920000000001</v>
      </c>
      <c r="FNG54" s="7">
        <f t="shared" si="873"/>
        <v>3128.5920000000001</v>
      </c>
      <c r="FNH54" s="7">
        <f t="shared" si="873"/>
        <v>3128.5920000000001</v>
      </c>
      <c r="FNI54" s="7">
        <f t="shared" si="873"/>
        <v>3128.5920000000001</v>
      </c>
      <c r="FNJ54" s="7">
        <f t="shared" si="873"/>
        <v>3128.5920000000001</v>
      </c>
      <c r="FNK54" s="7">
        <f t="shared" si="873"/>
        <v>3128.5920000000001</v>
      </c>
      <c r="FNL54" s="7">
        <f t="shared" si="873"/>
        <v>3128.5920000000001</v>
      </c>
      <c r="FNM54" s="7">
        <f t="shared" si="873"/>
        <v>3128.5920000000001</v>
      </c>
      <c r="FNN54" s="7">
        <f t="shared" si="873"/>
        <v>3128.5920000000001</v>
      </c>
      <c r="FNO54" s="7">
        <f t="shared" si="873"/>
        <v>3128.5920000000001</v>
      </c>
      <c r="FNP54" s="7">
        <f t="shared" si="873"/>
        <v>3128.5920000000001</v>
      </c>
      <c r="FNQ54" s="7">
        <f t="shared" si="873"/>
        <v>3128.5920000000001</v>
      </c>
      <c r="FNR54" s="7">
        <f t="shared" si="873"/>
        <v>3128.5920000000001</v>
      </c>
      <c r="FNS54" s="7">
        <f t="shared" si="873"/>
        <v>3128.5920000000001</v>
      </c>
      <c r="FNT54" s="7">
        <f t="shared" si="873"/>
        <v>3128.5920000000001</v>
      </c>
      <c r="FNU54" s="7">
        <f t="shared" si="873"/>
        <v>3128.5920000000001</v>
      </c>
      <c r="FNV54" s="7">
        <f t="shared" si="873"/>
        <v>3128.5920000000001</v>
      </c>
      <c r="FNW54" s="7">
        <f t="shared" si="873"/>
        <v>3128.5920000000001</v>
      </c>
      <c r="FNX54" s="7">
        <f t="shared" si="873"/>
        <v>3128.5920000000001</v>
      </c>
      <c r="FNY54" s="7">
        <f t="shared" si="873"/>
        <v>3128.5920000000001</v>
      </c>
      <c r="FNZ54" s="7">
        <f t="shared" si="873"/>
        <v>3128.5920000000001</v>
      </c>
      <c r="FOA54" s="7">
        <f t="shared" si="873"/>
        <v>3128.5920000000001</v>
      </c>
      <c r="FOB54" s="7">
        <f t="shared" si="873"/>
        <v>3128.5920000000001</v>
      </c>
      <c r="FOC54" s="7">
        <f t="shared" si="873"/>
        <v>3128.5920000000001</v>
      </c>
      <c r="FOD54" s="7">
        <f t="shared" si="873"/>
        <v>3128.5920000000001</v>
      </c>
      <c r="FOE54" s="7">
        <f t="shared" si="873"/>
        <v>3128.5920000000001</v>
      </c>
      <c r="FOF54" s="7">
        <f t="shared" si="873"/>
        <v>3128.5920000000001</v>
      </c>
      <c r="FOG54" s="7">
        <f t="shared" si="873"/>
        <v>3128.5920000000001</v>
      </c>
      <c r="FOH54" s="7">
        <f t="shared" si="873"/>
        <v>3128.5920000000001</v>
      </c>
      <c r="FOI54" s="7">
        <f t="shared" si="873"/>
        <v>3128.5920000000001</v>
      </c>
      <c r="FOJ54" s="7">
        <f t="shared" si="873"/>
        <v>3128.5920000000001</v>
      </c>
      <c r="FOK54" s="7">
        <f t="shared" si="873"/>
        <v>3128.5920000000001</v>
      </c>
      <c r="FOL54" s="7">
        <f t="shared" si="873"/>
        <v>3128.5920000000001</v>
      </c>
      <c r="FOM54" s="7">
        <f t="shared" si="873"/>
        <v>3128.5920000000001</v>
      </c>
      <c r="FON54" s="7">
        <f t="shared" si="873"/>
        <v>3128.5920000000001</v>
      </c>
      <c r="FOO54" s="7">
        <f t="shared" si="873"/>
        <v>3128.5920000000001</v>
      </c>
      <c r="FOP54" s="7">
        <f t="shared" si="873"/>
        <v>3128.5920000000001</v>
      </c>
      <c r="FOQ54" s="7">
        <f t="shared" si="873"/>
        <v>3128.5920000000001</v>
      </c>
      <c r="FOR54" s="7">
        <f t="shared" si="873"/>
        <v>3128.5920000000001</v>
      </c>
      <c r="FOS54" s="7">
        <f t="shared" si="873"/>
        <v>3128.5920000000001</v>
      </c>
      <c r="FOT54" s="7">
        <f t="shared" si="873"/>
        <v>3128.5920000000001</v>
      </c>
      <c r="FOU54" s="7">
        <f t="shared" si="873"/>
        <v>3128.5920000000001</v>
      </c>
      <c r="FOV54" s="7">
        <f t="shared" si="873"/>
        <v>3128.5920000000001</v>
      </c>
      <c r="FOW54" s="7">
        <f t="shared" si="873"/>
        <v>3128.5920000000001</v>
      </c>
      <c r="FOX54" s="7">
        <f t="shared" si="873"/>
        <v>3128.5920000000001</v>
      </c>
      <c r="FOY54" s="7">
        <f t="shared" si="873"/>
        <v>3128.5920000000001</v>
      </c>
      <c r="FOZ54" s="7">
        <f t="shared" si="873"/>
        <v>3128.5920000000001</v>
      </c>
      <c r="FPA54" s="7">
        <f t="shared" si="873"/>
        <v>3128.5920000000001</v>
      </c>
      <c r="FPB54" s="7">
        <f t="shared" si="873"/>
        <v>3128.5920000000001</v>
      </c>
      <c r="FPC54" s="7">
        <f t="shared" si="873"/>
        <v>3128.5920000000001</v>
      </c>
      <c r="FPD54" s="7">
        <f t="shared" si="873"/>
        <v>3128.5920000000001</v>
      </c>
      <c r="FPE54" s="7">
        <f t="shared" si="873"/>
        <v>3128.5920000000001</v>
      </c>
      <c r="FPF54" s="7">
        <f t="shared" si="873"/>
        <v>3128.5920000000001</v>
      </c>
      <c r="FPG54" s="7">
        <f t="shared" si="873"/>
        <v>3128.5920000000001</v>
      </c>
      <c r="FPH54" s="7">
        <f t="shared" si="873"/>
        <v>3128.5920000000001</v>
      </c>
      <c r="FPI54" s="7">
        <f t="shared" si="873"/>
        <v>3128.5920000000001</v>
      </c>
      <c r="FPJ54" s="7">
        <f t="shared" si="873"/>
        <v>3128.5920000000001</v>
      </c>
      <c r="FPK54" s="7">
        <f t="shared" si="873"/>
        <v>3128.5920000000001</v>
      </c>
      <c r="FPL54" s="7">
        <f t="shared" si="873"/>
        <v>3128.5920000000001</v>
      </c>
      <c r="FPM54" s="7">
        <f t="shared" si="873"/>
        <v>3128.5920000000001</v>
      </c>
      <c r="FPN54" s="7">
        <f t="shared" si="873"/>
        <v>3128.5920000000001</v>
      </c>
      <c r="FPO54" s="7">
        <f t="shared" si="873"/>
        <v>3128.5920000000001</v>
      </c>
      <c r="FPP54" s="7">
        <f t="shared" si="873"/>
        <v>3128.5920000000001</v>
      </c>
      <c r="FPQ54" s="7">
        <f t="shared" si="873"/>
        <v>3128.5920000000001</v>
      </c>
      <c r="FPR54" s="7">
        <f t="shared" ref="FPR54:FSC54" si="874">FPR49+FPQ54</f>
        <v>3128.5920000000001</v>
      </c>
      <c r="FPS54" s="7">
        <f t="shared" si="874"/>
        <v>3128.5920000000001</v>
      </c>
      <c r="FPT54" s="7">
        <f t="shared" si="874"/>
        <v>3128.5920000000001</v>
      </c>
      <c r="FPU54" s="7">
        <f t="shared" si="874"/>
        <v>3128.5920000000001</v>
      </c>
      <c r="FPV54" s="7">
        <f t="shared" si="874"/>
        <v>3128.5920000000001</v>
      </c>
      <c r="FPW54" s="7">
        <f t="shared" si="874"/>
        <v>3128.5920000000001</v>
      </c>
      <c r="FPX54" s="7">
        <f t="shared" si="874"/>
        <v>3128.5920000000001</v>
      </c>
      <c r="FPY54" s="7">
        <f t="shared" si="874"/>
        <v>3128.5920000000001</v>
      </c>
      <c r="FPZ54" s="7">
        <f t="shared" si="874"/>
        <v>3128.5920000000001</v>
      </c>
      <c r="FQA54" s="7">
        <f t="shared" si="874"/>
        <v>3128.5920000000001</v>
      </c>
      <c r="FQB54" s="7">
        <f t="shared" si="874"/>
        <v>3128.5920000000001</v>
      </c>
      <c r="FQC54" s="7">
        <f t="shared" si="874"/>
        <v>3128.5920000000001</v>
      </c>
      <c r="FQD54" s="7">
        <f t="shared" si="874"/>
        <v>3128.5920000000001</v>
      </c>
      <c r="FQE54" s="7">
        <f t="shared" si="874"/>
        <v>3128.5920000000001</v>
      </c>
      <c r="FQF54" s="7">
        <f t="shared" si="874"/>
        <v>3128.5920000000001</v>
      </c>
      <c r="FQG54" s="7">
        <f t="shared" si="874"/>
        <v>3128.5920000000001</v>
      </c>
      <c r="FQH54" s="7">
        <f t="shared" si="874"/>
        <v>3128.5920000000001</v>
      </c>
      <c r="FQI54" s="7">
        <f t="shared" si="874"/>
        <v>3128.5920000000001</v>
      </c>
      <c r="FQJ54" s="7">
        <f t="shared" si="874"/>
        <v>3128.5920000000001</v>
      </c>
      <c r="FQK54" s="7">
        <f t="shared" si="874"/>
        <v>3128.5920000000001</v>
      </c>
      <c r="FQL54" s="7">
        <f t="shared" si="874"/>
        <v>3128.5920000000001</v>
      </c>
      <c r="FQM54" s="7">
        <f t="shared" si="874"/>
        <v>3128.5920000000001</v>
      </c>
      <c r="FQN54" s="7">
        <f t="shared" si="874"/>
        <v>3128.5920000000001</v>
      </c>
      <c r="FQO54" s="7">
        <f t="shared" si="874"/>
        <v>3128.5920000000001</v>
      </c>
      <c r="FQP54" s="7">
        <f t="shared" si="874"/>
        <v>3128.5920000000001</v>
      </c>
      <c r="FQQ54" s="7">
        <f t="shared" si="874"/>
        <v>3128.5920000000001</v>
      </c>
      <c r="FQR54" s="7">
        <f t="shared" si="874"/>
        <v>3128.5920000000001</v>
      </c>
      <c r="FQS54" s="7">
        <f t="shared" si="874"/>
        <v>3128.5920000000001</v>
      </c>
      <c r="FQT54" s="7">
        <f t="shared" si="874"/>
        <v>3128.5920000000001</v>
      </c>
      <c r="FQU54" s="7">
        <f t="shared" si="874"/>
        <v>3128.5920000000001</v>
      </c>
      <c r="FQV54" s="7">
        <f t="shared" si="874"/>
        <v>3128.5920000000001</v>
      </c>
      <c r="FQW54" s="7">
        <f t="shared" si="874"/>
        <v>3128.5920000000001</v>
      </c>
      <c r="FQX54" s="7">
        <f t="shared" si="874"/>
        <v>3128.5920000000001</v>
      </c>
      <c r="FQY54" s="7">
        <f t="shared" si="874"/>
        <v>3128.5920000000001</v>
      </c>
      <c r="FQZ54" s="7">
        <f t="shared" si="874"/>
        <v>3128.5920000000001</v>
      </c>
      <c r="FRA54" s="7">
        <f t="shared" si="874"/>
        <v>3128.5920000000001</v>
      </c>
      <c r="FRB54" s="7">
        <f t="shared" si="874"/>
        <v>3128.5920000000001</v>
      </c>
      <c r="FRC54" s="7">
        <f t="shared" si="874"/>
        <v>3128.5920000000001</v>
      </c>
      <c r="FRD54" s="7">
        <f t="shared" si="874"/>
        <v>3128.5920000000001</v>
      </c>
      <c r="FRE54" s="7">
        <f t="shared" si="874"/>
        <v>3128.5920000000001</v>
      </c>
      <c r="FRF54" s="7">
        <f t="shared" si="874"/>
        <v>3128.5920000000001</v>
      </c>
      <c r="FRG54" s="7">
        <f t="shared" si="874"/>
        <v>3128.5920000000001</v>
      </c>
      <c r="FRH54" s="7">
        <f t="shared" si="874"/>
        <v>3128.5920000000001</v>
      </c>
      <c r="FRI54" s="7">
        <f t="shared" si="874"/>
        <v>3128.5920000000001</v>
      </c>
      <c r="FRJ54" s="7">
        <f t="shared" si="874"/>
        <v>3128.5920000000001</v>
      </c>
      <c r="FRK54" s="7">
        <f t="shared" si="874"/>
        <v>3128.5920000000001</v>
      </c>
      <c r="FRL54" s="7">
        <f t="shared" si="874"/>
        <v>3128.5920000000001</v>
      </c>
      <c r="FRM54" s="7">
        <f t="shared" si="874"/>
        <v>3128.5920000000001</v>
      </c>
      <c r="FRN54" s="7">
        <f t="shared" si="874"/>
        <v>3128.5920000000001</v>
      </c>
      <c r="FRO54" s="7">
        <f t="shared" si="874"/>
        <v>3128.5920000000001</v>
      </c>
      <c r="FRP54" s="7">
        <f t="shared" si="874"/>
        <v>3128.5920000000001</v>
      </c>
      <c r="FRQ54" s="7">
        <f t="shared" si="874"/>
        <v>3128.5920000000001</v>
      </c>
      <c r="FRR54" s="7">
        <f t="shared" si="874"/>
        <v>3128.5920000000001</v>
      </c>
      <c r="FRS54" s="7">
        <f t="shared" si="874"/>
        <v>3128.5920000000001</v>
      </c>
      <c r="FRT54" s="7">
        <f t="shared" si="874"/>
        <v>3128.5920000000001</v>
      </c>
      <c r="FRU54" s="7">
        <f t="shared" si="874"/>
        <v>3128.5920000000001</v>
      </c>
      <c r="FRV54" s="7">
        <f t="shared" si="874"/>
        <v>3128.5920000000001</v>
      </c>
      <c r="FRW54" s="7">
        <f t="shared" si="874"/>
        <v>3128.5920000000001</v>
      </c>
      <c r="FRX54" s="7">
        <f t="shared" si="874"/>
        <v>3128.5920000000001</v>
      </c>
      <c r="FRY54" s="7">
        <f t="shared" si="874"/>
        <v>3128.5920000000001</v>
      </c>
      <c r="FRZ54" s="7">
        <f t="shared" si="874"/>
        <v>3128.5920000000001</v>
      </c>
      <c r="FSA54" s="7">
        <f t="shared" si="874"/>
        <v>3128.5920000000001</v>
      </c>
      <c r="FSB54" s="7">
        <f t="shared" si="874"/>
        <v>3128.5920000000001</v>
      </c>
      <c r="FSC54" s="7">
        <f t="shared" si="874"/>
        <v>3128.5920000000001</v>
      </c>
      <c r="FSD54" s="7">
        <f t="shared" ref="FSD54:FUO54" si="875">FSD49+FSC54</f>
        <v>3128.5920000000001</v>
      </c>
      <c r="FSE54" s="7">
        <f t="shared" si="875"/>
        <v>3128.5920000000001</v>
      </c>
      <c r="FSF54" s="7">
        <f t="shared" si="875"/>
        <v>3128.5920000000001</v>
      </c>
      <c r="FSG54" s="7">
        <f t="shared" si="875"/>
        <v>3128.5920000000001</v>
      </c>
      <c r="FSH54" s="7">
        <f t="shared" si="875"/>
        <v>3128.5920000000001</v>
      </c>
      <c r="FSI54" s="7">
        <f t="shared" si="875"/>
        <v>3128.5920000000001</v>
      </c>
      <c r="FSJ54" s="7">
        <f t="shared" si="875"/>
        <v>3128.5920000000001</v>
      </c>
      <c r="FSK54" s="7">
        <f t="shared" si="875"/>
        <v>3128.5920000000001</v>
      </c>
      <c r="FSL54" s="7">
        <f t="shared" si="875"/>
        <v>3128.5920000000001</v>
      </c>
      <c r="FSM54" s="7">
        <f t="shared" si="875"/>
        <v>3128.5920000000001</v>
      </c>
      <c r="FSN54" s="7">
        <f t="shared" si="875"/>
        <v>3128.5920000000001</v>
      </c>
      <c r="FSO54" s="7">
        <f t="shared" si="875"/>
        <v>3128.5920000000001</v>
      </c>
      <c r="FSP54" s="7">
        <f t="shared" si="875"/>
        <v>3128.5920000000001</v>
      </c>
      <c r="FSQ54" s="7">
        <f t="shared" si="875"/>
        <v>3128.5920000000001</v>
      </c>
      <c r="FSR54" s="7">
        <f t="shared" si="875"/>
        <v>3128.5920000000001</v>
      </c>
      <c r="FSS54" s="7">
        <f t="shared" si="875"/>
        <v>3128.5920000000001</v>
      </c>
      <c r="FST54" s="7">
        <f t="shared" si="875"/>
        <v>3128.5920000000001</v>
      </c>
      <c r="FSU54" s="7">
        <f t="shared" si="875"/>
        <v>3128.5920000000001</v>
      </c>
      <c r="FSV54" s="7">
        <f t="shared" si="875"/>
        <v>3128.5920000000001</v>
      </c>
      <c r="FSW54" s="7">
        <f t="shared" si="875"/>
        <v>3128.5920000000001</v>
      </c>
      <c r="FSX54" s="7">
        <f t="shared" si="875"/>
        <v>3128.5920000000001</v>
      </c>
      <c r="FSY54" s="7">
        <f t="shared" si="875"/>
        <v>3128.5920000000001</v>
      </c>
      <c r="FSZ54" s="7">
        <f t="shared" si="875"/>
        <v>3128.5920000000001</v>
      </c>
      <c r="FTA54" s="7">
        <f t="shared" si="875"/>
        <v>3128.5920000000001</v>
      </c>
      <c r="FTB54" s="7">
        <f t="shared" si="875"/>
        <v>3128.5920000000001</v>
      </c>
      <c r="FTC54" s="7">
        <f t="shared" si="875"/>
        <v>3128.5920000000001</v>
      </c>
      <c r="FTD54" s="7">
        <f t="shared" si="875"/>
        <v>3128.5920000000001</v>
      </c>
      <c r="FTE54" s="7">
        <f t="shared" si="875"/>
        <v>3128.5920000000001</v>
      </c>
      <c r="FTF54" s="7">
        <f t="shared" si="875"/>
        <v>3128.5920000000001</v>
      </c>
      <c r="FTG54" s="7">
        <f t="shared" si="875"/>
        <v>3128.5920000000001</v>
      </c>
      <c r="FTH54" s="7">
        <f t="shared" si="875"/>
        <v>3128.5920000000001</v>
      </c>
      <c r="FTI54" s="7">
        <f t="shared" si="875"/>
        <v>3128.5920000000001</v>
      </c>
      <c r="FTJ54" s="7">
        <f t="shared" si="875"/>
        <v>3128.5920000000001</v>
      </c>
      <c r="FTK54" s="7">
        <f t="shared" si="875"/>
        <v>3128.5920000000001</v>
      </c>
      <c r="FTL54" s="7">
        <f t="shared" si="875"/>
        <v>3128.5920000000001</v>
      </c>
      <c r="FTM54" s="7">
        <f t="shared" si="875"/>
        <v>3128.5920000000001</v>
      </c>
      <c r="FTN54" s="7">
        <f t="shared" si="875"/>
        <v>3128.5920000000001</v>
      </c>
      <c r="FTO54" s="7">
        <f t="shared" si="875"/>
        <v>3128.5920000000001</v>
      </c>
      <c r="FTP54" s="7">
        <f t="shared" si="875"/>
        <v>3128.5920000000001</v>
      </c>
      <c r="FTQ54" s="7">
        <f t="shared" si="875"/>
        <v>3128.5920000000001</v>
      </c>
      <c r="FTR54" s="7">
        <f t="shared" si="875"/>
        <v>3128.5920000000001</v>
      </c>
      <c r="FTS54" s="7">
        <f t="shared" si="875"/>
        <v>3128.5920000000001</v>
      </c>
      <c r="FTT54" s="7">
        <f t="shared" si="875"/>
        <v>3128.5920000000001</v>
      </c>
      <c r="FTU54" s="7">
        <f t="shared" si="875"/>
        <v>3128.5920000000001</v>
      </c>
      <c r="FTV54" s="7">
        <f t="shared" si="875"/>
        <v>3128.5920000000001</v>
      </c>
      <c r="FTW54" s="7">
        <f t="shared" si="875"/>
        <v>3128.5920000000001</v>
      </c>
      <c r="FTX54" s="7">
        <f t="shared" si="875"/>
        <v>3128.5920000000001</v>
      </c>
      <c r="FTY54" s="7">
        <f t="shared" si="875"/>
        <v>3128.5920000000001</v>
      </c>
      <c r="FTZ54" s="7">
        <f t="shared" si="875"/>
        <v>3128.5920000000001</v>
      </c>
      <c r="FUA54" s="7">
        <f t="shared" si="875"/>
        <v>3128.5920000000001</v>
      </c>
      <c r="FUB54" s="7">
        <f t="shared" si="875"/>
        <v>3128.5920000000001</v>
      </c>
      <c r="FUC54" s="7">
        <f t="shared" si="875"/>
        <v>3128.5920000000001</v>
      </c>
      <c r="FUD54" s="7">
        <f t="shared" si="875"/>
        <v>3128.5920000000001</v>
      </c>
      <c r="FUE54" s="7">
        <f t="shared" si="875"/>
        <v>3128.5920000000001</v>
      </c>
      <c r="FUF54" s="7">
        <f t="shared" si="875"/>
        <v>3128.5920000000001</v>
      </c>
      <c r="FUG54" s="7">
        <f t="shared" si="875"/>
        <v>3128.5920000000001</v>
      </c>
      <c r="FUH54" s="7">
        <f t="shared" si="875"/>
        <v>3128.5920000000001</v>
      </c>
      <c r="FUI54" s="7">
        <f t="shared" si="875"/>
        <v>3128.5920000000001</v>
      </c>
      <c r="FUJ54" s="7">
        <f t="shared" si="875"/>
        <v>3128.5920000000001</v>
      </c>
      <c r="FUK54" s="7">
        <f t="shared" si="875"/>
        <v>3128.5920000000001</v>
      </c>
      <c r="FUL54" s="7">
        <f t="shared" si="875"/>
        <v>3128.5920000000001</v>
      </c>
      <c r="FUM54" s="7">
        <f t="shared" si="875"/>
        <v>3128.5920000000001</v>
      </c>
      <c r="FUN54" s="7">
        <f t="shared" si="875"/>
        <v>3128.5920000000001</v>
      </c>
      <c r="FUO54" s="7">
        <f t="shared" si="875"/>
        <v>3128.5920000000001</v>
      </c>
      <c r="FUP54" s="7">
        <f t="shared" ref="FUP54:FXA54" si="876">FUP49+FUO54</f>
        <v>3128.5920000000001</v>
      </c>
      <c r="FUQ54" s="7">
        <f t="shared" si="876"/>
        <v>3128.5920000000001</v>
      </c>
      <c r="FUR54" s="7">
        <f t="shared" si="876"/>
        <v>3128.5920000000001</v>
      </c>
      <c r="FUS54" s="7">
        <f t="shared" si="876"/>
        <v>3128.5920000000001</v>
      </c>
      <c r="FUT54" s="7">
        <f t="shared" si="876"/>
        <v>3128.5920000000001</v>
      </c>
      <c r="FUU54" s="7">
        <f t="shared" si="876"/>
        <v>3128.5920000000001</v>
      </c>
      <c r="FUV54" s="7">
        <f t="shared" si="876"/>
        <v>3128.5920000000001</v>
      </c>
      <c r="FUW54" s="7">
        <f t="shared" si="876"/>
        <v>3128.5920000000001</v>
      </c>
      <c r="FUX54" s="7">
        <f t="shared" si="876"/>
        <v>3128.5920000000001</v>
      </c>
      <c r="FUY54" s="7">
        <f t="shared" si="876"/>
        <v>3128.5920000000001</v>
      </c>
      <c r="FUZ54" s="7">
        <f t="shared" si="876"/>
        <v>3128.5920000000001</v>
      </c>
      <c r="FVA54" s="7">
        <f t="shared" si="876"/>
        <v>3128.5920000000001</v>
      </c>
      <c r="FVB54" s="7">
        <f t="shared" si="876"/>
        <v>3128.5920000000001</v>
      </c>
      <c r="FVC54" s="7">
        <f t="shared" si="876"/>
        <v>3128.5920000000001</v>
      </c>
      <c r="FVD54" s="7">
        <f t="shared" si="876"/>
        <v>3128.5920000000001</v>
      </c>
      <c r="FVE54" s="7">
        <f t="shared" si="876"/>
        <v>3128.5920000000001</v>
      </c>
      <c r="FVF54" s="7">
        <f t="shared" si="876"/>
        <v>3128.5920000000001</v>
      </c>
      <c r="FVG54" s="7">
        <f t="shared" si="876"/>
        <v>3128.5920000000001</v>
      </c>
      <c r="FVH54" s="7">
        <f t="shared" si="876"/>
        <v>3128.5920000000001</v>
      </c>
      <c r="FVI54" s="7">
        <f t="shared" si="876"/>
        <v>3128.5920000000001</v>
      </c>
      <c r="FVJ54" s="7">
        <f t="shared" si="876"/>
        <v>3128.5920000000001</v>
      </c>
      <c r="FVK54" s="7">
        <f t="shared" si="876"/>
        <v>3128.5920000000001</v>
      </c>
      <c r="FVL54" s="7">
        <f t="shared" si="876"/>
        <v>3128.5920000000001</v>
      </c>
      <c r="FVM54" s="7">
        <f t="shared" si="876"/>
        <v>3128.5920000000001</v>
      </c>
      <c r="FVN54" s="7">
        <f t="shared" si="876"/>
        <v>3128.5920000000001</v>
      </c>
      <c r="FVO54" s="7">
        <f t="shared" si="876"/>
        <v>3128.5920000000001</v>
      </c>
      <c r="FVP54" s="7">
        <f t="shared" si="876"/>
        <v>3128.5920000000001</v>
      </c>
      <c r="FVQ54" s="7">
        <f t="shared" si="876"/>
        <v>3128.5920000000001</v>
      </c>
      <c r="FVR54" s="7">
        <f t="shared" si="876"/>
        <v>3128.5920000000001</v>
      </c>
      <c r="FVS54" s="7">
        <f t="shared" si="876"/>
        <v>3128.5920000000001</v>
      </c>
      <c r="FVT54" s="7">
        <f t="shared" si="876"/>
        <v>3128.5920000000001</v>
      </c>
      <c r="FVU54" s="7">
        <f t="shared" si="876"/>
        <v>3128.5920000000001</v>
      </c>
      <c r="FVV54" s="7">
        <f t="shared" si="876"/>
        <v>3128.5920000000001</v>
      </c>
      <c r="FVW54" s="7">
        <f t="shared" si="876"/>
        <v>3128.5920000000001</v>
      </c>
      <c r="FVX54" s="7">
        <f t="shared" si="876"/>
        <v>3128.5920000000001</v>
      </c>
      <c r="FVY54" s="7">
        <f t="shared" si="876"/>
        <v>3128.5920000000001</v>
      </c>
      <c r="FVZ54" s="7">
        <f t="shared" si="876"/>
        <v>3128.5920000000001</v>
      </c>
      <c r="FWA54" s="7">
        <f t="shared" si="876"/>
        <v>3128.5920000000001</v>
      </c>
      <c r="FWB54" s="7">
        <f t="shared" si="876"/>
        <v>3128.5920000000001</v>
      </c>
      <c r="FWC54" s="7">
        <f t="shared" si="876"/>
        <v>3128.5920000000001</v>
      </c>
      <c r="FWD54" s="7">
        <f t="shared" si="876"/>
        <v>3128.5920000000001</v>
      </c>
      <c r="FWE54" s="7">
        <f t="shared" si="876"/>
        <v>3128.5920000000001</v>
      </c>
      <c r="FWF54" s="7">
        <f t="shared" si="876"/>
        <v>3128.5920000000001</v>
      </c>
      <c r="FWG54" s="7">
        <f t="shared" si="876"/>
        <v>3128.5920000000001</v>
      </c>
      <c r="FWH54" s="7">
        <f t="shared" si="876"/>
        <v>3128.5920000000001</v>
      </c>
      <c r="FWI54" s="7">
        <f t="shared" si="876"/>
        <v>3128.5920000000001</v>
      </c>
      <c r="FWJ54" s="7">
        <f t="shared" si="876"/>
        <v>3128.5920000000001</v>
      </c>
      <c r="FWK54" s="7">
        <f t="shared" si="876"/>
        <v>3128.5920000000001</v>
      </c>
      <c r="FWL54" s="7">
        <f t="shared" si="876"/>
        <v>3128.5920000000001</v>
      </c>
      <c r="FWM54" s="7">
        <f t="shared" si="876"/>
        <v>3128.5920000000001</v>
      </c>
      <c r="FWN54" s="7">
        <f t="shared" si="876"/>
        <v>3128.5920000000001</v>
      </c>
      <c r="FWO54" s="7">
        <f t="shared" si="876"/>
        <v>3128.5920000000001</v>
      </c>
      <c r="FWP54" s="7">
        <f t="shared" si="876"/>
        <v>3128.5920000000001</v>
      </c>
      <c r="FWQ54" s="7">
        <f t="shared" si="876"/>
        <v>3128.5920000000001</v>
      </c>
      <c r="FWR54" s="7">
        <f t="shared" si="876"/>
        <v>3128.5920000000001</v>
      </c>
      <c r="FWS54" s="7">
        <f t="shared" si="876"/>
        <v>3128.5920000000001</v>
      </c>
      <c r="FWT54" s="7">
        <f t="shared" si="876"/>
        <v>3128.5920000000001</v>
      </c>
      <c r="FWU54" s="7">
        <f t="shared" si="876"/>
        <v>3128.5920000000001</v>
      </c>
      <c r="FWV54" s="7">
        <f t="shared" si="876"/>
        <v>3128.5920000000001</v>
      </c>
      <c r="FWW54" s="7">
        <f t="shared" si="876"/>
        <v>3128.5920000000001</v>
      </c>
      <c r="FWX54" s="7">
        <f t="shared" si="876"/>
        <v>3128.5920000000001</v>
      </c>
      <c r="FWY54" s="7">
        <f t="shared" si="876"/>
        <v>3128.5920000000001</v>
      </c>
      <c r="FWZ54" s="7">
        <f t="shared" si="876"/>
        <v>3128.5920000000001</v>
      </c>
      <c r="FXA54" s="7">
        <f t="shared" si="876"/>
        <v>3128.5920000000001</v>
      </c>
      <c r="FXB54" s="7">
        <f t="shared" ref="FXB54:FZM54" si="877">FXB49+FXA54</f>
        <v>3128.5920000000001</v>
      </c>
      <c r="FXC54" s="7">
        <f t="shared" si="877"/>
        <v>3128.5920000000001</v>
      </c>
      <c r="FXD54" s="7">
        <f t="shared" si="877"/>
        <v>3128.5920000000001</v>
      </c>
      <c r="FXE54" s="7">
        <f t="shared" si="877"/>
        <v>3128.5920000000001</v>
      </c>
      <c r="FXF54" s="7">
        <f t="shared" si="877"/>
        <v>3128.5920000000001</v>
      </c>
      <c r="FXG54" s="7">
        <f t="shared" si="877"/>
        <v>3128.5920000000001</v>
      </c>
      <c r="FXH54" s="7">
        <f t="shared" si="877"/>
        <v>3128.5920000000001</v>
      </c>
      <c r="FXI54" s="7">
        <f t="shared" si="877"/>
        <v>3128.5920000000001</v>
      </c>
      <c r="FXJ54" s="7">
        <f t="shared" si="877"/>
        <v>3128.5920000000001</v>
      </c>
      <c r="FXK54" s="7">
        <f t="shared" si="877"/>
        <v>3128.5920000000001</v>
      </c>
      <c r="FXL54" s="7">
        <f t="shared" si="877"/>
        <v>3128.5920000000001</v>
      </c>
      <c r="FXM54" s="7">
        <f t="shared" si="877"/>
        <v>3128.5920000000001</v>
      </c>
      <c r="FXN54" s="7">
        <f t="shared" si="877"/>
        <v>3128.5920000000001</v>
      </c>
      <c r="FXO54" s="7">
        <f t="shared" si="877"/>
        <v>3128.5920000000001</v>
      </c>
      <c r="FXP54" s="7">
        <f t="shared" si="877"/>
        <v>3128.5920000000001</v>
      </c>
      <c r="FXQ54" s="7">
        <f t="shared" si="877"/>
        <v>3128.5920000000001</v>
      </c>
      <c r="FXR54" s="7">
        <f t="shared" si="877"/>
        <v>3128.5920000000001</v>
      </c>
      <c r="FXS54" s="7">
        <f t="shared" si="877"/>
        <v>3128.5920000000001</v>
      </c>
      <c r="FXT54" s="7">
        <f t="shared" si="877"/>
        <v>3128.5920000000001</v>
      </c>
      <c r="FXU54" s="7">
        <f t="shared" si="877"/>
        <v>3128.5920000000001</v>
      </c>
      <c r="FXV54" s="7">
        <f t="shared" si="877"/>
        <v>3128.5920000000001</v>
      </c>
      <c r="FXW54" s="7">
        <f t="shared" si="877"/>
        <v>3128.5920000000001</v>
      </c>
      <c r="FXX54" s="7">
        <f t="shared" si="877"/>
        <v>3128.5920000000001</v>
      </c>
      <c r="FXY54" s="7">
        <f t="shared" si="877"/>
        <v>3128.5920000000001</v>
      </c>
      <c r="FXZ54" s="7">
        <f t="shared" si="877"/>
        <v>3128.5920000000001</v>
      </c>
      <c r="FYA54" s="7">
        <f t="shared" si="877"/>
        <v>3128.5920000000001</v>
      </c>
      <c r="FYB54" s="7">
        <f t="shared" si="877"/>
        <v>3128.5920000000001</v>
      </c>
      <c r="FYC54" s="7">
        <f t="shared" si="877"/>
        <v>3128.5920000000001</v>
      </c>
      <c r="FYD54" s="7">
        <f t="shared" si="877"/>
        <v>3128.5920000000001</v>
      </c>
      <c r="FYE54" s="7">
        <f t="shared" si="877"/>
        <v>3128.5920000000001</v>
      </c>
      <c r="FYF54" s="7">
        <f t="shared" si="877"/>
        <v>3128.5920000000001</v>
      </c>
      <c r="FYG54" s="7">
        <f t="shared" si="877"/>
        <v>3128.5920000000001</v>
      </c>
      <c r="FYH54" s="7">
        <f t="shared" si="877"/>
        <v>3128.5920000000001</v>
      </c>
      <c r="FYI54" s="7">
        <f t="shared" si="877"/>
        <v>3128.5920000000001</v>
      </c>
      <c r="FYJ54" s="7">
        <f t="shared" si="877"/>
        <v>3128.5920000000001</v>
      </c>
      <c r="FYK54" s="7">
        <f t="shared" si="877"/>
        <v>3128.5920000000001</v>
      </c>
      <c r="FYL54" s="7">
        <f t="shared" si="877"/>
        <v>3128.5920000000001</v>
      </c>
      <c r="FYM54" s="7">
        <f t="shared" si="877"/>
        <v>3128.5920000000001</v>
      </c>
      <c r="FYN54" s="7">
        <f t="shared" si="877"/>
        <v>3128.5920000000001</v>
      </c>
      <c r="FYO54" s="7">
        <f t="shared" si="877"/>
        <v>3128.5920000000001</v>
      </c>
      <c r="FYP54" s="7">
        <f t="shared" si="877"/>
        <v>3128.5920000000001</v>
      </c>
      <c r="FYQ54" s="7">
        <f t="shared" si="877"/>
        <v>3128.5920000000001</v>
      </c>
      <c r="FYR54" s="7">
        <f t="shared" si="877"/>
        <v>3128.5920000000001</v>
      </c>
      <c r="FYS54" s="7">
        <f t="shared" si="877"/>
        <v>3128.5920000000001</v>
      </c>
      <c r="FYT54" s="7">
        <f t="shared" si="877"/>
        <v>3128.5920000000001</v>
      </c>
      <c r="FYU54" s="7">
        <f t="shared" si="877"/>
        <v>3128.5920000000001</v>
      </c>
      <c r="FYV54" s="7">
        <f t="shared" si="877"/>
        <v>3128.5920000000001</v>
      </c>
      <c r="FYW54" s="7">
        <f t="shared" si="877"/>
        <v>3128.5920000000001</v>
      </c>
      <c r="FYX54" s="7">
        <f t="shared" si="877"/>
        <v>3128.5920000000001</v>
      </c>
      <c r="FYY54" s="7">
        <f t="shared" si="877"/>
        <v>3128.5920000000001</v>
      </c>
      <c r="FYZ54" s="7">
        <f t="shared" si="877"/>
        <v>3128.5920000000001</v>
      </c>
      <c r="FZA54" s="7">
        <f t="shared" si="877"/>
        <v>3128.5920000000001</v>
      </c>
      <c r="FZB54" s="7">
        <f t="shared" si="877"/>
        <v>3128.5920000000001</v>
      </c>
      <c r="FZC54" s="7">
        <f t="shared" si="877"/>
        <v>3128.5920000000001</v>
      </c>
      <c r="FZD54" s="7">
        <f t="shared" si="877"/>
        <v>3128.5920000000001</v>
      </c>
      <c r="FZE54" s="7">
        <f t="shared" si="877"/>
        <v>3128.5920000000001</v>
      </c>
      <c r="FZF54" s="7">
        <f t="shared" si="877"/>
        <v>3128.5920000000001</v>
      </c>
      <c r="FZG54" s="7">
        <f t="shared" si="877"/>
        <v>3128.5920000000001</v>
      </c>
      <c r="FZH54" s="7">
        <f t="shared" si="877"/>
        <v>3128.5920000000001</v>
      </c>
      <c r="FZI54" s="7">
        <f t="shared" si="877"/>
        <v>3128.5920000000001</v>
      </c>
      <c r="FZJ54" s="7">
        <f t="shared" si="877"/>
        <v>3128.5920000000001</v>
      </c>
      <c r="FZK54" s="7">
        <f t="shared" si="877"/>
        <v>3128.5920000000001</v>
      </c>
      <c r="FZL54" s="7">
        <f t="shared" si="877"/>
        <v>3128.5920000000001</v>
      </c>
      <c r="FZM54" s="7">
        <f t="shared" si="877"/>
        <v>3128.5920000000001</v>
      </c>
      <c r="FZN54" s="7">
        <f t="shared" ref="FZN54:GBY54" si="878">FZN49+FZM54</f>
        <v>3128.5920000000001</v>
      </c>
      <c r="FZO54" s="7">
        <f t="shared" si="878"/>
        <v>3128.5920000000001</v>
      </c>
      <c r="FZP54" s="7">
        <f t="shared" si="878"/>
        <v>3128.5920000000001</v>
      </c>
      <c r="FZQ54" s="7">
        <f t="shared" si="878"/>
        <v>3128.5920000000001</v>
      </c>
      <c r="FZR54" s="7">
        <f t="shared" si="878"/>
        <v>3128.5920000000001</v>
      </c>
      <c r="FZS54" s="7">
        <f t="shared" si="878"/>
        <v>3128.5920000000001</v>
      </c>
      <c r="FZT54" s="7">
        <f t="shared" si="878"/>
        <v>3128.5920000000001</v>
      </c>
      <c r="FZU54" s="7">
        <f t="shared" si="878"/>
        <v>3128.5920000000001</v>
      </c>
      <c r="FZV54" s="7">
        <f t="shared" si="878"/>
        <v>3128.5920000000001</v>
      </c>
      <c r="FZW54" s="7">
        <f t="shared" si="878"/>
        <v>3128.5920000000001</v>
      </c>
      <c r="FZX54" s="7">
        <f t="shared" si="878"/>
        <v>3128.5920000000001</v>
      </c>
      <c r="FZY54" s="7">
        <f t="shared" si="878"/>
        <v>3128.5920000000001</v>
      </c>
      <c r="FZZ54" s="7">
        <f t="shared" si="878"/>
        <v>3128.5920000000001</v>
      </c>
      <c r="GAA54" s="7">
        <f t="shared" si="878"/>
        <v>3128.5920000000001</v>
      </c>
      <c r="GAB54" s="7">
        <f t="shared" si="878"/>
        <v>3128.5920000000001</v>
      </c>
      <c r="GAC54" s="7">
        <f t="shared" si="878"/>
        <v>3128.5920000000001</v>
      </c>
      <c r="GAD54" s="7">
        <f t="shared" si="878"/>
        <v>3128.5920000000001</v>
      </c>
      <c r="GAE54" s="7">
        <f t="shared" si="878"/>
        <v>3128.5920000000001</v>
      </c>
      <c r="GAF54" s="7">
        <f t="shared" si="878"/>
        <v>3128.5920000000001</v>
      </c>
      <c r="GAG54" s="7">
        <f t="shared" si="878"/>
        <v>3128.5920000000001</v>
      </c>
      <c r="GAH54" s="7">
        <f t="shared" si="878"/>
        <v>3128.5920000000001</v>
      </c>
      <c r="GAI54" s="7">
        <f t="shared" si="878"/>
        <v>3128.5920000000001</v>
      </c>
      <c r="GAJ54" s="7">
        <f t="shared" si="878"/>
        <v>3128.5920000000001</v>
      </c>
      <c r="GAK54" s="7">
        <f t="shared" si="878"/>
        <v>3128.5920000000001</v>
      </c>
      <c r="GAL54" s="7">
        <f t="shared" si="878"/>
        <v>3128.5920000000001</v>
      </c>
      <c r="GAM54" s="7">
        <f t="shared" si="878"/>
        <v>3128.5920000000001</v>
      </c>
      <c r="GAN54" s="7">
        <f t="shared" si="878"/>
        <v>3128.5920000000001</v>
      </c>
      <c r="GAO54" s="7">
        <f t="shared" si="878"/>
        <v>3128.5920000000001</v>
      </c>
      <c r="GAP54" s="7">
        <f t="shared" si="878"/>
        <v>3128.5920000000001</v>
      </c>
      <c r="GAQ54" s="7">
        <f t="shared" si="878"/>
        <v>3128.5920000000001</v>
      </c>
      <c r="GAR54" s="7">
        <f t="shared" si="878"/>
        <v>3128.5920000000001</v>
      </c>
      <c r="GAS54" s="7">
        <f t="shared" si="878"/>
        <v>3128.5920000000001</v>
      </c>
      <c r="GAT54" s="7">
        <f t="shared" si="878"/>
        <v>3128.5920000000001</v>
      </c>
      <c r="GAU54" s="7">
        <f t="shared" si="878"/>
        <v>3128.5920000000001</v>
      </c>
      <c r="GAV54" s="7">
        <f t="shared" si="878"/>
        <v>3128.5920000000001</v>
      </c>
      <c r="GAW54" s="7">
        <f t="shared" si="878"/>
        <v>3128.5920000000001</v>
      </c>
      <c r="GAX54" s="7">
        <f t="shared" si="878"/>
        <v>3128.5920000000001</v>
      </c>
      <c r="GAY54" s="7">
        <f t="shared" si="878"/>
        <v>3128.5920000000001</v>
      </c>
      <c r="GAZ54" s="7">
        <f t="shared" si="878"/>
        <v>3128.5920000000001</v>
      </c>
      <c r="GBA54" s="7">
        <f t="shared" si="878"/>
        <v>3128.5920000000001</v>
      </c>
      <c r="GBB54" s="7">
        <f t="shared" si="878"/>
        <v>3128.5920000000001</v>
      </c>
      <c r="GBC54" s="7">
        <f t="shared" si="878"/>
        <v>3128.5920000000001</v>
      </c>
      <c r="GBD54" s="7">
        <f t="shared" si="878"/>
        <v>3128.5920000000001</v>
      </c>
      <c r="GBE54" s="7">
        <f t="shared" si="878"/>
        <v>3128.5920000000001</v>
      </c>
      <c r="GBF54" s="7">
        <f t="shared" si="878"/>
        <v>3128.5920000000001</v>
      </c>
      <c r="GBG54" s="7">
        <f t="shared" si="878"/>
        <v>3128.5920000000001</v>
      </c>
      <c r="GBH54" s="7">
        <f t="shared" si="878"/>
        <v>3128.5920000000001</v>
      </c>
      <c r="GBI54" s="7">
        <f t="shared" si="878"/>
        <v>3128.5920000000001</v>
      </c>
      <c r="GBJ54" s="7">
        <f t="shared" si="878"/>
        <v>3128.5920000000001</v>
      </c>
      <c r="GBK54" s="7">
        <f t="shared" si="878"/>
        <v>3128.5920000000001</v>
      </c>
      <c r="GBL54" s="7">
        <f t="shared" si="878"/>
        <v>3128.5920000000001</v>
      </c>
      <c r="GBM54" s="7">
        <f t="shared" si="878"/>
        <v>3128.5920000000001</v>
      </c>
      <c r="GBN54" s="7">
        <f t="shared" si="878"/>
        <v>3128.5920000000001</v>
      </c>
      <c r="GBO54" s="7">
        <f t="shared" si="878"/>
        <v>3128.5920000000001</v>
      </c>
      <c r="GBP54" s="7">
        <f t="shared" si="878"/>
        <v>3128.5920000000001</v>
      </c>
      <c r="GBQ54" s="7">
        <f t="shared" si="878"/>
        <v>3128.5920000000001</v>
      </c>
      <c r="GBR54" s="7">
        <f t="shared" si="878"/>
        <v>3128.5920000000001</v>
      </c>
      <c r="GBS54" s="7">
        <f t="shared" si="878"/>
        <v>3128.5920000000001</v>
      </c>
      <c r="GBT54" s="7">
        <f t="shared" si="878"/>
        <v>3128.5920000000001</v>
      </c>
      <c r="GBU54" s="7">
        <f t="shared" si="878"/>
        <v>3128.5920000000001</v>
      </c>
      <c r="GBV54" s="7">
        <f t="shared" si="878"/>
        <v>3128.5920000000001</v>
      </c>
      <c r="GBW54" s="7">
        <f t="shared" si="878"/>
        <v>3128.5920000000001</v>
      </c>
      <c r="GBX54" s="7">
        <f t="shared" si="878"/>
        <v>3128.5920000000001</v>
      </c>
      <c r="GBY54" s="7">
        <f t="shared" si="878"/>
        <v>3128.5920000000001</v>
      </c>
      <c r="GBZ54" s="7">
        <f t="shared" ref="GBZ54:GEK54" si="879">GBZ49+GBY54</f>
        <v>3128.5920000000001</v>
      </c>
      <c r="GCA54" s="7">
        <f t="shared" si="879"/>
        <v>3128.5920000000001</v>
      </c>
      <c r="GCB54" s="7">
        <f t="shared" si="879"/>
        <v>3128.5920000000001</v>
      </c>
      <c r="GCC54" s="7">
        <f t="shared" si="879"/>
        <v>3128.5920000000001</v>
      </c>
      <c r="GCD54" s="7">
        <f t="shared" si="879"/>
        <v>3128.5920000000001</v>
      </c>
      <c r="GCE54" s="7">
        <f t="shared" si="879"/>
        <v>3128.5920000000001</v>
      </c>
      <c r="GCF54" s="7">
        <f t="shared" si="879"/>
        <v>3128.5920000000001</v>
      </c>
      <c r="GCG54" s="7">
        <f t="shared" si="879"/>
        <v>3128.5920000000001</v>
      </c>
      <c r="GCH54" s="7">
        <f t="shared" si="879"/>
        <v>3128.5920000000001</v>
      </c>
      <c r="GCI54" s="7">
        <f t="shared" si="879"/>
        <v>3128.5920000000001</v>
      </c>
      <c r="GCJ54" s="7">
        <f t="shared" si="879"/>
        <v>3128.5920000000001</v>
      </c>
      <c r="GCK54" s="7">
        <f t="shared" si="879"/>
        <v>3128.5920000000001</v>
      </c>
      <c r="GCL54" s="7">
        <f t="shared" si="879"/>
        <v>3128.5920000000001</v>
      </c>
      <c r="GCM54" s="7">
        <f t="shared" si="879"/>
        <v>3128.5920000000001</v>
      </c>
      <c r="GCN54" s="7">
        <f t="shared" si="879"/>
        <v>3128.5920000000001</v>
      </c>
      <c r="GCO54" s="7">
        <f t="shared" si="879"/>
        <v>3128.5920000000001</v>
      </c>
      <c r="GCP54" s="7">
        <f t="shared" si="879"/>
        <v>3128.5920000000001</v>
      </c>
      <c r="GCQ54" s="7">
        <f t="shared" si="879"/>
        <v>3128.5920000000001</v>
      </c>
      <c r="GCR54" s="7">
        <f t="shared" si="879"/>
        <v>3128.5920000000001</v>
      </c>
      <c r="GCS54" s="7">
        <f t="shared" si="879"/>
        <v>3128.5920000000001</v>
      </c>
      <c r="GCT54" s="7">
        <f t="shared" si="879"/>
        <v>3128.5920000000001</v>
      </c>
      <c r="GCU54" s="7">
        <f t="shared" si="879"/>
        <v>3128.5920000000001</v>
      </c>
      <c r="GCV54" s="7">
        <f t="shared" si="879"/>
        <v>3128.5920000000001</v>
      </c>
      <c r="GCW54" s="7">
        <f t="shared" si="879"/>
        <v>3128.5920000000001</v>
      </c>
      <c r="GCX54" s="7">
        <f t="shared" si="879"/>
        <v>3128.5920000000001</v>
      </c>
      <c r="GCY54" s="7">
        <f t="shared" si="879"/>
        <v>3128.5920000000001</v>
      </c>
      <c r="GCZ54" s="7">
        <f t="shared" si="879"/>
        <v>3128.5920000000001</v>
      </c>
      <c r="GDA54" s="7">
        <f t="shared" si="879"/>
        <v>3128.5920000000001</v>
      </c>
      <c r="GDB54" s="7">
        <f t="shared" si="879"/>
        <v>3128.5920000000001</v>
      </c>
      <c r="GDC54" s="7">
        <f t="shared" si="879"/>
        <v>3128.5920000000001</v>
      </c>
      <c r="GDD54" s="7">
        <f t="shared" si="879"/>
        <v>3128.5920000000001</v>
      </c>
      <c r="GDE54" s="7">
        <f t="shared" si="879"/>
        <v>3128.5920000000001</v>
      </c>
      <c r="GDF54" s="7">
        <f t="shared" si="879"/>
        <v>3128.5920000000001</v>
      </c>
      <c r="GDG54" s="7">
        <f t="shared" si="879"/>
        <v>3128.5920000000001</v>
      </c>
      <c r="GDH54" s="7">
        <f t="shared" si="879"/>
        <v>3128.5920000000001</v>
      </c>
      <c r="GDI54" s="7">
        <f t="shared" si="879"/>
        <v>3128.5920000000001</v>
      </c>
      <c r="GDJ54" s="7">
        <f t="shared" si="879"/>
        <v>3128.5920000000001</v>
      </c>
      <c r="GDK54" s="7">
        <f t="shared" si="879"/>
        <v>3128.5920000000001</v>
      </c>
      <c r="GDL54" s="7">
        <f t="shared" si="879"/>
        <v>3128.5920000000001</v>
      </c>
      <c r="GDM54" s="7">
        <f t="shared" si="879"/>
        <v>3128.5920000000001</v>
      </c>
      <c r="GDN54" s="7">
        <f t="shared" si="879"/>
        <v>3128.5920000000001</v>
      </c>
      <c r="GDO54" s="7">
        <f t="shared" si="879"/>
        <v>3128.5920000000001</v>
      </c>
      <c r="GDP54" s="7">
        <f t="shared" si="879"/>
        <v>3128.5920000000001</v>
      </c>
      <c r="GDQ54" s="7">
        <f t="shared" si="879"/>
        <v>3128.5920000000001</v>
      </c>
      <c r="GDR54" s="7">
        <f t="shared" si="879"/>
        <v>3128.5920000000001</v>
      </c>
      <c r="GDS54" s="7">
        <f t="shared" si="879"/>
        <v>3128.5920000000001</v>
      </c>
      <c r="GDT54" s="7">
        <f t="shared" si="879"/>
        <v>3128.5920000000001</v>
      </c>
      <c r="GDU54" s="7">
        <f t="shared" si="879"/>
        <v>3128.5920000000001</v>
      </c>
      <c r="GDV54" s="7">
        <f t="shared" si="879"/>
        <v>3128.5920000000001</v>
      </c>
      <c r="GDW54" s="7">
        <f t="shared" si="879"/>
        <v>3128.5920000000001</v>
      </c>
      <c r="GDX54" s="7">
        <f t="shared" si="879"/>
        <v>3128.5920000000001</v>
      </c>
      <c r="GDY54" s="7">
        <f t="shared" si="879"/>
        <v>3128.5920000000001</v>
      </c>
      <c r="GDZ54" s="7">
        <f t="shared" si="879"/>
        <v>3128.5920000000001</v>
      </c>
      <c r="GEA54" s="7">
        <f t="shared" si="879"/>
        <v>3128.5920000000001</v>
      </c>
      <c r="GEB54" s="7">
        <f t="shared" si="879"/>
        <v>3128.5920000000001</v>
      </c>
      <c r="GEC54" s="7">
        <f t="shared" si="879"/>
        <v>3128.5920000000001</v>
      </c>
      <c r="GED54" s="7">
        <f t="shared" si="879"/>
        <v>3128.5920000000001</v>
      </c>
      <c r="GEE54" s="7">
        <f t="shared" si="879"/>
        <v>3128.5920000000001</v>
      </c>
      <c r="GEF54" s="7">
        <f t="shared" si="879"/>
        <v>3128.5920000000001</v>
      </c>
      <c r="GEG54" s="7">
        <f t="shared" si="879"/>
        <v>3128.5920000000001</v>
      </c>
      <c r="GEH54" s="7">
        <f t="shared" si="879"/>
        <v>3128.5920000000001</v>
      </c>
      <c r="GEI54" s="7">
        <f t="shared" si="879"/>
        <v>3128.5920000000001</v>
      </c>
      <c r="GEJ54" s="7">
        <f t="shared" si="879"/>
        <v>3128.5920000000001</v>
      </c>
      <c r="GEK54" s="7">
        <f t="shared" si="879"/>
        <v>3128.5920000000001</v>
      </c>
      <c r="GEL54" s="7">
        <f t="shared" ref="GEL54:GGW54" si="880">GEL49+GEK54</f>
        <v>3128.5920000000001</v>
      </c>
      <c r="GEM54" s="7">
        <f t="shared" si="880"/>
        <v>3128.5920000000001</v>
      </c>
      <c r="GEN54" s="7">
        <f t="shared" si="880"/>
        <v>3128.5920000000001</v>
      </c>
      <c r="GEO54" s="7">
        <f t="shared" si="880"/>
        <v>3128.5920000000001</v>
      </c>
      <c r="GEP54" s="7">
        <f t="shared" si="880"/>
        <v>3128.5920000000001</v>
      </c>
      <c r="GEQ54" s="7">
        <f t="shared" si="880"/>
        <v>3128.5920000000001</v>
      </c>
      <c r="GER54" s="7">
        <f t="shared" si="880"/>
        <v>3128.5920000000001</v>
      </c>
      <c r="GES54" s="7">
        <f t="shared" si="880"/>
        <v>3128.5920000000001</v>
      </c>
      <c r="GET54" s="7">
        <f t="shared" si="880"/>
        <v>3128.5920000000001</v>
      </c>
      <c r="GEU54" s="7">
        <f t="shared" si="880"/>
        <v>3128.5920000000001</v>
      </c>
      <c r="GEV54" s="7">
        <f t="shared" si="880"/>
        <v>3128.5920000000001</v>
      </c>
      <c r="GEW54" s="7">
        <f t="shared" si="880"/>
        <v>3128.5920000000001</v>
      </c>
      <c r="GEX54" s="7">
        <f t="shared" si="880"/>
        <v>3128.5920000000001</v>
      </c>
      <c r="GEY54" s="7">
        <f t="shared" si="880"/>
        <v>3128.5920000000001</v>
      </c>
      <c r="GEZ54" s="7">
        <f t="shared" si="880"/>
        <v>3128.5920000000001</v>
      </c>
      <c r="GFA54" s="7">
        <f t="shared" si="880"/>
        <v>3128.5920000000001</v>
      </c>
      <c r="GFB54" s="7">
        <f t="shared" si="880"/>
        <v>3128.5920000000001</v>
      </c>
      <c r="GFC54" s="7">
        <f t="shared" si="880"/>
        <v>3128.5920000000001</v>
      </c>
      <c r="GFD54" s="7">
        <f t="shared" si="880"/>
        <v>3128.5920000000001</v>
      </c>
      <c r="GFE54" s="7">
        <f t="shared" si="880"/>
        <v>3128.5920000000001</v>
      </c>
      <c r="GFF54" s="7">
        <f t="shared" si="880"/>
        <v>3128.5920000000001</v>
      </c>
      <c r="GFG54" s="7">
        <f t="shared" si="880"/>
        <v>3128.5920000000001</v>
      </c>
      <c r="GFH54" s="7">
        <f t="shared" si="880"/>
        <v>3128.5920000000001</v>
      </c>
      <c r="GFI54" s="7">
        <f t="shared" si="880"/>
        <v>3128.5920000000001</v>
      </c>
      <c r="GFJ54" s="7">
        <f t="shared" si="880"/>
        <v>3128.5920000000001</v>
      </c>
      <c r="GFK54" s="7">
        <f t="shared" si="880"/>
        <v>3128.5920000000001</v>
      </c>
      <c r="GFL54" s="7">
        <f t="shared" si="880"/>
        <v>3128.5920000000001</v>
      </c>
      <c r="GFM54" s="7">
        <f t="shared" si="880"/>
        <v>3128.5920000000001</v>
      </c>
      <c r="GFN54" s="7">
        <f t="shared" si="880"/>
        <v>3128.5920000000001</v>
      </c>
      <c r="GFO54" s="7">
        <f t="shared" si="880"/>
        <v>3128.5920000000001</v>
      </c>
      <c r="GFP54" s="7">
        <f t="shared" si="880"/>
        <v>3128.5920000000001</v>
      </c>
      <c r="GFQ54" s="7">
        <f t="shared" si="880"/>
        <v>3128.5920000000001</v>
      </c>
      <c r="GFR54" s="7">
        <f t="shared" si="880"/>
        <v>3128.5920000000001</v>
      </c>
      <c r="GFS54" s="7">
        <f t="shared" si="880"/>
        <v>3128.5920000000001</v>
      </c>
      <c r="GFT54" s="7">
        <f t="shared" si="880"/>
        <v>3128.5920000000001</v>
      </c>
      <c r="GFU54" s="7">
        <f t="shared" si="880"/>
        <v>3128.5920000000001</v>
      </c>
      <c r="GFV54" s="7">
        <f t="shared" si="880"/>
        <v>3128.5920000000001</v>
      </c>
      <c r="GFW54" s="7">
        <f t="shared" si="880"/>
        <v>3128.5920000000001</v>
      </c>
      <c r="GFX54" s="7">
        <f t="shared" si="880"/>
        <v>3128.5920000000001</v>
      </c>
      <c r="GFY54" s="7">
        <f t="shared" si="880"/>
        <v>3128.5920000000001</v>
      </c>
      <c r="GFZ54" s="7">
        <f t="shared" si="880"/>
        <v>3128.5920000000001</v>
      </c>
      <c r="GGA54" s="7">
        <f t="shared" si="880"/>
        <v>3128.5920000000001</v>
      </c>
      <c r="GGB54" s="7">
        <f t="shared" si="880"/>
        <v>3128.5920000000001</v>
      </c>
      <c r="GGC54" s="7">
        <f t="shared" si="880"/>
        <v>3128.5920000000001</v>
      </c>
      <c r="GGD54" s="7">
        <f t="shared" si="880"/>
        <v>3128.5920000000001</v>
      </c>
      <c r="GGE54" s="7">
        <f t="shared" si="880"/>
        <v>3128.5920000000001</v>
      </c>
      <c r="GGF54" s="7">
        <f t="shared" si="880"/>
        <v>3128.5920000000001</v>
      </c>
      <c r="GGG54" s="7">
        <f t="shared" si="880"/>
        <v>3128.5920000000001</v>
      </c>
      <c r="GGH54" s="7">
        <f t="shared" si="880"/>
        <v>3128.5920000000001</v>
      </c>
      <c r="GGI54" s="7">
        <f t="shared" si="880"/>
        <v>3128.5920000000001</v>
      </c>
      <c r="GGJ54" s="7">
        <f t="shared" si="880"/>
        <v>3128.5920000000001</v>
      </c>
      <c r="GGK54" s="7">
        <f t="shared" si="880"/>
        <v>3128.5920000000001</v>
      </c>
      <c r="GGL54" s="7">
        <f t="shared" si="880"/>
        <v>3128.5920000000001</v>
      </c>
      <c r="GGM54" s="7">
        <f t="shared" si="880"/>
        <v>3128.5920000000001</v>
      </c>
      <c r="GGN54" s="7">
        <f t="shared" si="880"/>
        <v>3128.5920000000001</v>
      </c>
      <c r="GGO54" s="7">
        <f t="shared" si="880"/>
        <v>3128.5920000000001</v>
      </c>
      <c r="GGP54" s="7">
        <f t="shared" si="880"/>
        <v>3128.5920000000001</v>
      </c>
      <c r="GGQ54" s="7">
        <f t="shared" si="880"/>
        <v>3128.5920000000001</v>
      </c>
      <c r="GGR54" s="7">
        <f t="shared" si="880"/>
        <v>3128.5920000000001</v>
      </c>
      <c r="GGS54" s="7">
        <f t="shared" si="880"/>
        <v>3128.5920000000001</v>
      </c>
      <c r="GGT54" s="7">
        <f t="shared" si="880"/>
        <v>3128.5920000000001</v>
      </c>
      <c r="GGU54" s="7">
        <f t="shared" si="880"/>
        <v>3128.5920000000001</v>
      </c>
      <c r="GGV54" s="7">
        <f t="shared" si="880"/>
        <v>3128.5920000000001</v>
      </c>
      <c r="GGW54" s="7">
        <f t="shared" si="880"/>
        <v>3128.5920000000001</v>
      </c>
      <c r="GGX54" s="7">
        <f t="shared" ref="GGX54:GJI54" si="881">GGX49+GGW54</f>
        <v>3128.5920000000001</v>
      </c>
      <c r="GGY54" s="7">
        <f t="shared" si="881"/>
        <v>3128.5920000000001</v>
      </c>
      <c r="GGZ54" s="7">
        <f t="shared" si="881"/>
        <v>3128.5920000000001</v>
      </c>
      <c r="GHA54" s="7">
        <f t="shared" si="881"/>
        <v>3128.5920000000001</v>
      </c>
      <c r="GHB54" s="7">
        <f t="shared" si="881"/>
        <v>3128.5920000000001</v>
      </c>
      <c r="GHC54" s="7">
        <f t="shared" si="881"/>
        <v>3128.5920000000001</v>
      </c>
      <c r="GHD54" s="7">
        <f t="shared" si="881"/>
        <v>3128.5920000000001</v>
      </c>
      <c r="GHE54" s="7">
        <f t="shared" si="881"/>
        <v>3128.5920000000001</v>
      </c>
      <c r="GHF54" s="7">
        <f t="shared" si="881"/>
        <v>3128.5920000000001</v>
      </c>
      <c r="GHG54" s="7">
        <f t="shared" si="881"/>
        <v>3128.5920000000001</v>
      </c>
      <c r="GHH54" s="7">
        <f t="shared" si="881"/>
        <v>3128.5920000000001</v>
      </c>
      <c r="GHI54" s="7">
        <f t="shared" si="881"/>
        <v>3128.5920000000001</v>
      </c>
      <c r="GHJ54" s="7">
        <f t="shared" si="881"/>
        <v>3128.5920000000001</v>
      </c>
      <c r="GHK54" s="7">
        <f t="shared" si="881"/>
        <v>3128.5920000000001</v>
      </c>
      <c r="GHL54" s="7">
        <f t="shared" si="881"/>
        <v>3128.5920000000001</v>
      </c>
      <c r="GHM54" s="7">
        <f t="shared" si="881"/>
        <v>3128.5920000000001</v>
      </c>
      <c r="GHN54" s="7">
        <f t="shared" si="881"/>
        <v>3128.5920000000001</v>
      </c>
      <c r="GHO54" s="7">
        <f t="shared" si="881"/>
        <v>3128.5920000000001</v>
      </c>
      <c r="GHP54" s="7">
        <f t="shared" si="881"/>
        <v>3128.5920000000001</v>
      </c>
      <c r="GHQ54" s="7">
        <f t="shared" si="881"/>
        <v>3128.5920000000001</v>
      </c>
      <c r="GHR54" s="7">
        <f t="shared" si="881"/>
        <v>3128.5920000000001</v>
      </c>
      <c r="GHS54" s="7">
        <f t="shared" si="881"/>
        <v>3128.5920000000001</v>
      </c>
      <c r="GHT54" s="7">
        <f t="shared" si="881"/>
        <v>3128.5920000000001</v>
      </c>
      <c r="GHU54" s="7">
        <f t="shared" si="881"/>
        <v>3128.5920000000001</v>
      </c>
      <c r="GHV54" s="7">
        <f t="shared" si="881"/>
        <v>3128.5920000000001</v>
      </c>
      <c r="GHW54" s="7">
        <f t="shared" si="881"/>
        <v>3128.5920000000001</v>
      </c>
      <c r="GHX54" s="7">
        <f t="shared" si="881"/>
        <v>3128.5920000000001</v>
      </c>
      <c r="GHY54" s="7">
        <f t="shared" si="881"/>
        <v>3128.5920000000001</v>
      </c>
      <c r="GHZ54" s="7">
        <f t="shared" si="881"/>
        <v>3128.5920000000001</v>
      </c>
      <c r="GIA54" s="7">
        <f t="shared" si="881"/>
        <v>3128.5920000000001</v>
      </c>
      <c r="GIB54" s="7">
        <f t="shared" si="881"/>
        <v>3128.5920000000001</v>
      </c>
      <c r="GIC54" s="7">
        <f t="shared" si="881"/>
        <v>3128.5920000000001</v>
      </c>
      <c r="GID54" s="7">
        <f t="shared" si="881"/>
        <v>3128.5920000000001</v>
      </c>
      <c r="GIE54" s="7">
        <f t="shared" si="881"/>
        <v>3128.5920000000001</v>
      </c>
      <c r="GIF54" s="7">
        <f t="shared" si="881"/>
        <v>3128.5920000000001</v>
      </c>
      <c r="GIG54" s="7">
        <f t="shared" si="881"/>
        <v>3128.5920000000001</v>
      </c>
      <c r="GIH54" s="7">
        <f t="shared" si="881"/>
        <v>3128.5920000000001</v>
      </c>
      <c r="GII54" s="7">
        <f t="shared" si="881"/>
        <v>3128.5920000000001</v>
      </c>
      <c r="GIJ54" s="7">
        <f t="shared" si="881"/>
        <v>3128.5920000000001</v>
      </c>
      <c r="GIK54" s="7">
        <f t="shared" si="881"/>
        <v>3128.5920000000001</v>
      </c>
      <c r="GIL54" s="7">
        <f t="shared" si="881"/>
        <v>3128.5920000000001</v>
      </c>
      <c r="GIM54" s="7">
        <f t="shared" si="881"/>
        <v>3128.5920000000001</v>
      </c>
      <c r="GIN54" s="7">
        <f t="shared" si="881"/>
        <v>3128.5920000000001</v>
      </c>
      <c r="GIO54" s="7">
        <f t="shared" si="881"/>
        <v>3128.5920000000001</v>
      </c>
      <c r="GIP54" s="7">
        <f t="shared" si="881"/>
        <v>3128.5920000000001</v>
      </c>
      <c r="GIQ54" s="7">
        <f t="shared" si="881"/>
        <v>3128.5920000000001</v>
      </c>
      <c r="GIR54" s="7">
        <f t="shared" si="881"/>
        <v>3128.5920000000001</v>
      </c>
      <c r="GIS54" s="7">
        <f t="shared" si="881"/>
        <v>3128.5920000000001</v>
      </c>
      <c r="GIT54" s="7">
        <f t="shared" si="881"/>
        <v>3128.5920000000001</v>
      </c>
      <c r="GIU54" s="7">
        <f t="shared" si="881"/>
        <v>3128.5920000000001</v>
      </c>
      <c r="GIV54" s="7">
        <f t="shared" si="881"/>
        <v>3128.5920000000001</v>
      </c>
      <c r="GIW54" s="7">
        <f t="shared" si="881"/>
        <v>3128.5920000000001</v>
      </c>
      <c r="GIX54" s="7">
        <f t="shared" si="881"/>
        <v>3128.5920000000001</v>
      </c>
      <c r="GIY54" s="7">
        <f t="shared" si="881"/>
        <v>3128.5920000000001</v>
      </c>
      <c r="GIZ54" s="7">
        <f t="shared" si="881"/>
        <v>3128.5920000000001</v>
      </c>
      <c r="GJA54" s="7">
        <f t="shared" si="881"/>
        <v>3128.5920000000001</v>
      </c>
      <c r="GJB54" s="7">
        <f t="shared" si="881"/>
        <v>3128.5920000000001</v>
      </c>
      <c r="GJC54" s="7">
        <f t="shared" si="881"/>
        <v>3128.5920000000001</v>
      </c>
      <c r="GJD54" s="7">
        <f t="shared" si="881"/>
        <v>3128.5920000000001</v>
      </c>
      <c r="GJE54" s="7">
        <f t="shared" si="881"/>
        <v>3128.5920000000001</v>
      </c>
      <c r="GJF54" s="7">
        <f t="shared" si="881"/>
        <v>3128.5920000000001</v>
      </c>
      <c r="GJG54" s="7">
        <f t="shared" si="881"/>
        <v>3128.5920000000001</v>
      </c>
      <c r="GJH54" s="7">
        <f t="shared" si="881"/>
        <v>3128.5920000000001</v>
      </c>
      <c r="GJI54" s="7">
        <f t="shared" si="881"/>
        <v>3128.5920000000001</v>
      </c>
      <c r="GJJ54" s="7">
        <f t="shared" ref="GJJ54:GLU54" si="882">GJJ49+GJI54</f>
        <v>3128.5920000000001</v>
      </c>
      <c r="GJK54" s="7">
        <f t="shared" si="882"/>
        <v>3128.5920000000001</v>
      </c>
      <c r="GJL54" s="7">
        <f t="shared" si="882"/>
        <v>3128.5920000000001</v>
      </c>
      <c r="GJM54" s="7">
        <f t="shared" si="882"/>
        <v>3128.5920000000001</v>
      </c>
      <c r="GJN54" s="7">
        <f t="shared" si="882"/>
        <v>3128.5920000000001</v>
      </c>
      <c r="GJO54" s="7">
        <f t="shared" si="882"/>
        <v>3128.5920000000001</v>
      </c>
      <c r="GJP54" s="7">
        <f t="shared" si="882"/>
        <v>3128.5920000000001</v>
      </c>
      <c r="GJQ54" s="7">
        <f t="shared" si="882"/>
        <v>3128.5920000000001</v>
      </c>
      <c r="GJR54" s="7">
        <f t="shared" si="882"/>
        <v>3128.5920000000001</v>
      </c>
      <c r="GJS54" s="7">
        <f t="shared" si="882"/>
        <v>3128.5920000000001</v>
      </c>
      <c r="GJT54" s="7">
        <f t="shared" si="882"/>
        <v>3128.5920000000001</v>
      </c>
      <c r="GJU54" s="7">
        <f t="shared" si="882"/>
        <v>3128.5920000000001</v>
      </c>
      <c r="GJV54" s="7">
        <f t="shared" si="882"/>
        <v>3128.5920000000001</v>
      </c>
      <c r="GJW54" s="7">
        <f t="shared" si="882"/>
        <v>3128.5920000000001</v>
      </c>
      <c r="GJX54" s="7">
        <f t="shared" si="882"/>
        <v>3128.5920000000001</v>
      </c>
      <c r="GJY54" s="7">
        <f t="shared" si="882"/>
        <v>3128.5920000000001</v>
      </c>
      <c r="GJZ54" s="7">
        <f t="shared" si="882"/>
        <v>3128.5920000000001</v>
      </c>
      <c r="GKA54" s="7">
        <f t="shared" si="882"/>
        <v>3128.5920000000001</v>
      </c>
      <c r="GKB54" s="7">
        <f t="shared" si="882"/>
        <v>3128.5920000000001</v>
      </c>
      <c r="GKC54" s="7">
        <f t="shared" si="882"/>
        <v>3128.5920000000001</v>
      </c>
      <c r="GKD54" s="7">
        <f t="shared" si="882"/>
        <v>3128.5920000000001</v>
      </c>
      <c r="GKE54" s="7">
        <f t="shared" si="882"/>
        <v>3128.5920000000001</v>
      </c>
      <c r="GKF54" s="7">
        <f t="shared" si="882"/>
        <v>3128.5920000000001</v>
      </c>
      <c r="GKG54" s="7">
        <f t="shared" si="882"/>
        <v>3128.5920000000001</v>
      </c>
      <c r="GKH54" s="7">
        <f t="shared" si="882"/>
        <v>3128.5920000000001</v>
      </c>
      <c r="GKI54" s="7">
        <f t="shared" si="882"/>
        <v>3128.5920000000001</v>
      </c>
      <c r="GKJ54" s="7">
        <f t="shared" si="882"/>
        <v>3128.5920000000001</v>
      </c>
      <c r="GKK54" s="7">
        <f t="shared" si="882"/>
        <v>3128.5920000000001</v>
      </c>
      <c r="GKL54" s="7">
        <f t="shared" si="882"/>
        <v>3128.5920000000001</v>
      </c>
      <c r="GKM54" s="7">
        <f t="shared" si="882"/>
        <v>3128.5920000000001</v>
      </c>
      <c r="GKN54" s="7">
        <f t="shared" si="882"/>
        <v>3128.5920000000001</v>
      </c>
      <c r="GKO54" s="7">
        <f t="shared" si="882"/>
        <v>3128.5920000000001</v>
      </c>
      <c r="GKP54" s="7">
        <f t="shared" si="882"/>
        <v>3128.5920000000001</v>
      </c>
      <c r="GKQ54" s="7">
        <f t="shared" si="882"/>
        <v>3128.5920000000001</v>
      </c>
      <c r="GKR54" s="7">
        <f t="shared" si="882"/>
        <v>3128.5920000000001</v>
      </c>
      <c r="GKS54" s="7">
        <f t="shared" si="882"/>
        <v>3128.5920000000001</v>
      </c>
      <c r="GKT54" s="7">
        <f t="shared" si="882"/>
        <v>3128.5920000000001</v>
      </c>
      <c r="GKU54" s="7">
        <f t="shared" si="882"/>
        <v>3128.5920000000001</v>
      </c>
      <c r="GKV54" s="7">
        <f t="shared" si="882"/>
        <v>3128.5920000000001</v>
      </c>
      <c r="GKW54" s="7">
        <f t="shared" si="882"/>
        <v>3128.5920000000001</v>
      </c>
      <c r="GKX54" s="7">
        <f t="shared" si="882"/>
        <v>3128.5920000000001</v>
      </c>
      <c r="GKY54" s="7">
        <f t="shared" si="882"/>
        <v>3128.5920000000001</v>
      </c>
      <c r="GKZ54" s="7">
        <f t="shared" si="882"/>
        <v>3128.5920000000001</v>
      </c>
      <c r="GLA54" s="7">
        <f t="shared" si="882"/>
        <v>3128.5920000000001</v>
      </c>
      <c r="GLB54" s="7">
        <f t="shared" si="882"/>
        <v>3128.5920000000001</v>
      </c>
      <c r="GLC54" s="7">
        <f t="shared" si="882"/>
        <v>3128.5920000000001</v>
      </c>
      <c r="GLD54" s="7">
        <f t="shared" si="882"/>
        <v>3128.5920000000001</v>
      </c>
      <c r="GLE54" s="7">
        <f t="shared" si="882"/>
        <v>3128.5920000000001</v>
      </c>
      <c r="GLF54" s="7">
        <f t="shared" si="882"/>
        <v>3128.5920000000001</v>
      </c>
      <c r="GLG54" s="7">
        <f t="shared" si="882"/>
        <v>3128.5920000000001</v>
      </c>
      <c r="GLH54" s="7">
        <f t="shared" si="882"/>
        <v>3128.5920000000001</v>
      </c>
      <c r="GLI54" s="7">
        <f t="shared" si="882"/>
        <v>3128.5920000000001</v>
      </c>
      <c r="GLJ54" s="7">
        <f t="shared" si="882"/>
        <v>3128.5920000000001</v>
      </c>
      <c r="GLK54" s="7">
        <f t="shared" si="882"/>
        <v>3128.5920000000001</v>
      </c>
      <c r="GLL54" s="7">
        <f t="shared" si="882"/>
        <v>3128.5920000000001</v>
      </c>
      <c r="GLM54" s="7">
        <f t="shared" si="882"/>
        <v>3128.5920000000001</v>
      </c>
      <c r="GLN54" s="7">
        <f t="shared" si="882"/>
        <v>3128.5920000000001</v>
      </c>
      <c r="GLO54" s="7">
        <f t="shared" si="882"/>
        <v>3128.5920000000001</v>
      </c>
      <c r="GLP54" s="7">
        <f t="shared" si="882"/>
        <v>3128.5920000000001</v>
      </c>
      <c r="GLQ54" s="7">
        <f t="shared" si="882"/>
        <v>3128.5920000000001</v>
      </c>
      <c r="GLR54" s="7">
        <f t="shared" si="882"/>
        <v>3128.5920000000001</v>
      </c>
      <c r="GLS54" s="7">
        <f t="shared" si="882"/>
        <v>3128.5920000000001</v>
      </c>
      <c r="GLT54" s="7">
        <f t="shared" si="882"/>
        <v>3128.5920000000001</v>
      </c>
      <c r="GLU54" s="7">
        <f t="shared" si="882"/>
        <v>3128.5920000000001</v>
      </c>
      <c r="GLV54" s="7">
        <f t="shared" ref="GLV54:GOG54" si="883">GLV49+GLU54</f>
        <v>3128.5920000000001</v>
      </c>
      <c r="GLW54" s="7">
        <f t="shared" si="883"/>
        <v>3128.5920000000001</v>
      </c>
      <c r="GLX54" s="7">
        <f t="shared" si="883"/>
        <v>3128.5920000000001</v>
      </c>
      <c r="GLY54" s="7">
        <f t="shared" si="883"/>
        <v>3128.5920000000001</v>
      </c>
      <c r="GLZ54" s="7">
        <f t="shared" si="883"/>
        <v>3128.5920000000001</v>
      </c>
      <c r="GMA54" s="7">
        <f t="shared" si="883"/>
        <v>3128.5920000000001</v>
      </c>
      <c r="GMB54" s="7">
        <f t="shared" si="883"/>
        <v>3128.5920000000001</v>
      </c>
      <c r="GMC54" s="7">
        <f t="shared" si="883"/>
        <v>3128.5920000000001</v>
      </c>
      <c r="GMD54" s="7">
        <f t="shared" si="883"/>
        <v>3128.5920000000001</v>
      </c>
      <c r="GME54" s="7">
        <f t="shared" si="883"/>
        <v>3128.5920000000001</v>
      </c>
      <c r="GMF54" s="7">
        <f t="shared" si="883"/>
        <v>3128.5920000000001</v>
      </c>
      <c r="GMG54" s="7">
        <f t="shared" si="883"/>
        <v>3128.5920000000001</v>
      </c>
      <c r="GMH54" s="7">
        <f t="shared" si="883"/>
        <v>3128.5920000000001</v>
      </c>
      <c r="GMI54" s="7">
        <f t="shared" si="883"/>
        <v>3128.5920000000001</v>
      </c>
      <c r="GMJ54" s="7">
        <f t="shared" si="883"/>
        <v>3128.5920000000001</v>
      </c>
      <c r="GMK54" s="7">
        <f t="shared" si="883"/>
        <v>3128.5920000000001</v>
      </c>
      <c r="GML54" s="7">
        <f t="shared" si="883"/>
        <v>3128.5920000000001</v>
      </c>
      <c r="GMM54" s="7">
        <f t="shared" si="883"/>
        <v>3128.5920000000001</v>
      </c>
      <c r="GMN54" s="7">
        <f t="shared" si="883"/>
        <v>3128.5920000000001</v>
      </c>
      <c r="GMO54" s="7">
        <f t="shared" si="883"/>
        <v>3128.5920000000001</v>
      </c>
      <c r="GMP54" s="7">
        <f t="shared" si="883"/>
        <v>3128.5920000000001</v>
      </c>
      <c r="GMQ54" s="7">
        <f t="shared" si="883"/>
        <v>3128.5920000000001</v>
      </c>
      <c r="GMR54" s="7">
        <f t="shared" si="883"/>
        <v>3128.5920000000001</v>
      </c>
      <c r="GMS54" s="7">
        <f t="shared" si="883"/>
        <v>3128.5920000000001</v>
      </c>
      <c r="GMT54" s="7">
        <f t="shared" si="883"/>
        <v>3128.5920000000001</v>
      </c>
      <c r="GMU54" s="7">
        <f t="shared" si="883"/>
        <v>3128.5920000000001</v>
      </c>
      <c r="GMV54" s="7">
        <f t="shared" si="883"/>
        <v>3128.5920000000001</v>
      </c>
      <c r="GMW54" s="7">
        <f t="shared" si="883"/>
        <v>3128.5920000000001</v>
      </c>
      <c r="GMX54" s="7">
        <f t="shared" si="883"/>
        <v>3128.5920000000001</v>
      </c>
      <c r="GMY54" s="7">
        <f t="shared" si="883"/>
        <v>3128.5920000000001</v>
      </c>
      <c r="GMZ54" s="7">
        <f t="shared" si="883"/>
        <v>3128.5920000000001</v>
      </c>
      <c r="GNA54" s="7">
        <f t="shared" si="883"/>
        <v>3128.5920000000001</v>
      </c>
      <c r="GNB54" s="7">
        <f t="shared" si="883"/>
        <v>3128.5920000000001</v>
      </c>
      <c r="GNC54" s="7">
        <f t="shared" si="883"/>
        <v>3128.5920000000001</v>
      </c>
      <c r="GND54" s="7">
        <f t="shared" si="883"/>
        <v>3128.5920000000001</v>
      </c>
      <c r="GNE54" s="7">
        <f t="shared" si="883"/>
        <v>3128.5920000000001</v>
      </c>
      <c r="GNF54" s="7">
        <f t="shared" si="883"/>
        <v>3128.5920000000001</v>
      </c>
      <c r="GNG54" s="7">
        <f t="shared" si="883"/>
        <v>3128.5920000000001</v>
      </c>
      <c r="GNH54" s="7">
        <f t="shared" si="883"/>
        <v>3128.5920000000001</v>
      </c>
      <c r="GNI54" s="7">
        <f t="shared" si="883"/>
        <v>3128.5920000000001</v>
      </c>
      <c r="GNJ54" s="7">
        <f t="shared" si="883"/>
        <v>3128.5920000000001</v>
      </c>
      <c r="GNK54" s="7">
        <f t="shared" si="883"/>
        <v>3128.5920000000001</v>
      </c>
      <c r="GNL54" s="7">
        <f t="shared" si="883"/>
        <v>3128.5920000000001</v>
      </c>
      <c r="GNM54" s="7">
        <f t="shared" si="883"/>
        <v>3128.5920000000001</v>
      </c>
      <c r="GNN54" s="7">
        <f t="shared" si="883"/>
        <v>3128.5920000000001</v>
      </c>
      <c r="GNO54" s="7">
        <f t="shared" si="883"/>
        <v>3128.5920000000001</v>
      </c>
      <c r="GNP54" s="7">
        <f t="shared" si="883"/>
        <v>3128.5920000000001</v>
      </c>
      <c r="GNQ54" s="7">
        <f t="shared" si="883"/>
        <v>3128.5920000000001</v>
      </c>
      <c r="GNR54" s="7">
        <f t="shared" si="883"/>
        <v>3128.5920000000001</v>
      </c>
      <c r="GNS54" s="7">
        <f t="shared" si="883"/>
        <v>3128.5920000000001</v>
      </c>
      <c r="GNT54" s="7">
        <f t="shared" si="883"/>
        <v>3128.5920000000001</v>
      </c>
      <c r="GNU54" s="7">
        <f t="shared" si="883"/>
        <v>3128.5920000000001</v>
      </c>
      <c r="GNV54" s="7">
        <f t="shared" si="883"/>
        <v>3128.5920000000001</v>
      </c>
      <c r="GNW54" s="7">
        <f t="shared" si="883"/>
        <v>3128.5920000000001</v>
      </c>
      <c r="GNX54" s="7">
        <f t="shared" si="883"/>
        <v>3128.5920000000001</v>
      </c>
      <c r="GNY54" s="7">
        <f t="shared" si="883"/>
        <v>3128.5920000000001</v>
      </c>
      <c r="GNZ54" s="7">
        <f t="shared" si="883"/>
        <v>3128.5920000000001</v>
      </c>
      <c r="GOA54" s="7">
        <f t="shared" si="883"/>
        <v>3128.5920000000001</v>
      </c>
      <c r="GOB54" s="7">
        <f t="shared" si="883"/>
        <v>3128.5920000000001</v>
      </c>
      <c r="GOC54" s="7">
        <f t="shared" si="883"/>
        <v>3128.5920000000001</v>
      </c>
      <c r="GOD54" s="7">
        <f t="shared" si="883"/>
        <v>3128.5920000000001</v>
      </c>
      <c r="GOE54" s="7">
        <f t="shared" si="883"/>
        <v>3128.5920000000001</v>
      </c>
      <c r="GOF54" s="7">
        <f t="shared" si="883"/>
        <v>3128.5920000000001</v>
      </c>
      <c r="GOG54" s="7">
        <f t="shared" si="883"/>
        <v>3128.5920000000001</v>
      </c>
      <c r="GOH54" s="7">
        <f t="shared" ref="GOH54:GQS54" si="884">GOH49+GOG54</f>
        <v>3128.5920000000001</v>
      </c>
      <c r="GOI54" s="7">
        <f t="shared" si="884"/>
        <v>3128.5920000000001</v>
      </c>
      <c r="GOJ54" s="7">
        <f t="shared" si="884"/>
        <v>3128.5920000000001</v>
      </c>
      <c r="GOK54" s="7">
        <f t="shared" si="884"/>
        <v>3128.5920000000001</v>
      </c>
      <c r="GOL54" s="7">
        <f t="shared" si="884"/>
        <v>3128.5920000000001</v>
      </c>
      <c r="GOM54" s="7">
        <f t="shared" si="884"/>
        <v>3128.5920000000001</v>
      </c>
      <c r="GON54" s="7">
        <f t="shared" si="884"/>
        <v>3128.5920000000001</v>
      </c>
      <c r="GOO54" s="7">
        <f t="shared" si="884"/>
        <v>3128.5920000000001</v>
      </c>
      <c r="GOP54" s="7">
        <f t="shared" si="884"/>
        <v>3128.5920000000001</v>
      </c>
      <c r="GOQ54" s="7">
        <f t="shared" si="884"/>
        <v>3128.5920000000001</v>
      </c>
      <c r="GOR54" s="7">
        <f t="shared" si="884"/>
        <v>3128.5920000000001</v>
      </c>
      <c r="GOS54" s="7">
        <f t="shared" si="884"/>
        <v>3128.5920000000001</v>
      </c>
      <c r="GOT54" s="7">
        <f t="shared" si="884"/>
        <v>3128.5920000000001</v>
      </c>
      <c r="GOU54" s="7">
        <f t="shared" si="884"/>
        <v>3128.5920000000001</v>
      </c>
      <c r="GOV54" s="7">
        <f t="shared" si="884"/>
        <v>3128.5920000000001</v>
      </c>
      <c r="GOW54" s="7">
        <f t="shared" si="884"/>
        <v>3128.5920000000001</v>
      </c>
      <c r="GOX54" s="7">
        <f t="shared" si="884"/>
        <v>3128.5920000000001</v>
      </c>
      <c r="GOY54" s="7">
        <f t="shared" si="884"/>
        <v>3128.5920000000001</v>
      </c>
      <c r="GOZ54" s="7">
        <f t="shared" si="884"/>
        <v>3128.5920000000001</v>
      </c>
      <c r="GPA54" s="7">
        <f t="shared" si="884"/>
        <v>3128.5920000000001</v>
      </c>
      <c r="GPB54" s="7">
        <f t="shared" si="884"/>
        <v>3128.5920000000001</v>
      </c>
      <c r="GPC54" s="7">
        <f t="shared" si="884"/>
        <v>3128.5920000000001</v>
      </c>
      <c r="GPD54" s="7">
        <f t="shared" si="884"/>
        <v>3128.5920000000001</v>
      </c>
      <c r="GPE54" s="7">
        <f t="shared" si="884"/>
        <v>3128.5920000000001</v>
      </c>
      <c r="GPF54" s="7">
        <f t="shared" si="884"/>
        <v>3128.5920000000001</v>
      </c>
      <c r="GPG54" s="7">
        <f t="shared" si="884"/>
        <v>3128.5920000000001</v>
      </c>
      <c r="GPH54" s="7">
        <f t="shared" si="884"/>
        <v>3128.5920000000001</v>
      </c>
      <c r="GPI54" s="7">
        <f t="shared" si="884"/>
        <v>3128.5920000000001</v>
      </c>
      <c r="GPJ54" s="7">
        <f t="shared" si="884"/>
        <v>3128.5920000000001</v>
      </c>
      <c r="GPK54" s="7">
        <f t="shared" si="884"/>
        <v>3128.5920000000001</v>
      </c>
      <c r="GPL54" s="7">
        <f t="shared" si="884"/>
        <v>3128.5920000000001</v>
      </c>
      <c r="GPM54" s="7">
        <f t="shared" si="884"/>
        <v>3128.5920000000001</v>
      </c>
      <c r="GPN54" s="7">
        <f t="shared" si="884"/>
        <v>3128.5920000000001</v>
      </c>
      <c r="GPO54" s="7">
        <f t="shared" si="884"/>
        <v>3128.5920000000001</v>
      </c>
      <c r="GPP54" s="7">
        <f t="shared" si="884"/>
        <v>3128.5920000000001</v>
      </c>
      <c r="GPQ54" s="7">
        <f t="shared" si="884"/>
        <v>3128.5920000000001</v>
      </c>
      <c r="GPR54" s="7">
        <f t="shared" si="884"/>
        <v>3128.5920000000001</v>
      </c>
      <c r="GPS54" s="7">
        <f t="shared" si="884"/>
        <v>3128.5920000000001</v>
      </c>
      <c r="GPT54" s="7">
        <f t="shared" si="884"/>
        <v>3128.5920000000001</v>
      </c>
      <c r="GPU54" s="7">
        <f t="shared" si="884"/>
        <v>3128.5920000000001</v>
      </c>
      <c r="GPV54" s="7">
        <f t="shared" si="884"/>
        <v>3128.5920000000001</v>
      </c>
      <c r="GPW54" s="7">
        <f t="shared" si="884"/>
        <v>3128.5920000000001</v>
      </c>
      <c r="GPX54" s="7">
        <f t="shared" si="884"/>
        <v>3128.5920000000001</v>
      </c>
      <c r="GPY54" s="7">
        <f t="shared" si="884"/>
        <v>3128.5920000000001</v>
      </c>
      <c r="GPZ54" s="7">
        <f t="shared" si="884"/>
        <v>3128.5920000000001</v>
      </c>
      <c r="GQA54" s="7">
        <f t="shared" si="884"/>
        <v>3128.5920000000001</v>
      </c>
      <c r="GQB54" s="7">
        <f t="shared" si="884"/>
        <v>3128.5920000000001</v>
      </c>
      <c r="GQC54" s="7">
        <f t="shared" si="884"/>
        <v>3128.5920000000001</v>
      </c>
      <c r="GQD54" s="7">
        <f t="shared" si="884"/>
        <v>3128.5920000000001</v>
      </c>
      <c r="GQE54" s="7">
        <f t="shared" si="884"/>
        <v>3128.5920000000001</v>
      </c>
      <c r="GQF54" s="7">
        <f t="shared" si="884"/>
        <v>3128.5920000000001</v>
      </c>
      <c r="GQG54" s="7">
        <f t="shared" si="884"/>
        <v>3128.5920000000001</v>
      </c>
      <c r="GQH54" s="7">
        <f t="shared" si="884"/>
        <v>3128.5920000000001</v>
      </c>
      <c r="GQI54" s="7">
        <f t="shared" si="884"/>
        <v>3128.5920000000001</v>
      </c>
      <c r="GQJ54" s="7">
        <f t="shared" si="884"/>
        <v>3128.5920000000001</v>
      </c>
      <c r="GQK54" s="7">
        <f t="shared" si="884"/>
        <v>3128.5920000000001</v>
      </c>
      <c r="GQL54" s="7">
        <f t="shared" si="884"/>
        <v>3128.5920000000001</v>
      </c>
      <c r="GQM54" s="7">
        <f t="shared" si="884"/>
        <v>3128.5920000000001</v>
      </c>
      <c r="GQN54" s="7">
        <f t="shared" si="884"/>
        <v>3128.5920000000001</v>
      </c>
      <c r="GQO54" s="7">
        <f t="shared" si="884"/>
        <v>3128.5920000000001</v>
      </c>
      <c r="GQP54" s="7">
        <f t="shared" si="884"/>
        <v>3128.5920000000001</v>
      </c>
      <c r="GQQ54" s="7">
        <f t="shared" si="884"/>
        <v>3128.5920000000001</v>
      </c>
      <c r="GQR54" s="7">
        <f t="shared" si="884"/>
        <v>3128.5920000000001</v>
      </c>
      <c r="GQS54" s="7">
        <f t="shared" si="884"/>
        <v>3128.5920000000001</v>
      </c>
      <c r="GQT54" s="7">
        <f t="shared" ref="GQT54:GTE54" si="885">GQT49+GQS54</f>
        <v>3128.5920000000001</v>
      </c>
      <c r="GQU54" s="7">
        <f t="shared" si="885"/>
        <v>3128.5920000000001</v>
      </c>
      <c r="GQV54" s="7">
        <f t="shared" si="885"/>
        <v>3128.5920000000001</v>
      </c>
      <c r="GQW54" s="7">
        <f t="shared" si="885"/>
        <v>3128.5920000000001</v>
      </c>
      <c r="GQX54" s="7">
        <f t="shared" si="885"/>
        <v>3128.5920000000001</v>
      </c>
      <c r="GQY54" s="7">
        <f t="shared" si="885"/>
        <v>3128.5920000000001</v>
      </c>
      <c r="GQZ54" s="7">
        <f t="shared" si="885"/>
        <v>3128.5920000000001</v>
      </c>
      <c r="GRA54" s="7">
        <f t="shared" si="885"/>
        <v>3128.5920000000001</v>
      </c>
      <c r="GRB54" s="7">
        <f t="shared" si="885"/>
        <v>3128.5920000000001</v>
      </c>
      <c r="GRC54" s="7">
        <f t="shared" si="885"/>
        <v>3128.5920000000001</v>
      </c>
      <c r="GRD54" s="7">
        <f t="shared" si="885"/>
        <v>3128.5920000000001</v>
      </c>
      <c r="GRE54" s="7">
        <f t="shared" si="885"/>
        <v>3128.5920000000001</v>
      </c>
      <c r="GRF54" s="7">
        <f t="shared" si="885"/>
        <v>3128.5920000000001</v>
      </c>
      <c r="GRG54" s="7">
        <f t="shared" si="885"/>
        <v>3128.5920000000001</v>
      </c>
      <c r="GRH54" s="7">
        <f t="shared" si="885"/>
        <v>3128.5920000000001</v>
      </c>
      <c r="GRI54" s="7">
        <f t="shared" si="885"/>
        <v>3128.5920000000001</v>
      </c>
      <c r="GRJ54" s="7">
        <f t="shared" si="885"/>
        <v>3128.5920000000001</v>
      </c>
      <c r="GRK54" s="7">
        <f t="shared" si="885"/>
        <v>3128.5920000000001</v>
      </c>
      <c r="GRL54" s="7">
        <f t="shared" si="885"/>
        <v>3128.5920000000001</v>
      </c>
      <c r="GRM54" s="7">
        <f t="shared" si="885"/>
        <v>3128.5920000000001</v>
      </c>
      <c r="GRN54" s="7">
        <f t="shared" si="885"/>
        <v>3128.5920000000001</v>
      </c>
      <c r="GRO54" s="7">
        <f t="shared" si="885"/>
        <v>3128.5920000000001</v>
      </c>
      <c r="GRP54" s="7">
        <f t="shared" si="885"/>
        <v>3128.5920000000001</v>
      </c>
      <c r="GRQ54" s="7">
        <f t="shared" si="885"/>
        <v>3128.5920000000001</v>
      </c>
      <c r="GRR54" s="7">
        <f t="shared" si="885"/>
        <v>3128.5920000000001</v>
      </c>
      <c r="GRS54" s="7">
        <f t="shared" si="885"/>
        <v>3128.5920000000001</v>
      </c>
      <c r="GRT54" s="7">
        <f t="shared" si="885"/>
        <v>3128.5920000000001</v>
      </c>
      <c r="GRU54" s="7">
        <f t="shared" si="885"/>
        <v>3128.5920000000001</v>
      </c>
      <c r="GRV54" s="7">
        <f t="shared" si="885"/>
        <v>3128.5920000000001</v>
      </c>
      <c r="GRW54" s="7">
        <f t="shared" si="885"/>
        <v>3128.5920000000001</v>
      </c>
      <c r="GRX54" s="7">
        <f t="shared" si="885"/>
        <v>3128.5920000000001</v>
      </c>
      <c r="GRY54" s="7">
        <f t="shared" si="885"/>
        <v>3128.5920000000001</v>
      </c>
      <c r="GRZ54" s="7">
        <f t="shared" si="885"/>
        <v>3128.5920000000001</v>
      </c>
      <c r="GSA54" s="7">
        <f t="shared" si="885"/>
        <v>3128.5920000000001</v>
      </c>
      <c r="GSB54" s="7">
        <f t="shared" si="885"/>
        <v>3128.5920000000001</v>
      </c>
      <c r="GSC54" s="7">
        <f t="shared" si="885"/>
        <v>3128.5920000000001</v>
      </c>
      <c r="GSD54" s="7">
        <f t="shared" si="885"/>
        <v>3128.5920000000001</v>
      </c>
      <c r="GSE54" s="7">
        <f t="shared" si="885"/>
        <v>3128.5920000000001</v>
      </c>
      <c r="GSF54" s="7">
        <f t="shared" si="885"/>
        <v>3128.5920000000001</v>
      </c>
      <c r="GSG54" s="7">
        <f t="shared" si="885"/>
        <v>3128.5920000000001</v>
      </c>
      <c r="GSH54" s="7">
        <f t="shared" si="885"/>
        <v>3128.5920000000001</v>
      </c>
      <c r="GSI54" s="7">
        <f t="shared" si="885"/>
        <v>3128.5920000000001</v>
      </c>
      <c r="GSJ54" s="7">
        <f t="shared" si="885"/>
        <v>3128.5920000000001</v>
      </c>
      <c r="GSK54" s="7">
        <f t="shared" si="885"/>
        <v>3128.5920000000001</v>
      </c>
      <c r="GSL54" s="7">
        <f t="shared" si="885"/>
        <v>3128.5920000000001</v>
      </c>
      <c r="GSM54" s="7">
        <f t="shared" si="885"/>
        <v>3128.5920000000001</v>
      </c>
      <c r="GSN54" s="7">
        <f t="shared" si="885"/>
        <v>3128.5920000000001</v>
      </c>
      <c r="GSO54" s="7">
        <f t="shared" si="885"/>
        <v>3128.5920000000001</v>
      </c>
      <c r="GSP54" s="7">
        <f t="shared" si="885"/>
        <v>3128.5920000000001</v>
      </c>
      <c r="GSQ54" s="7">
        <f t="shared" si="885"/>
        <v>3128.5920000000001</v>
      </c>
      <c r="GSR54" s="7">
        <f t="shared" si="885"/>
        <v>3128.5920000000001</v>
      </c>
      <c r="GSS54" s="7">
        <f t="shared" si="885"/>
        <v>3128.5920000000001</v>
      </c>
      <c r="GST54" s="7">
        <f t="shared" si="885"/>
        <v>3128.5920000000001</v>
      </c>
      <c r="GSU54" s="7">
        <f t="shared" si="885"/>
        <v>3128.5920000000001</v>
      </c>
      <c r="GSV54" s="7">
        <f t="shared" si="885"/>
        <v>3128.5920000000001</v>
      </c>
      <c r="GSW54" s="7">
        <f t="shared" si="885"/>
        <v>3128.5920000000001</v>
      </c>
      <c r="GSX54" s="7">
        <f t="shared" si="885"/>
        <v>3128.5920000000001</v>
      </c>
      <c r="GSY54" s="7">
        <f t="shared" si="885"/>
        <v>3128.5920000000001</v>
      </c>
      <c r="GSZ54" s="7">
        <f t="shared" si="885"/>
        <v>3128.5920000000001</v>
      </c>
      <c r="GTA54" s="7">
        <f t="shared" si="885"/>
        <v>3128.5920000000001</v>
      </c>
      <c r="GTB54" s="7">
        <f t="shared" si="885"/>
        <v>3128.5920000000001</v>
      </c>
      <c r="GTC54" s="7">
        <f t="shared" si="885"/>
        <v>3128.5920000000001</v>
      </c>
      <c r="GTD54" s="7">
        <f t="shared" si="885"/>
        <v>3128.5920000000001</v>
      </c>
      <c r="GTE54" s="7">
        <f t="shared" si="885"/>
        <v>3128.5920000000001</v>
      </c>
      <c r="GTF54" s="7">
        <f t="shared" ref="GTF54:GVQ54" si="886">GTF49+GTE54</f>
        <v>3128.5920000000001</v>
      </c>
      <c r="GTG54" s="7">
        <f t="shared" si="886"/>
        <v>3128.5920000000001</v>
      </c>
      <c r="GTH54" s="7">
        <f t="shared" si="886"/>
        <v>3128.5920000000001</v>
      </c>
      <c r="GTI54" s="7">
        <f t="shared" si="886"/>
        <v>3128.5920000000001</v>
      </c>
      <c r="GTJ54" s="7">
        <f t="shared" si="886"/>
        <v>3128.5920000000001</v>
      </c>
      <c r="GTK54" s="7">
        <f t="shared" si="886"/>
        <v>3128.5920000000001</v>
      </c>
      <c r="GTL54" s="7">
        <f t="shared" si="886"/>
        <v>3128.5920000000001</v>
      </c>
      <c r="GTM54" s="7">
        <f t="shared" si="886"/>
        <v>3128.5920000000001</v>
      </c>
      <c r="GTN54" s="7">
        <f t="shared" si="886"/>
        <v>3128.5920000000001</v>
      </c>
      <c r="GTO54" s="7">
        <f t="shared" si="886"/>
        <v>3128.5920000000001</v>
      </c>
      <c r="GTP54" s="7">
        <f t="shared" si="886"/>
        <v>3128.5920000000001</v>
      </c>
      <c r="GTQ54" s="7">
        <f t="shared" si="886"/>
        <v>3128.5920000000001</v>
      </c>
      <c r="GTR54" s="7">
        <f t="shared" si="886"/>
        <v>3128.5920000000001</v>
      </c>
      <c r="GTS54" s="7">
        <f t="shared" si="886"/>
        <v>3128.5920000000001</v>
      </c>
      <c r="GTT54" s="7">
        <f t="shared" si="886"/>
        <v>3128.5920000000001</v>
      </c>
      <c r="GTU54" s="7">
        <f t="shared" si="886"/>
        <v>3128.5920000000001</v>
      </c>
      <c r="GTV54" s="7">
        <f t="shared" si="886"/>
        <v>3128.5920000000001</v>
      </c>
      <c r="GTW54" s="7">
        <f t="shared" si="886"/>
        <v>3128.5920000000001</v>
      </c>
      <c r="GTX54" s="7">
        <f t="shared" si="886"/>
        <v>3128.5920000000001</v>
      </c>
      <c r="GTY54" s="7">
        <f t="shared" si="886"/>
        <v>3128.5920000000001</v>
      </c>
      <c r="GTZ54" s="7">
        <f t="shared" si="886"/>
        <v>3128.5920000000001</v>
      </c>
      <c r="GUA54" s="7">
        <f t="shared" si="886"/>
        <v>3128.5920000000001</v>
      </c>
      <c r="GUB54" s="7">
        <f t="shared" si="886"/>
        <v>3128.5920000000001</v>
      </c>
      <c r="GUC54" s="7">
        <f t="shared" si="886"/>
        <v>3128.5920000000001</v>
      </c>
      <c r="GUD54" s="7">
        <f t="shared" si="886"/>
        <v>3128.5920000000001</v>
      </c>
      <c r="GUE54" s="7">
        <f t="shared" si="886"/>
        <v>3128.5920000000001</v>
      </c>
      <c r="GUF54" s="7">
        <f t="shared" si="886"/>
        <v>3128.5920000000001</v>
      </c>
      <c r="GUG54" s="7">
        <f t="shared" si="886"/>
        <v>3128.5920000000001</v>
      </c>
      <c r="GUH54" s="7">
        <f t="shared" si="886"/>
        <v>3128.5920000000001</v>
      </c>
      <c r="GUI54" s="7">
        <f t="shared" si="886"/>
        <v>3128.5920000000001</v>
      </c>
      <c r="GUJ54" s="7">
        <f t="shared" si="886"/>
        <v>3128.5920000000001</v>
      </c>
      <c r="GUK54" s="7">
        <f t="shared" si="886"/>
        <v>3128.5920000000001</v>
      </c>
      <c r="GUL54" s="7">
        <f t="shared" si="886"/>
        <v>3128.5920000000001</v>
      </c>
      <c r="GUM54" s="7">
        <f t="shared" si="886"/>
        <v>3128.5920000000001</v>
      </c>
      <c r="GUN54" s="7">
        <f t="shared" si="886"/>
        <v>3128.5920000000001</v>
      </c>
      <c r="GUO54" s="7">
        <f t="shared" si="886"/>
        <v>3128.5920000000001</v>
      </c>
      <c r="GUP54" s="7">
        <f t="shared" si="886"/>
        <v>3128.5920000000001</v>
      </c>
      <c r="GUQ54" s="7">
        <f t="shared" si="886"/>
        <v>3128.5920000000001</v>
      </c>
      <c r="GUR54" s="7">
        <f t="shared" si="886"/>
        <v>3128.5920000000001</v>
      </c>
      <c r="GUS54" s="7">
        <f t="shared" si="886"/>
        <v>3128.5920000000001</v>
      </c>
      <c r="GUT54" s="7">
        <f t="shared" si="886"/>
        <v>3128.5920000000001</v>
      </c>
      <c r="GUU54" s="7">
        <f t="shared" si="886"/>
        <v>3128.5920000000001</v>
      </c>
      <c r="GUV54" s="7">
        <f t="shared" si="886"/>
        <v>3128.5920000000001</v>
      </c>
      <c r="GUW54" s="7">
        <f t="shared" si="886"/>
        <v>3128.5920000000001</v>
      </c>
      <c r="GUX54" s="7">
        <f t="shared" si="886"/>
        <v>3128.5920000000001</v>
      </c>
      <c r="GUY54" s="7">
        <f t="shared" si="886"/>
        <v>3128.5920000000001</v>
      </c>
      <c r="GUZ54" s="7">
        <f t="shared" si="886"/>
        <v>3128.5920000000001</v>
      </c>
      <c r="GVA54" s="7">
        <f t="shared" si="886"/>
        <v>3128.5920000000001</v>
      </c>
      <c r="GVB54" s="7">
        <f t="shared" si="886"/>
        <v>3128.5920000000001</v>
      </c>
      <c r="GVC54" s="7">
        <f t="shared" si="886"/>
        <v>3128.5920000000001</v>
      </c>
      <c r="GVD54" s="7">
        <f t="shared" si="886"/>
        <v>3128.5920000000001</v>
      </c>
      <c r="GVE54" s="7">
        <f t="shared" si="886"/>
        <v>3128.5920000000001</v>
      </c>
      <c r="GVF54" s="7">
        <f t="shared" si="886"/>
        <v>3128.5920000000001</v>
      </c>
      <c r="GVG54" s="7">
        <f t="shared" si="886"/>
        <v>3128.5920000000001</v>
      </c>
      <c r="GVH54" s="7">
        <f t="shared" si="886"/>
        <v>3128.5920000000001</v>
      </c>
      <c r="GVI54" s="7">
        <f t="shared" si="886"/>
        <v>3128.5920000000001</v>
      </c>
      <c r="GVJ54" s="7">
        <f t="shared" si="886"/>
        <v>3128.5920000000001</v>
      </c>
      <c r="GVK54" s="7">
        <f t="shared" si="886"/>
        <v>3128.5920000000001</v>
      </c>
      <c r="GVL54" s="7">
        <f t="shared" si="886"/>
        <v>3128.5920000000001</v>
      </c>
      <c r="GVM54" s="7">
        <f t="shared" si="886"/>
        <v>3128.5920000000001</v>
      </c>
      <c r="GVN54" s="7">
        <f t="shared" si="886"/>
        <v>3128.5920000000001</v>
      </c>
      <c r="GVO54" s="7">
        <f t="shared" si="886"/>
        <v>3128.5920000000001</v>
      </c>
      <c r="GVP54" s="7">
        <f t="shared" si="886"/>
        <v>3128.5920000000001</v>
      </c>
      <c r="GVQ54" s="7">
        <f t="shared" si="886"/>
        <v>3128.5920000000001</v>
      </c>
      <c r="GVR54" s="7">
        <f t="shared" ref="GVR54:GYC54" si="887">GVR49+GVQ54</f>
        <v>3128.5920000000001</v>
      </c>
      <c r="GVS54" s="7">
        <f t="shared" si="887"/>
        <v>3128.5920000000001</v>
      </c>
      <c r="GVT54" s="7">
        <f t="shared" si="887"/>
        <v>3128.5920000000001</v>
      </c>
      <c r="GVU54" s="7">
        <f t="shared" si="887"/>
        <v>3128.5920000000001</v>
      </c>
      <c r="GVV54" s="7">
        <f t="shared" si="887"/>
        <v>3128.5920000000001</v>
      </c>
      <c r="GVW54" s="7">
        <f t="shared" si="887"/>
        <v>3128.5920000000001</v>
      </c>
      <c r="GVX54" s="7">
        <f t="shared" si="887"/>
        <v>3128.5920000000001</v>
      </c>
      <c r="GVY54" s="7">
        <f t="shared" si="887"/>
        <v>3128.5920000000001</v>
      </c>
      <c r="GVZ54" s="7">
        <f t="shared" si="887"/>
        <v>3128.5920000000001</v>
      </c>
      <c r="GWA54" s="7">
        <f t="shared" si="887"/>
        <v>3128.5920000000001</v>
      </c>
      <c r="GWB54" s="7">
        <f t="shared" si="887"/>
        <v>3128.5920000000001</v>
      </c>
      <c r="GWC54" s="7">
        <f t="shared" si="887"/>
        <v>3128.5920000000001</v>
      </c>
      <c r="GWD54" s="7">
        <f t="shared" si="887"/>
        <v>3128.5920000000001</v>
      </c>
      <c r="GWE54" s="7">
        <f t="shared" si="887"/>
        <v>3128.5920000000001</v>
      </c>
      <c r="GWF54" s="7">
        <f t="shared" si="887"/>
        <v>3128.5920000000001</v>
      </c>
      <c r="GWG54" s="7">
        <f t="shared" si="887"/>
        <v>3128.5920000000001</v>
      </c>
      <c r="GWH54" s="7">
        <f t="shared" si="887"/>
        <v>3128.5920000000001</v>
      </c>
      <c r="GWI54" s="7">
        <f t="shared" si="887"/>
        <v>3128.5920000000001</v>
      </c>
      <c r="GWJ54" s="7">
        <f t="shared" si="887"/>
        <v>3128.5920000000001</v>
      </c>
      <c r="GWK54" s="7">
        <f t="shared" si="887"/>
        <v>3128.5920000000001</v>
      </c>
      <c r="GWL54" s="7">
        <f t="shared" si="887"/>
        <v>3128.5920000000001</v>
      </c>
      <c r="GWM54" s="7">
        <f t="shared" si="887"/>
        <v>3128.5920000000001</v>
      </c>
      <c r="GWN54" s="7">
        <f t="shared" si="887"/>
        <v>3128.5920000000001</v>
      </c>
      <c r="GWO54" s="7">
        <f t="shared" si="887"/>
        <v>3128.5920000000001</v>
      </c>
      <c r="GWP54" s="7">
        <f t="shared" si="887"/>
        <v>3128.5920000000001</v>
      </c>
      <c r="GWQ54" s="7">
        <f t="shared" si="887"/>
        <v>3128.5920000000001</v>
      </c>
      <c r="GWR54" s="7">
        <f t="shared" si="887"/>
        <v>3128.5920000000001</v>
      </c>
      <c r="GWS54" s="7">
        <f t="shared" si="887"/>
        <v>3128.5920000000001</v>
      </c>
      <c r="GWT54" s="7">
        <f t="shared" si="887"/>
        <v>3128.5920000000001</v>
      </c>
      <c r="GWU54" s="7">
        <f t="shared" si="887"/>
        <v>3128.5920000000001</v>
      </c>
      <c r="GWV54" s="7">
        <f t="shared" si="887"/>
        <v>3128.5920000000001</v>
      </c>
      <c r="GWW54" s="7">
        <f t="shared" si="887"/>
        <v>3128.5920000000001</v>
      </c>
      <c r="GWX54" s="7">
        <f t="shared" si="887"/>
        <v>3128.5920000000001</v>
      </c>
      <c r="GWY54" s="7">
        <f t="shared" si="887"/>
        <v>3128.5920000000001</v>
      </c>
      <c r="GWZ54" s="7">
        <f t="shared" si="887"/>
        <v>3128.5920000000001</v>
      </c>
      <c r="GXA54" s="7">
        <f t="shared" si="887"/>
        <v>3128.5920000000001</v>
      </c>
      <c r="GXB54" s="7">
        <f t="shared" si="887"/>
        <v>3128.5920000000001</v>
      </c>
      <c r="GXC54" s="7">
        <f t="shared" si="887"/>
        <v>3128.5920000000001</v>
      </c>
      <c r="GXD54" s="7">
        <f t="shared" si="887"/>
        <v>3128.5920000000001</v>
      </c>
      <c r="GXE54" s="7">
        <f t="shared" si="887"/>
        <v>3128.5920000000001</v>
      </c>
      <c r="GXF54" s="7">
        <f t="shared" si="887"/>
        <v>3128.5920000000001</v>
      </c>
      <c r="GXG54" s="7">
        <f t="shared" si="887"/>
        <v>3128.5920000000001</v>
      </c>
      <c r="GXH54" s="7">
        <f t="shared" si="887"/>
        <v>3128.5920000000001</v>
      </c>
      <c r="GXI54" s="7">
        <f t="shared" si="887"/>
        <v>3128.5920000000001</v>
      </c>
      <c r="GXJ54" s="7">
        <f t="shared" si="887"/>
        <v>3128.5920000000001</v>
      </c>
      <c r="GXK54" s="7">
        <f t="shared" si="887"/>
        <v>3128.5920000000001</v>
      </c>
      <c r="GXL54" s="7">
        <f t="shared" si="887"/>
        <v>3128.5920000000001</v>
      </c>
      <c r="GXM54" s="7">
        <f t="shared" si="887"/>
        <v>3128.5920000000001</v>
      </c>
      <c r="GXN54" s="7">
        <f t="shared" si="887"/>
        <v>3128.5920000000001</v>
      </c>
      <c r="GXO54" s="7">
        <f t="shared" si="887"/>
        <v>3128.5920000000001</v>
      </c>
      <c r="GXP54" s="7">
        <f t="shared" si="887"/>
        <v>3128.5920000000001</v>
      </c>
      <c r="GXQ54" s="7">
        <f t="shared" si="887"/>
        <v>3128.5920000000001</v>
      </c>
      <c r="GXR54" s="7">
        <f t="shared" si="887"/>
        <v>3128.5920000000001</v>
      </c>
      <c r="GXS54" s="7">
        <f t="shared" si="887"/>
        <v>3128.5920000000001</v>
      </c>
      <c r="GXT54" s="7">
        <f t="shared" si="887"/>
        <v>3128.5920000000001</v>
      </c>
      <c r="GXU54" s="7">
        <f t="shared" si="887"/>
        <v>3128.5920000000001</v>
      </c>
      <c r="GXV54" s="7">
        <f t="shared" si="887"/>
        <v>3128.5920000000001</v>
      </c>
      <c r="GXW54" s="7">
        <f t="shared" si="887"/>
        <v>3128.5920000000001</v>
      </c>
      <c r="GXX54" s="7">
        <f t="shared" si="887"/>
        <v>3128.5920000000001</v>
      </c>
      <c r="GXY54" s="7">
        <f t="shared" si="887"/>
        <v>3128.5920000000001</v>
      </c>
      <c r="GXZ54" s="7">
        <f t="shared" si="887"/>
        <v>3128.5920000000001</v>
      </c>
      <c r="GYA54" s="7">
        <f t="shared" si="887"/>
        <v>3128.5920000000001</v>
      </c>
      <c r="GYB54" s="7">
        <f t="shared" si="887"/>
        <v>3128.5920000000001</v>
      </c>
      <c r="GYC54" s="7">
        <f t="shared" si="887"/>
        <v>3128.5920000000001</v>
      </c>
      <c r="GYD54" s="7">
        <f t="shared" ref="GYD54:HAO54" si="888">GYD49+GYC54</f>
        <v>3128.5920000000001</v>
      </c>
      <c r="GYE54" s="7">
        <f t="shared" si="888"/>
        <v>3128.5920000000001</v>
      </c>
      <c r="GYF54" s="7">
        <f t="shared" si="888"/>
        <v>3128.5920000000001</v>
      </c>
      <c r="GYG54" s="7">
        <f t="shared" si="888"/>
        <v>3128.5920000000001</v>
      </c>
      <c r="GYH54" s="7">
        <f t="shared" si="888"/>
        <v>3128.5920000000001</v>
      </c>
      <c r="GYI54" s="7">
        <f t="shared" si="888"/>
        <v>3128.5920000000001</v>
      </c>
      <c r="GYJ54" s="7">
        <f t="shared" si="888"/>
        <v>3128.5920000000001</v>
      </c>
      <c r="GYK54" s="7">
        <f t="shared" si="888"/>
        <v>3128.5920000000001</v>
      </c>
      <c r="GYL54" s="7">
        <f t="shared" si="888"/>
        <v>3128.5920000000001</v>
      </c>
      <c r="GYM54" s="7">
        <f t="shared" si="888"/>
        <v>3128.5920000000001</v>
      </c>
      <c r="GYN54" s="7">
        <f t="shared" si="888"/>
        <v>3128.5920000000001</v>
      </c>
      <c r="GYO54" s="7">
        <f t="shared" si="888"/>
        <v>3128.5920000000001</v>
      </c>
      <c r="GYP54" s="7">
        <f t="shared" si="888"/>
        <v>3128.5920000000001</v>
      </c>
      <c r="GYQ54" s="7">
        <f t="shared" si="888"/>
        <v>3128.5920000000001</v>
      </c>
      <c r="GYR54" s="7">
        <f t="shared" si="888"/>
        <v>3128.5920000000001</v>
      </c>
      <c r="GYS54" s="7">
        <f t="shared" si="888"/>
        <v>3128.5920000000001</v>
      </c>
      <c r="GYT54" s="7">
        <f t="shared" si="888"/>
        <v>3128.5920000000001</v>
      </c>
      <c r="GYU54" s="7">
        <f t="shared" si="888"/>
        <v>3128.5920000000001</v>
      </c>
      <c r="GYV54" s="7">
        <f t="shared" si="888"/>
        <v>3128.5920000000001</v>
      </c>
      <c r="GYW54" s="7">
        <f t="shared" si="888"/>
        <v>3128.5920000000001</v>
      </c>
      <c r="GYX54" s="7">
        <f t="shared" si="888"/>
        <v>3128.5920000000001</v>
      </c>
      <c r="GYY54" s="7">
        <f t="shared" si="888"/>
        <v>3128.5920000000001</v>
      </c>
      <c r="GYZ54" s="7">
        <f t="shared" si="888"/>
        <v>3128.5920000000001</v>
      </c>
      <c r="GZA54" s="7">
        <f t="shared" si="888"/>
        <v>3128.5920000000001</v>
      </c>
      <c r="GZB54" s="7">
        <f t="shared" si="888"/>
        <v>3128.5920000000001</v>
      </c>
      <c r="GZC54" s="7">
        <f t="shared" si="888"/>
        <v>3128.5920000000001</v>
      </c>
      <c r="GZD54" s="7">
        <f t="shared" si="888"/>
        <v>3128.5920000000001</v>
      </c>
      <c r="GZE54" s="7">
        <f t="shared" si="888"/>
        <v>3128.5920000000001</v>
      </c>
      <c r="GZF54" s="7">
        <f t="shared" si="888"/>
        <v>3128.5920000000001</v>
      </c>
      <c r="GZG54" s="7">
        <f t="shared" si="888"/>
        <v>3128.5920000000001</v>
      </c>
      <c r="GZH54" s="7">
        <f t="shared" si="888"/>
        <v>3128.5920000000001</v>
      </c>
      <c r="GZI54" s="7">
        <f t="shared" si="888"/>
        <v>3128.5920000000001</v>
      </c>
      <c r="GZJ54" s="7">
        <f t="shared" si="888"/>
        <v>3128.5920000000001</v>
      </c>
      <c r="GZK54" s="7">
        <f t="shared" si="888"/>
        <v>3128.5920000000001</v>
      </c>
      <c r="GZL54" s="7">
        <f t="shared" si="888"/>
        <v>3128.5920000000001</v>
      </c>
      <c r="GZM54" s="7">
        <f t="shared" si="888"/>
        <v>3128.5920000000001</v>
      </c>
      <c r="GZN54" s="7">
        <f t="shared" si="888"/>
        <v>3128.5920000000001</v>
      </c>
      <c r="GZO54" s="7">
        <f t="shared" si="888"/>
        <v>3128.5920000000001</v>
      </c>
      <c r="GZP54" s="7">
        <f t="shared" si="888"/>
        <v>3128.5920000000001</v>
      </c>
      <c r="GZQ54" s="7">
        <f t="shared" si="888"/>
        <v>3128.5920000000001</v>
      </c>
      <c r="GZR54" s="7">
        <f t="shared" si="888"/>
        <v>3128.5920000000001</v>
      </c>
      <c r="GZS54" s="7">
        <f t="shared" si="888"/>
        <v>3128.5920000000001</v>
      </c>
      <c r="GZT54" s="7">
        <f t="shared" si="888"/>
        <v>3128.5920000000001</v>
      </c>
      <c r="GZU54" s="7">
        <f t="shared" si="888"/>
        <v>3128.5920000000001</v>
      </c>
      <c r="GZV54" s="7">
        <f t="shared" si="888"/>
        <v>3128.5920000000001</v>
      </c>
      <c r="GZW54" s="7">
        <f t="shared" si="888"/>
        <v>3128.5920000000001</v>
      </c>
      <c r="GZX54" s="7">
        <f t="shared" si="888"/>
        <v>3128.5920000000001</v>
      </c>
      <c r="GZY54" s="7">
        <f t="shared" si="888"/>
        <v>3128.5920000000001</v>
      </c>
      <c r="GZZ54" s="7">
        <f t="shared" si="888"/>
        <v>3128.5920000000001</v>
      </c>
      <c r="HAA54" s="7">
        <f t="shared" si="888"/>
        <v>3128.5920000000001</v>
      </c>
      <c r="HAB54" s="7">
        <f t="shared" si="888"/>
        <v>3128.5920000000001</v>
      </c>
      <c r="HAC54" s="7">
        <f t="shared" si="888"/>
        <v>3128.5920000000001</v>
      </c>
      <c r="HAD54" s="7">
        <f t="shared" si="888"/>
        <v>3128.5920000000001</v>
      </c>
      <c r="HAE54" s="7">
        <f t="shared" si="888"/>
        <v>3128.5920000000001</v>
      </c>
      <c r="HAF54" s="7">
        <f t="shared" si="888"/>
        <v>3128.5920000000001</v>
      </c>
      <c r="HAG54" s="7">
        <f t="shared" si="888"/>
        <v>3128.5920000000001</v>
      </c>
      <c r="HAH54" s="7">
        <f t="shared" si="888"/>
        <v>3128.5920000000001</v>
      </c>
      <c r="HAI54" s="7">
        <f t="shared" si="888"/>
        <v>3128.5920000000001</v>
      </c>
      <c r="HAJ54" s="7">
        <f t="shared" si="888"/>
        <v>3128.5920000000001</v>
      </c>
      <c r="HAK54" s="7">
        <f t="shared" si="888"/>
        <v>3128.5920000000001</v>
      </c>
      <c r="HAL54" s="7">
        <f t="shared" si="888"/>
        <v>3128.5920000000001</v>
      </c>
      <c r="HAM54" s="7">
        <f t="shared" si="888"/>
        <v>3128.5920000000001</v>
      </c>
      <c r="HAN54" s="7">
        <f t="shared" si="888"/>
        <v>3128.5920000000001</v>
      </c>
      <c r="HAO54" s="7">
        <f t="shared" si="888"/>
        <v>3128.5920000000001</v>
      </c>
      <c r="HAP54" s="7">
        <f t="shared" ref="HAP54:HDA54" si="889">HAP49+HAO54</f>
        <v>3128.5920000000001</v>
      </c>
      <c r="HAQ54" s="7">
        <f t="shared" si="889"/>
        <v>3128.5920000000001</v>
      </c>
      <c r="HAR54" s="7">
        <f t="shared" si="889"/>
        <v>3128.5920000000001</v>
      </c>
      <c r="HAS54" s="7">
        <f t="shared" si="889"/>
        <v>3128.5920000000001</v>
      </c>
      <c r="HAT54" s="7">
        <f t="shared" si="889"/>
        <v>3128.5920000000001</v>
      </c>
      <c r="HAU54" s="7">
        <f t="shared" si="889"/>
        <v>3128.5920000000001</v>
      </c>
      <c r="HAV54" s="7">
        <f t="shared" si="889"/>
        <v>3128.5920000000001</v>
      </c>
      <c r="HAW54" s="7">
        <f t="shared" si="889"/>
        <v>3128.5920000000001</v>
      </c>
      <c r="HAX54" s="7">
        <f t="shared" si="889"/>
        <v>3128.5920000000001</v>
      </c>
      <c r="HAY54" s="7">
        <f t="shared" si="889"/>
        <v>3128.5920000000001</v>
      </c>
      <c r="HAZ54" s="7">
        <f t="shared" si="889"/>
        <v>3128.5920000000001</v>
      </c>
      <c r="HBA54" s="7">
        <f t="shared" si="889"/>
        <v>3128.5920000000001</v>
      </c>
      <c r="HBB54" s="7">
        <f t="shared" si="889"/>
        <v>3128.5920000000001</v>
      </c>
      <c r="HBC54" s="7">
        <f t="shared" si="889"/>
        <v>3128.5920000000001</v>
      </c>
      <c r="HBD54" s="7">
        <f t="shared" si="889"/>
        <v>3128.5920000000001</v>
      </c>
      <c r="HBE54" s="7">
        <f t="shared" si="889"/>
        <v>3128.5920000000001</v>
      </c>
      <c r="HBF54" s="7">
        <f t="shared" si="889"/>
        <v>3128.5920000000001</v>
      </c>
      <c r="HBG54" s="7">
        <f t="shared" si="889"/>
        <v>3128.5920000000001</v>
      </c>
      <c r="HBH54" s="7">
        <f t="shared" si="889"/>
        <v>3128.5920000000001</v>
      </c>
      <c r="HBI54" s="7">
        <f t="shared" si="889"/>
        <v>3128.5920000000001</v>
      </c>
      <c r="HBJ54" s="7">
        <f t="shared" si="889"/>
        <v>3128.5920000000001</v>
      </c>
      <c r="HBK54" s="7">
        <f t="shared" si="889"/>
        <v>3128.5920000000001</v>
      </c>
      <c r="HBL54" s="7">
        <f t="shared" si="889"/>
        <v>3128.5920000000001</v>
      </c>
      <c r="HBM54" s="7">
        <f t="shared" si="889"/>
        <v>3128.5920000000001</v>
      </c>
      <c r="HBN54" s="7">
        <f t="shared" si="889"/>
        <v>3128.5920000000001</v>
      </c>
      <c r="HBO54" s="7">
        <f t="shared" si="889"/>
        <v>3128.5920000000001</v>
      </c>
      <c r="HBP54" s="7">
        <f t="shared" si="889"/>
        <v>3128.5920000000001</v>
      </c>
      <c r="HBQ54" s="7">
        <f t="shared" si="889"/>
        <v>3128.5920000000001</v>
      </c>
      <c r="HBR54" s="7">
        <f t="shared" si="889"/>
        <v>3128.5920000000001</v>
      </c>
      <c r="HBS54" s="7">
        <f t="shared" si="889"/>
        <v>3128.5920000000001</v>
      </c>
      <c r="HBT54" s="7">
        <f t="shared" si="889"/>
        <v>3128.5920000000001</v>
      </c>
      <c r="HBU54" s="7">
        <f t="shared" si="889"/>
        <v>3128.5920000000001</v>
      </c>
      <c r="HBV54" s="7">
        <f t="shared" si="889"/>
        <v>3128.5920000000001</v>
      </c>
      <c r="HBW54" s="7">
        <f t="shared" si="889"/>
        <v>3128.5920000000001</v>
      </c>
      <c r="HBX54" s="7">
        <f t="shared" si="889"/>
        <v>3128.5920000000001</v>
      </c>
      <c r="HBY54" s="7">
        <f t="shared" si="889"/>
        <v>3128.5920000000001</v>
      </c>
      <c r="HBZ54" s="7">
        <f t="shared" si="889"/>
        <v>3128.5920000000001</v>
      </c>
      <c r="HCA54" s="7">
        <f t="shared" si="889"/>
        <v>3128.5920000000001</v>
      </c>
      <c r="HCB54" s="7">
        <f t="shared" si="889"/>
        <v>3128.5920000000001</v>
      </c>
      <c r="HCC54" s="7">
        <f t="shared" si="889"/>
        <v>3128.5920000000001</v>
      </c>
      <c r="HCD54" s="7">
        <f t="shared" si="889"/>
        <v>3128.5920000000001</v>
      </c>
      <c r="HCE54" s="7">
        <f t="shared" si="889"/>
        <v>3128.5920000000001</v>
      </c>
      <c r="HCF54" s="7">
        <f t="shared" si="889"/>
        <v>3128.5920000000001</v>
      </c>
      <c r="HCG54" s="7">
        <f t="shared" si="889"/>
        <v>3128.5920000000001</v>
      </c>
      <c r="HCH54" s="7">
        <f t="shared" si="889"/>
        <v>3128.5920000000001</v>
      </c>
      <c r="HCI54" s="7">
        <f t="shared" si="889"/>
        <v>3128.5920000000001</v>
      </c>
      <c r="HCJ54" s="7">
        <f t="shared" si="889"/>
        <v>3128.5920000000001</v>
      </c>
      <c r="HCK54" s="7">
        <f t="shared" si="889"/>
        <v>3128.5920000000001</v>
      </c>
      <c r="HCL54" s="7">
        <f t="shared" si="889"/>
        <v>3128.5920000000001</v>
      </c>
      <c r="HCM54" s="7">
        <f t="shared" si="889"/>
        <v>3128.5920000000001</v>
      </c>
      <c r="HCN54" s="7">
        <f t="shared" si="889"/>
        <v>3128.5920000000001</v>
      </c>
      <c r="HCO54" s="7">
        <f t="shared" si="889"/>
        <v>3128.5920000000001</v>
      </c>
      <c r="HCP54" s="7">
        <f t="shared" si="889"/>
        <v>3128.5920000000001</v>
      </c>
      <c r="HCQ54" s="7">
        <f t="shared" si="889"/>
        <v>3128.5920000000001</v>
      </c>
      <c r="HCR54" s="7">
        <f t="shared" si="889"/>
        <v>3128.5920000000001</v>
      </c>
      <c r="HCS54" s="7">
        <f t="shared" si="889"/>
        <v>3128.5920000000001</v>
      </c>
      <c r="HCT54" s="7">
        <f t="shared" si="889"/>
        <v>3128.5920000000001</v>
      </c>
      <c r="HCU54" s="7">
        <f t="shared" si="889"/>
        <v>3128.5920000000001</v>
      </c>
      <c r="HCV54" s="7">
        <f t="shared" si="889"/>
        <v>3128.5920000000001</v>
      </c>
      <c r="HCW54" s="7">
        <f t="shared" si="889"/>
        <v>3128.5920000000001</v>
      </c>
      <c r="HCX54" s="7">
        <f t="shared" si="889"/>
        <v>3128.5920000000001</v>
      </c>
      <c r="HCY54" s="7">
        <f t="shared" si="889"/>
        <v>3128.5920000000001</v>
      </c>
      <c r="HCZ54" s="7">
        <f t="shared" si="889"/>
        <v>3128.5920000000001</v>
      </c>
      <c r="HDA54" s="7">
        <f t="shared" si="889"/>
        <v>3128.5920000000001</v>
      </c>
      <c r="HDB54" s="7">
        <f t="shared" ref="HDB54:HFM54" si="890">HDB49+HDA54</f>
        <v>3128.5920000000001</v>
      </c>
      <c r="HDC54" s="7">
        <f t="shared" si="890"/>
        <v>3128.5920000000001</v>
      </c>
      <c r="HDD54" s="7">
        <f t="shared" si="890"/>
        <v>3128.5920000000001</v>
      </c>
      <c r="HDE54" s="7">
        <f t="shared" si="890"/>
        <v>3128.5920000000001</v>
      </c>
      <c r="HDF54" s="7">
        <f t="shared" si="890"/>
        <v>3128.5920000000001</v>
      </c>
      <c r="HDG54" s="7">
        <f t="shared" si="890"/>
        <v>3128.5920000000001</v>
      </c>
      <c r="HDH54" s="7">
        <f t="shared" si="890"/>
        <v>3128.5920000000001</v>
      </c>
      <c r="HDI54" s="7">
        <f t="shared" si="890"/>
        <v>3128.5920000000001</v>
      </c>
      <c r="HDJ54" s="7">
        <f t="shared" si="890"/>
        <v>3128.5920000000001</v>
      </c>
      <c r="HDK54" s="7">
        <f t="shared" si="890"/>
        <v>3128.5920000000001</v>
      </c>
      <c r="HDL54" s="7">
        <f t="shared" si="890"/>
        <v>3128.5920000000001</v>
      </c>
      <c r="HDM54" s="7">
        <f t="shared" si="890"/>
        <v>3128.5920000000001</v>
      </c>
      <c r="HDN54" s="7">
        <f t="shared" si="890"/>
        <v>3128.5920000000001</v>
      </c>
      <c r="HDO54" s="7">
        <f t="shared" si="890"/>
        <v>3128.5920000000001</v>
      </c>
      <c r="HDP54" s="7">
        <f t="shared" si="890"/>
        <v>3128.5920000000001</v>
      </c>
      <c r="HDQ54" s="7">
        <f t="shared" si="890"/>
        <v>3128.5920000000001</v>
      </c>
      <c r="HDR54" s="7">
        <f t="shared" si="890"/>
        <v>3128.5920000000001</v>
      </c>
      <c r="HDS54" s="7">
        <f t="shared" si="890"/>
        <v>3128.5920000000001</v>
      </c>
      <c r="HDT54" s="7">
        <f t="shared" si="890"/>
        <v>3128.5920000000001</v>
      </c>
      <c r="HDU54" s="7">
        <f t="shared" si="890"/>
        <v>3128.5920000000001</v>
      </c>
      <c r="HDV54" s="7">
        <f t="shared" si="890"/>
        <v>3128.5920000000001</v>
      </c>
      <c r="HDW54" s="7">
        <f t="shared" si="890"/>
        <v>3128.5920000000001</v>
      </c>
      <c r="HDX54" s="7">
        <f t="shared" si="890"/>
        <v>3128.5920000000001</v>
      </c>
      <c r="HDY54" s="7">
        <f t="shared" si="890"/>
        <v>3128.5920000000001</v>
      </c>
      <c r="HDZ54" s="7">
        <f t="shared" si="890"/>
        <v>3128.5920000000001</v>
      </c>
      <c r="HEA54" s="7">
        <f t="shared" si="890"/>
        <v>3128.5920000000001</v>
      </c>
      <c r="HEB54" s="7">
        <f t="shared" si="890"/>
        <v>3128.5920000000001</v>
      </c>
      <c r="HEC54" s="7">
        <f t="shared" si="890"/>
        <v>3128.5920000000001</v>
      </c>
      <c r="HED54" s="7">
        <f t="shared" si="890"/>
        <v>3128.5920000000001</v>
      </c>
      <c r="HEE54" s="7">
        <f t="shared" si="890"/>
        <v>3128.5920000000001</v>
      </c>
      <c r="HEF54" s="7">
        <f t="shared" si="890"/>
        <v>3128.5920000000001</v>
      </c>
      <c r="HEG54" s="7">
        <f t="shared" si="890"/>
        <v>3128.5920000000001</v>
      </c>
      <c r="HEH54" s="7">
        <f t="shared" si="890"/>
        <v>3128.5920000000001</v>
      </c>
      <c r="HEI54" s="7">
        <f t="shared" si="890"/>
        <v>3128.5920000000001</v>
      </c>
      <c r="HEJ54" s="7">
        <f t="shared" si="890"/>
        <v>3128.5920000000001</v>
      </c>
      <c r="HEK54" s="7">
        <f t="shared" si="890"/>
        <v>3128.5920000000001</v>
      </c>
      <c r="HEL54" s="7">
        <f t="shared" si="890"/>
        <v>3128.5920000000001</v>
      </c>
      <c r="HEM54" s="7">
        <f t="shared" si="890"/>
        <v>3128.5920000000001</v>
      </c>
      <c r="HEN54" s="7">
        <f t="shared" si="890"/>
        <v>3128.5920000000001</v>
      </c>
      <c r="HEO54" s="7">
        <f t="shared" si="890"/>
        <v>3128.5920000000001</v>
      </c>
      <c r="HEP54" s="7">
        <f t="shared" si="890"/>
        <v>3128.5920000000001</v>
      </c>
      <c r="HEQ54" s="7">
        <f t="shared" si="890"/>
        <v>3128.5920000000001</v>
      </c>
      <c r="HER54" s="7">
        <f t="shared" si="890"/>
        <v>3128.5920000000001</v>
      </c>
      <c r="HES54" s="7">
        <f t="shared" si="890"/>
        <v>3128.5920000000001</v>
      </c>
      <c r="HET54" s="7">
        <f t="shared" si="890"/>
        <v>3128.5920000000001</v>
      </c>
      <c r="HEU54" s="7">
        <f t="shared" si="890"/>
        <v>3128.5920000000001</v>
      </c>
      <c r="HEV54" s="7">
        <f t="shared" si="890"/>
        <v>3128.5920000000001</v>
      </c>
      <c r="HEW54" s="7">
        <f t="shared" si="890"/>
        <v>3128.5920000000001</v>
      </c>
      <c r="HEX54" s="7">
        <f t="shared" si="890"/>
        <v>3128.5920000000001</v>
      </c>
      <c r="HEY54" s="7">
        <f t="shared" si="890"/>
        <v>3128.5920000000001</v>
      </c>
      <c r="HEZ54" s="7">
        <f t="shared" si="890"/>
        <v>3128.5920000000001</v>
      </c>
      <c r="HFA54" s="7">
        <f t="shared" si="890"/>
        <v>3128.5920000000001</v>
      </c>
      <c r="HFB54" s="7">
        <f t="shared" si="890"/>
        <v>3128.5920000000001</v>
      </c>
      <c r="HFC54" s="7">
        <f t="shared" si="890"/>
        <v>3128.5920000000001</v>
      </c>
      <c r="HFD54" s="7">
        <f t="shared" si="890"/>
        <v>3128.5920000000001</v>
      </c>
      <c r="HFE54" s="7">
        <f t="shared" si="890"/>
        <v>3128.5920000000001</v>
      </c>
      <c r="HFF54" s="7">
        <f t="shared" si="890"/>
        <v>3128.5920000000001</v>
      </c>
      <c r="HFG54" s="7">
        <f t="shared" si="890"/>
        <v>3128.5920000000001</v>
      </c>
      <c r="HFH54" s="7">
        <f t="shared" si="890"/>
        <v>3128.5920000000001</v>
      </c>
      <c r="HFI54" s="7">
        <f t="shared" si="890"/>
        <v>3128.5920000000001</v>
      </c>
      <c r="HFJ54" s="7">
        <f t="shared" si="890"/>
        <v>3128.5920000000001</v>
      </c>
      <c r="HFK54" s="7">
        <f t="shared" si="890"/>
        <v>3128.5920000000001</v>
      </c>
      <c r="HFL54" s="7">
        <f t="shared" si="890"/>
        <v>3128.5920000000001</v>
      </c>
      <c r="HFM54" s="7">
        <f t="shared" si="890"/>
        <v>3128.5920000000001</v>
      </c>
      <c r="HFN54" s="7">
        <f t="shared" ref="HFN54:HHY54" si="891">HFN49+HFM54</f>
        <v>3128.5920000000001</v>
      </c>
      <c r="HFO54" s="7">
        <f t="shared" si="891"/>
        <v>3128.5920000000001</v>
      </c>
      <c r="HFP54" s="7">
        <f t="shared" si="891"/>
        <v>3128.5920000000001</v>
      </c>
      <c r="HFQ54" s="7">
        <f t="shared" si="891"/>
        <v>3128.5920000000001</v>
      </c>
      <c r="HFR54" s="7">
        <f t="shared" si="891"/>
        <v>3128.5920000000001</v>
      </c>
      <c r="HFS54" s="7">
        <f t="shared" si="891"/>
        <v>3128.5920000000001</v>
      </c>
      <c r="HFT54" s="7">
        <f t="shared" si="891"/>
        <v>3128.5920000000001</v>
      </c>
      <c r="HFU54" s="7">
        <f t="shared" si="891"/>
        <v>3128.5920000000001</v>
      </c>
      <c r="HFV54" s="7">
        <f t="shared" si="891"/>
        <v>3128.5920000000001</v>
      </c>
      <c r="HFW54" s="7">
        <f t="shared" si="891"/>
        <v>3128.5920000000001</v>
      </c>
      <c r="HFX54" s="7">
        <f t="shared" si="891"/>
        <v>3128.5920000000001</v>
      </c>
      <c r="HFY54" s="7">
        <f t="shared" si="891"/>
        <v>3128.5920000000001</v>
      </c>
      <c r="HFZ54" s="7">
        <f t="shared" si="891"/>
        <v>3128.5920000000001</v>
      </c>
      <c r="HGA54" s="7">
        <f t="shared" si="891"/>
        <v>3128.5920000000001</v>
      </c>
      <c r="HGB54" s="7">
        <f t="shared" si="891"/>
        <v>3128.5920000000001</v>
      </c>
      <c r="HGC54" s="7">
        <f t="shared" si="891"/>
        <v>3128.5920000000001</v>
      </c>
      <c r="HGD54" s="7">
        <f t="shared" si="891"/>
        <v>3128.5920000000001</v>
      </c>
      <c r="HGE54" s="7">
        <f t="shared" si="891"/>
        <v>3128.5920000000001</v>
      </c>
      <c r="HGF54" s="7">
        <f t="shared" si="891"/>
        <v>3128.5920000000001</v>
      </c>
      <c r="HGG54" s="7">
        <f t="shared" si="891"/>
        <v>3128.5920000000001</v>
      </c>
      <c r="HGH54" s="7">
        <f t="shared" si="891"/>
        <v>3128.5920000000001</v>
      </c>
      <c r="HGI54" s="7">
        <f t="shared" si="891"/>
        <v>3128.5920000000001</v>
      </c>
      <c r="HGJ54" s="7">
        <f t="shared" si="891"/>
        <v>3128.5920000000001</v>
      </c>
      <c r="HGK54" s="7">
        <f t="shared" si="891"/>
        <v>3128.5920000000001</v>
      </c>
      <c r="HGL54" s="7">
        <f t="shared" si="891"/>
        <v>3128.5920000000001</v>
      </c>
      <c r="HGM54" s="7">
        <f t="shared" si="891"/>
        <v>3128.5920000000001</v>
      </c>
      <c r="HGN54" s="7">
        <f t="shared" si="891"/>
        <v>3128.5920000000001</v>
      </c>
      <c r="HGO54" s="7">
        <f t="shared" si="891"/>
        <v>3128.5920000000001</v>
      </c>
      <c r="HGP54" s="7">
        <f t="shared" si="891"/>
        <v>3128.5920000000001</v>
      </c>
      <c r="HGQ54" s="7">
        <f t="shared" si="891"/>
        <v>3128.5920000000001</v>
      </c>
      <c r="HGR54" s="7">
        <f t="shared" si="891"/>
        <v>3128.5920000000001</v>
      </c>
      <c r="HGS54" s="7">
        <f t="shared" si="891"/>
        <v>3128.5920000000001</v>
      </c>
      <c r="HGT54" s="7">
        <f t="shared" si="891"/>
        <v>3128.5920000000001</v>
      </c>
      <c r="HGU54" s="7">
        <f t="shared" si="891"/>
        <v>3128.5920000000001</v>
      </c>
      <c r="HGV54" s="7">
        <f t="shared" si="891"/>
        <v>3128.5920000000001</v>
      </c>
      <c r="HGW54" s="7">
        <f t="shared" si="891"/>
        <v>3128.5920000000001</v>
      </c>
      <c r="HGX54" s="7">
        <f t="shared" si="891"/>
        <v>3128.5920000000001</v>
      </c>
      <c r="HGY54" s="7">
        <f t="shared" si="891"/>
        <v>3128.5920000000001</v>
      </c>
      <c r="HGZ54" s="7">
        <f t="shared" si="891"/>
        <v>3128.5920000000001</v>
      </c>
      <c r="HHA54" s="7">
        <f t="shared" si="891"/>
        <v>3128.5920000000001</v>
      </c>
      <c r="HHB54" s="7">
        <f t="shared" si="891"/>
        <v>3128.5920000000001</v>
      </c>
      <c r="HHC54" s="7">
        <f t="shared" si="891"/>
        <v>3128.5920000000001</v>
      </c>
      <c r="HHD54" s="7">
        <f t="shared" si="891"/>
        <v>3128.5920000000001</v>
      </c>
      <c r="HHE54" s="7">
        <f t="shared" si="891"/>
        <v>3128.5920000000001</v>
      </c>
      <c r="HHF54" s="7">
        <f t="shared" si="891"/>
        <v>3128.5920000000001</v>
      </c>
      <c r="HHG54" s="7">
        <f t="shared" si="891"/>
        <v>3128.5920000000001</v>
      </c>
      <c r="HHH54" s="7">
        <f t="shared" si="891"/>
        <v>3128.5920000000001</v>
      </c>
      <c r="HHI54" s="7">
        <f t="shared" si="891"/>
        <v>3128.5920000000001</v>
      </c>
      <c r="HHJ54" s="7">
        <f t="shared" si="891"/>
        <v>3128.5920000000001</v>
      </c>
      <c r="HHK54" s="7">
        <f t="shared" si="891"/>
        <v>3128.5920000000001</v>
      </c>
      <c r="HHL54" s="7">
        <f t="shared" si="891"/>
        <v>3128.5920000000001</v>
      </c>
      <c r="HHM54" s="7">
        <f t="shared" si="891"/>
        <v>3128.5920000000001</v>
      </c>
      <c r="HHN54" s="7">
        <f t="shared" si="891"/>
        <v>3128.5920000000001</v>
      </c>
      <c r="HHO54" s="7">
        <f t="shared" si="891"/>
        <v>3128.5920000000001</v>
      </c>
      <c r="HHP54" s="7">
        <f t="shared" si="891"/>
        <v>3128.5920000000001</v>
      </c>
      <c r="HHQ54" s="7">
        <f t="shared" si="891"/>
        <v>3128.5920000000001</v>
      </c>
      <c r="HHR54" s="7">
        <f t="shared" si="891"/>
        <v>3128.5920000000001</v>
      </c>
      <c r="HHS54" s="7">
        <f t="shared" si="891"/>
        <v>3128.5920000000001</v>
      </c>
      <c r="HHT54" s="7">
        <f t="shared" si="891"/>
        <v>3128.5920000000001</v>
      </c>
      <c r="HHU54" s="7">
        <f t="shared" si="891"/>
        <v>3128.5920000000001</v>
      </c>
      <c r="HHV54" s="7">
        <f t="shared" si="891"/>
        <v>3128.5920000000001</v>
      </c>
      <c r="HHW54" s="7">
        <f t="shared" si="891"/>
        <v>3128.5920000000001</v>
      </c>
      <c r="HHX54" s="7">
        <f t="shared" si="891"/>
        <v>3128.5920000000001</v>
      </c>
      <c r="HHY54" s="7">
        <f t="shared" si="891"/>
        <v>3128.5920000000001</v>
      </c>
      <c r="HHZ54" s="7">
        <f t="shared" ref="HHZ54:HKK54" si="892">HHZ49+HHY54</f>
        <v>3128.5920000000001</v>
      </c>
      <c r="HIA54" s="7">
        <f t="shared" si="892"/>
        <v>3128.5920000000001</v>
      </c>
      <c r="HIB54" s="7">
        <f t="shared" si="892"/>
        <v>3128.5920000000001</v>
      </c>
      <c r="HIC54" s="7">
        <f t="shared" si="892"/>
        <v>3128.5920000000001</v>
      </c>
      <c r="HID54" s="7">
        <f t="shared" si="892"/>
        <v>3128.5920000000001</v>
      </c>
      <c r="HIE54" s="7">
        <f t="shared" si="892"/>
        <v>3128.5920000000001</v>
      </c>
      <c r="HIF54" s="7">
        <f t="shared" si="892"/>
        <v>3128.5920000000001</v>
      </c>
      <c r="HIG54" s="7">
        <f t="shared" si="892"/>
        <v>3128.5920000000001</v>
      </c>
      <c r="HIH54" s="7">
        <f t="shared" si="892"/>
        <v>3128.5920000000001</v>
      </c>
      <c r="HII54" s="7">
        <f t="shared" si="892"/>
        <v>3128.5920000000001</v>
      </c>
      <c r="HIJ54" s="7">
        <f t="shared" si="892"/>
        <v>3128.5920000000001</v>
      </c>
      <c r="HIK54" s="7">
        <f t="shared" si="892"/>
        <v>3128.5920000000001</v>
      </c>
      <c r="HIL54" s="7">
        <f t="shared" si="892"/>
        <v>3128.5920000000001</v>
      </c>
      <c r="HIM54" s="7">
        <f t="shared" si="892"/>
        <v>3128.5920000000001</v>
      </c>
      <c r="HIN54" s="7">
        <f t="shared" si="892"/>
        <v>3128.5920000000001</v>
      </c>
      <c r="HIO54" s="7">
        <f t="shared" si="892"/>
        <v>3128.5920000000001</v>
      </c>
      <c r="HIP54" s="7">
        <f t="shared" si="892"/>
        <v>3128.5920000000001</v>
      </c>
      <c r="HIQ54" s="7">
        <f t="shared" si="892"/>
        <v>3128.5920000000001</v>
      </c>
      <c r="HIR54" s="7">
        <f t="shared" si="892"/>
        <v>3128.5920000000001</v>
      </c>
      <c r="HIS54" s="7">
        <f t="shared" si="892"/>
        <v>3128.5920000000001</v>
      </c>
      <c r="HIT54" s="7">
        <f t="shared" si="892"/>
        <v>3128.5920000000001</v>
      </c>
      <c r="HIU54" s="7">
        <f t="shared" si="892"/>
        <v>3128.5920000000001</v>
      </c>
      <c r="HIV54" s="7">
        <f t="shared" si="892"/>
        <v>3128.5920000000001</v>
      </c>
      <c r="HIW54" s="7">
        <f t="shared" si="892"/>
        <v>3128.5920000000001</v>
      </c>
      <c r="HIX54" s="7">
        <f t="shared" si="892"/>
        <v>3128.5920000000001</v>
      </c>
      <c r="HIY54" s="7">
        <f t="shared" si="892"/>
        <v>3128.5920000000001</v>
      </c>
      <c r="HIZ54" s="7">
        <f t="shared" si="892"/>
        <v>3128.5920000000001</v>
      </c>
      <c r="HJA54" s="7">
        <f t="shared" si="892"/>
        <v>3128.5920000000001</v>
      </c>
      <c r="HJB54" s="7">
        <f t="shared" si="892"/>
        <v>3128.5920000000001</v>
      </c>
      <c r="HJC54" s="7">
        <f t="shared" si="892"/>
        <v>3128.5920000000001</v>
      </c>
      <c r="HJD54" s="7">
        <f t="shared" si="892"/>
        <v>3128.5920000000001</v>
      </c>
      <c r="HJE54" s="7">
        <f t="shared" si="892"/>
        <v>3128.5920000000001</v>
      </c>
      <c r="HJF54" s="7">
        <f t="shared" si="892"/>
        <v>3128.5920000000001</v>
      </c>
      <c r="HJG54" s="7">
        <f t="shared" si="892"/>
        <v>3128.5920000000001</v>
      </c>
      <c r="HJH54" s="7">
        <f t="shared" si="892"/>
        <v>3128.5920000000001</v>
      </c>
      <c r="HJI54" s="7">
        <f t="shared" si="892"/>
        <v>3128.5920000000001</v>
      </c>
      <c r="HJJ54" s="7">
        <f t="shared" si="892"/>
        <v>3128.5920000000001</v>
      </c>
      <c r="HJK54" s="7">
        <f t="shared" si="892"/>
        <v>3128.5920000000001</v>
      </c>
      <c r="HJL54" s="7">
        <f t="shared" si="892"/>
        <v>3128.5920000000001</v>
      </c>
      <c r="HJM54" s="7">
        <f t="shared" si="892"/>
        <v>3128.5920000000001</v>
      </c>
      <c r="HJN54" s="7">
        <f t="shared" si="892"/>
        <v>3128.5920000000001</v>
      </c>
      <c r="HJO54" s="7">
        <f t="shared" si="892"/>
        <v>3128.5920000000001</v>
      </c>
      <c r="HJP54" s="7">
        <f t="shared" si="892"/>
        <v>3128.5920000000001</v>
      </c>
      <c r="HJQ54" s="7">
        <f t="shared" si="892"/>
        <v>3128.5920000000001</v>
      </c>
      <c r="HJR54" s="7">
        <f t="shared" si="892"/>
        <v>3128.5920000000001</v>
      </c>
      <c r="HJS54" s="7">
        <f t="shared" si="892"/>
        <v>3128.5920000000001</v>
      </c>
      <c r="HJT54" s="7">
        <f t="shared" si="892"/>
        <v>3128.5920000000001</v>
      </c>
      <c r="HJU54" s="7">
        <f t="shared" si="892"/>
        <v>3128.5920000000001</v>
      </c>
      <c r="HJV54" s="7">
        <f t="shared" si="892"/>
        <v>3128.5920000000001</v>
      </c>
      <c r="HJW54" s="7">
        <f t="shared" si="892"/>
        <v>3128.5920000000001</v>
      </c>
      <c r="HJX54" s="7">
        <f t="shared" si="892"/>
        <v>3128.5920000000001</v>
      </c>
      <c r="HJY54" s="7">
        <f t="shared" si="892"/>
        <v>3128.5920000000001</v>
      </c>
      <c r="HJZ54" s="7">
        <f t="shared" si="892"/>
        <v>3128.5920000000001</v>
      </c>
      <c r="HKA54" s="7">
        <f t="shared" si="892"/>
        <v>3128.5920000000001</v>
      </c>
      <c r="HKB54" s="7">
        <f t="shared" si="892"/>
        <v>3128.5920000000001</v>
      </c>
      <c r="HKC54" s="7">
        <f t="shared" si="892"/>
        <v>3128.5920000000001</v>
      </c>
      <c r="HKD54" s="7">
        <f t="shared" si="892"/>
        <v>3128.5920000000001</v>
      </c>
      <c r="HKE54" s="7">
        <f t="shared" si="892"/>
        <v>3128.5920000000001</v>
      </c>
      <c r="HKF54" s="7">
        <f t="shared" si="892"/>
        <v>3128.5920000000001</v>
      </c>
      <c r="HKG54" s="7">
        <f t="shared" si="892"/>
        <v>3128.5920000000001</v>
      </c>
      <c r="HKH54" s="7">
        <f t="shared" si="892"/>
        <v>3128.5920000000001</v>
      </c>
      <c r="HKI54" s="7">
        <f t="shared" si="892"/>
        <v>3128.5920000000001</v>
      </c>
      <c r="HKJ54" s="7">
        <f t="shared" si="892"/>
        <v>3128.5920000000001</v>
      </c>
      <c r="HKK54" s="7">
        <f t="shared" si="892"/>
        <v>3128.5920000000001</v>
      </c>
      <c r="HKL54" s="7">
        <f t="shared" ref="HKL54:HMW54" si="893">HKL49+HKK54</f>
        <v>3128.5920000000001</v>
      </c>
      <c r="HKM54" s="7">
        <f t="shared" si="893"/>
        <v>3128.5920000000001</v>
      </c>
      <c r="HKN54" s="7">
        <f t="shared" si="893"/>
        <v>3128.5920000000001</v>
      </c>
      <c r="HKO54" s="7">
        <f t="shared" si="893"/>
        <v>3128.5920000000001</v>
      </c>
      <c r="HKP54" s="7">
        <f t="shared" si="893"/>
        <v>3128.5920000000001</v>
      </c>
      <c r="HKQ54" s="7">
        <f t="shared" si="893"/>
        <v>3128.5920000000001</v>
      </c>
      <c r="HKR54" s="7">
        <f t="shared" si="893"/>
        <v>3128.5920000000001</v>
      </c>
      <c r="HKS54" s="7">
        <f t="shared" si="893"/>
        <v>3128.5920000000001</v>
      </c>
      <c r="HKT54" s="7">
        <f t="shared" si="893"/>
        <v>3128.5920000000001</v>
      </c>
      <c r="HKU54" s="7">
        <f t="shared" si="893"/>
        <v>3128.5920000000001</v>
      </c>
      <c r="HKV54" s="7">
        <f t="shared" si="893"/>
        <v>3128.5920000000001</v>
      </c>
      <c r="HKW54" s="7">
        <f t="shared" si="893"/>
        <v>3128.5920000000001</v>
      </c>
      <c r="HKX54" s="7">
        <f t="shared" si="893"/>
        <v>3128.5920000000001</v>
      </c>
      <c r="HKY54" s="7">
        <f t="shared" si="893"/>
        <v>3128.5920000000001</v>
      </c>
      <c r="HKZ54" s="7">
        <f t="shared" si="893"/>
        <v>3128.5920000000001</v>
      </c>
      <c r="HLA54" s="7">
        <f t="shared" si="893"/>
        <v>3128.5920000000001</v>
      </c>
      <c r="HLB54" s="7">
        <f t="shared" si="893"/>
        <v>3128.5920000000001</v>
      </c>
      <c r="HLC54" s="7">
        <f t="shared" si="893"/>
        <v>3128.5920000000001</v>
      </c>
      <c r="HLD54" s="7">
        <f t="shared" si="893"/>
        <v>3128.5920000000001</v>
      </c>
      <c r="HLE54" s="7">
        <f t="shared" si="893"/>
        <v>3128.5920000000001</v>
      </c>
      <c r="HLF54" s="7">
        <f t="shared" si="893"/>
        <v>3128.5920000000001</v>
      </c>
      <c r="HLG54" s="7">
        <f t="shared" si="893"/>
        <v>3128.5920000000001</v>
      </c>
      <c r="HLH54" s="7">
        <f t="shared" si="893"/>
        <v>3128.5920000000001</v>
      </c>
      <c r="HLI54" s="7">
        <f t="shared" si="893"/>
        <v>3128.5920000000001</v>
      </c>
      <c r="HLJ54" s="7">
        <f t="shared" si="893"/>
        <v>3128.5920000000001</v>
      </c>
      <c r="HLK54" s="7">
        <f t="shared" si="893"/>
        <v>3128.5920000000001</v>
      </c>
      <c r="HLL54" s="7">
        <f t="shared" si="893"/>
        <v>3128.5920000000001</v>
      </c>
      <c r="HLM54" s="7">
        <f t="shared" si="893"/>
        <v>3128.5920000000001</v>
      </c>
      <c r="HLN54" s="7">
        <f t="shared" si="893"/>
        <v>3128.5920000000001</v>
      </c>
      <c r="HLO54" s="7">
        <f t="shared" si="893"/>
        <v>3128.5920000000001</v>
      </c>
      <c r="HLP54" s="7">
        <f t="shared" si="893"/>
        <v>3128.5920000000001</v>
      </c>
      <c r="HLQ54" s="7">
        <f t="shared" si="893"/>
        <v>3128.5920000000001</v>
      </c>
      <c r="HLR54" s="7">
        <f t="shared" si="893"/>
        <v>3128.5920000000001</v>
      </c>
      <c r="HLS54" s="7">
        <f t="shared" si="893"/>
        <v>3128.5920000000001</v>
      </c>
      <c r="HLT54" s="7">
        <f t="shared" si="893"/>
        <v>3128.5920000000001</v>
      </c>
      <c r="HLU54" s="7">
        <f t="shared" si="893"/>
        <v>3128.5920000000001</v>
      </c>
      <c r="HLV54" s="7">
        <f t="shared" si="893"/>
        <v>3128.5920000000001</v>
      </c>
      <c r="HLW54" s="7">
        <f t="shared" si="893"/>
        <v>3128.5920000000001</v>
      </c>
      <c r="HLX54" s="7">
        <f t="shared" si="893"/>
        <v>3128.5920000000001</v>
      </c>
      <c r="HLY54" s="7">
        <f t="shared" si="893"/>
        <v>3128.5920000000001</v>
      </c>
      <c r="HLZ54" s="7">
        <f t="shared" si="893"/>
        <v>3128.5920000000001</v>
      </c>
      <c r="HMA54" s="7">
        <f t="shared" si="893"/>
        <v>3128.5920000000001</v>
      </c>
      <c r="HMB54" s="7">
        <f t="shared" si="893"/>
        <v>3128.5920000000001</v>
      </c>
      <c r="HMC54" s="7">
        <f t="shared" si="893"/>
        <v>3128.5920000000001</v>
      </c>
      <c r="HMD54" s="7">
        <f t="shared" si="893"/>
        <v>3128.5920000000001</v>
      </c>
      <c r="HME54" s="7">
        <f t="shared" si="893"/>
        <v>3128.5920000000001</v>
      </c>
      <c r="HMF54" s="7">
        <f t="shared" si="893"/>
        <v>3128.5920000000001</v>
      </c>
      <c r="HMG54" s="7">
        <f t="shared" si="893"/>
        <v>3128.5920000000001</v>
      </c>
      <c r="HMH54" s="7">
        <f t="shared" si="893"/>
        <v>3128.5920000000001</v>
      </c>
      <c r="HMI54" s="7">
        <f t="shared" si="893"/>
        <v>3128.5920000000001</v>
      </c>
      <c r="HMJ54" s="7">
        <f t="shared" si="893"/>
        <v>3128.5920000000001</v>
      </c>
      <c r="HMK54" s="7">
        <f t="shared" si="893"/>
        <v>3128.5920000000001</v>
      </c>
      <c r="HML54" s="7">
        <f t="shared" si="893"/>
        <v>3128.5920000000001</v>
      </c>
      <c r="HMM54" s="7">
        <f t="shared" si="893"/>
        <v>3128.5920000000001</v>
      </c>
      <c r="HMN54" s="7">
        <f t="shared" si="893"/>
        <v>3128.5920000000001</v>
      </c>
      <c r="HMO54" s="7">
        <f t="shared" si="893"/>
        <v>3128.5920000000001</v>
      </c>
      <c r="HMP54" s="7">
        <f t="shared" si="893"/>
        <v>3128.5920000000001</v>
      </c>
      <c r="HMQ54" s="7">
        <f t="shared" si="893"/>
        <v>3128.5920000000001</v>
      </c>
      <c r="HMR54" s="7">
        <f t="shared" si="893"/>
        <v>3128.5920000000001</v>
      </c>
      <c r="HMS54" s="7">
        <f t="shared" si="893"/>
        <v>3128.5920000000001</v>
      </c>
      <c r="HMT54" s="7">
        <f t="shared" si="893"/>
        <v>3128.5920000000001</v>
      </c>
      <c r="HMU54" s="7">
        <f t="shared" si="893"/>
        <v>3128.5920000000001</v>
      </c>
      <c r="HMV54" s="7">
        <f t="shared" si="893"/>
        <v>3128.5920000000001</v>
      </c>
      <c r="HMW54" s="7">
        <f t="shared" si="893"/>
        <v>3128.5920000000001</v>
      </c>
      <c r="HMX54" s="7">
        <f t="shared" ref="HMX54:HPI54" si="894">HMX49+HMW54</f>
        <v>3128.5920000000001</v>
      </c>
      <c r="HMY54" s="7">
        <f t="shared" si="894"/>
        <v>3128.5920000000001</v>
      </c>
      <c r="HMZ54" s="7">
        <f t="shared" si="894"/>
        <v>3128.5920000000001</v>
      </c>
      <c r="HNA54" s="7">
        <f t="shared" si="894"/>
        <v>3128.5920000000001</v>
      </c>
      <c r="HNB54" s="7">
        <f t="shared" si="894"/>
        <v>3128.5920000000001</v>
      </c>
      <c r="HNC54" s="7">
        <f t="shared" si="894"/>
        <v>3128.5920000000001</v>
      </c>
      <c r="HND54" s="7">
        <f t="shared" si="894"/>
        <v>3128.5920000000001</v>
      </c>
      <c r="HNE54" s="7">
        <f t="shared" si="894"/>
        <v>3128.5920000000001</v>
      </c>
      <c r="HNF54" s="7">
        <f t="shared" si="894"/>
        <v>3128.5920000000001</v>
      </c>
      <c r="HNG54" s="7">
        <f t="shared" si="894"/>
        <v>3128.5920000000001</v>
      </c>
      <c r="HNH54" s="7">
        <f t="shared" si="894"/>
        <v>3128.5920000000001</v>
      </c>
      <c r="HNI54" s="7">
        <f t="shared" si="894"/>
        <v>3128.5920000000001</v>
      </c>
      <c r="HNJ54" s="7">
        <f t="shared" si="894"/>
        <v>3128.5920000000001</v>
      </c>
      <c r="HNK54" s="7">
        <f t="shared" si="894"/>
        <v>3128.5920000000001</v>
      </c>
      <c r="HNL54" s="7">
        <f t="shared" si="894"/>
        <v>3128.5920000000001</v>
      </c>
      <c r="HNM54" s="7">
        <f t="shared" si="894"/>
        <v>3128.5920000000001</v>
      </c>
      <c r="HNN54" s="7">
        <f t="shared" si="894"/>
        <v>3128.5920000000001</v>
      </c>
      <c r="HNO54" s="7">
        <f t="shared" si="894"/>
        <v>3128.5920000000001</v>
      </c>
      <c r="HNP54" s="7">
        <f t="shared" si="894"/>
        <v>3128.5920000000001</v>
      </c>
      <c r="HNQ54" s="7">
        <f t="shared" si="894"/>
        <v>3128.5920000000001</v>
      </c>
      <c r="HNR54" s="7">
        <f t="shared" si="894"/>
        <v>3128.5920000000001</v>
      </c>
      <c r="HNS54" s="7">
        <f t="shared" si="894"/>
        <v>3128.5920000000001</v>
      </c>
      <c r="HNT54" s="7">
        <f t="shared" si="894"/>
        <v>3128.5920000000001</v>
      </c>
      <c r="HNU54" s="7">
        <f t="shared" si="894"/>
        <v>3128.5920000000001</v>
      </c>
      <c r="HNV54" s="7">
        <f t="shared" si="894"/>
        <v>3128.5920000000001</v>
      </c>
      <c r="HNW54" s="7">
        <f t="shared" si="894"/>
        <v>3128.5920000000001</v>
      </c>
      <c r="HNX54" s="7">
        <f t="shared" si="894"/>
        <v>3128.5920000000001</v>
      </c>
      <c r="HNY54" s="7">
        <f t="shared" si="894"/>
        <v>3128.5920000000001</v>
      </c>
      <c r="HNZ54" s="7">
        <f t="shared" si="894"/>
        <v>3128.5920000000001</v>
      </c>
      <c r="HOA54" s="7">
        <f t="shared" si="894"/>
        <v>3128.5920000000001</v>
      </c>
      <c r="HOB54" s="7">
        <f t="shared" si="894"/>
        <v>3128.5920000000001</v>
      </c>
      <c r="HOC54" s="7">
        <f t="shared" si="894"/>
        <v>3128.5920000000001</v>
      </c>
      <c r="HOD54" s="7">
        <f t="shared" si="894"/>
        <v>3128.5920000000001</v>
      </c>
      <c r="HOE54" s="7">
        <f t="shared" si="894"/>
        <v>3128.5920000000001</v>
      </c>
      <c r="HOF54" s="7">
        <f t="shared" si="894"/>
        <v>3128.5920000000001</v>
      </c>
      <c r="HOG54" s="7">
        <f t="shared" si="894"/>
        <v>3128.5920000000001</v>
      </c>
      <c r="HOH54" s="7">
        <f t="shared" si="894"/>
        <v>3128.5920000000001</v>
      </c>
      <c r="HOI54" s="7">
        <f t="shared" si="894"/>
        <v>3128.5920000000001</v>
      </c>
      <c r="HOJ54" s="7">
        <f t="shared" si="894"/>
        <v>3128.5920000000001</v>
      </c>
      <c r="HOK54" s="7">
        <f t="shared" si="894"/>
        <v>3128.5920000000001</v>
      </c>
      <c r="HOL54" s="7">
        <f t="shared" si="894"/>
        <v>3128.5920000000001</v>
      </c>
      <c r="HOM54" s="7">
        <f t="shared" si="894"/>
        <v>3128.5920000000001</v>
      </c>
      <c r="HON54" s="7">
        <f t="shared" si="894"/>
        <v>3128.5920000000001</v>
      </c>
      <c r="HOO54" s="7">
        <f t="shared" si="894"/>
        <v>3128.5920000000001</v>
      </c>
      <c r="HOP54" s="7">
        <f t="shared" si="894"/>
        <v>3128.5920000000001</v>
      </c>
      <c r="HOQ54" s="7">
        <f t="shared" si="894"/>
        <v>3128.5920000000001</v>
      </c>
      <c r="HOR54" s="7">
        <f t="shared" si="894"/>
        <v>3128.5920000000001</v>
      </c>
      <c r="HOS54" s="7">
        <f t="shared" si="894"/>
        <v>3128.5920000000001</v>
      </c>
      <c r="HOT54" s="7">
        <f t="shared" si="894"/>
        <v>3128.5920000000001</v>
      </c>
      <c r="HOU54" s="7">
        <f t="shared" si="894"/>
        <v>3128.5920000000001</v>
      </c>
      <c r="HOV54" s="7">
        <f t="shared" si="894"/>
        <v>3128.5920000000001</v>
      </c>
      <c r="HOW54" s="7">
        <f t="shared" si="894"/>
        <v>3128.5920000000001</v>
      </c>
      <c r="HOX54" s="7">
        <f t="shared" si="894"/>
        <v>3128.5920000000001</v>
      </c>
      <c r="HOY54" s="7">
        <f t="shared" si="894"/>
        <v>3128.5920000000001</v>
      </c>
      <c r="HOZ54" s="7">
        <f t="shared" si="894"/>
        <v>3128.5920000000001</v>
      </c>
      <c r="HPA54" s="7">
        <f t="shared" si="894"/>
        <v>3128.5920000000001</v>
      </c>
      <c r="HPB54" s="7">
        <f t="shared" si="894"/>
        <v>3128.5920000000001</v>
      </c>
      <c r="HPC54" s="7">
        <f t="shared" si="894"/>
        <v>3128.5920000000001</v>
      </c>
      <c r="HPD54" s="7">
        <f t="shared" si="894"/>
        <v>3128.5920000000001</v>
      </c>
      <c r="HPE54" s="7">
        <f t="shared" si="894"/>
        <v>3128.5920000000001</v>
      </c>
      <c r="HPF54" s="7">
        <f t="shared" si="894"/>
        <v>3128.5920000000001</v>
      </c>
      <c r="HPG54" s="7">
        <f t="shared" si="894"/>
        <v>3128.5920000000001</v>
      </c>
      <c r="HPH54" s="7">
        <f t="shared" si="894"/>
        <v>3128.5920000000001</v>
      </c>
      <c r="HPI54" s="7">
        <f t="shared" si="894"/>
        <v>3128.5920000000001</v>
      </c>
      <c r="HPJ54" s="7">
        <f t="shared" ref="HPJ54:HRU54" si="895">HPJ49+HPI54</f>
        <v>3128.5920000000001</v>
      </c>
      <c r="HPK54" s="7">
        <f t="shared" si="895"/>
        <v>3128.5920000000001</v>
      </c>
      <c r="HPL54" s="7">
        <f t="shared" si="895"/>
        <v>3128.5920000000001</v>
      </c>
      <c r="HPM54" s="7">
        <f t="shared" si="895"/>
        <v>3128.5920000000001</v>
      </c>
      <c r="HPN54" s="7">
        <f t="shared" si="895"/>
        <v>3128.5920000000001</v>
      </c>
      <c r="HPO54" s="7">
        <f t="shared" si="895"/>
        <v>3128.5920000000001</v>
      </c>
      <c r="HPP54" s="7">
        <f t="shared" si="895"/>
        <v>3128.5920000000001</v>
      </c>
      <c r="HPQ54" s="7">
        <f t="shared" si="895"/>
        <v>3128.5920000000001</v>
      </c>
      <c r="HPR54" s="7">
        <f t="shared" si="895"/>
        <v>3128.5920000000001</v>
      </c>
      <c r="HPS54" s="7">
        <f t="shared" si="895"/>
        <v>3128.5920000000001</v>
      </c>
      <c r="HPT54" s="7">
        <f t="shared" si="895"/>
        <v>3128.5920000000001</v>
      </c>
      <c r="HPU54" s="7">
        <f t="shared" si="895"/>
        <v>3128.5920000000001</v>
      </c>
      <c r="HPV54" s="7">
        <f t="shared" si="895"/>
        <v>3128.5920000000001</v>
      </c>
      <c r="HPW54" s="7">
        <f t="shared" si="895"/>
        <v>3128.5920000000001</v>
      </c>
      <c r="HPX54" s="7">
        <f t="shared" si="895"/>
        <v>3128.5920000000001</v>
      </c>
      <c r="HPY54" s="7">
        <f t="shared" si="895"/>
        <v>3128.5920000000001</v>
      </c>
      <c r="HPZ54" s="7">
        <f t="shared" si="895"/>
        <v>3128.5920000000001</v>
      </c>
      <c r="HQA54" s="7">
        <f t="shared" si="895"/>
        <v>3128.5920000000001</v>
      </c>
      <c r="HQB54" s="7">
        <f t="shared" si="895"/>
        <v>3128.5920000000001</v>
      </c>
      <c r="HQC54" s="7">
        <f t="shared" si="895"/>
        <v>3128.5920000000001</v>
      </c>
      <c r="HQD54" s="7">
        <f t="shared" si="895"/>
        <v>3128.5920000000001</v>
      </c>
      <c r="HQE54" s="7">
        <f t="shared" si="895"/>
        <v>3128.5920000000001</v>
      </c>
      <c r="HQF54" s="7">
        <f t="shared" si="895"/>
        <v>3128.5920000000001</v>
      </c>
      <c r="HQG54" s="7">
        <f t="shared" si="895"/>
        <v>3128.5920000000001</v>
      </c>
      <c r="HQH54" s="7">
        <f t="shared" si="895"/>
        <v>3128.5920000000001</v>
      </c>
      <c r="HQI54" s="7">
        <f t="shared" si="895"/>
        <v>3128.5920000000001</v>
      </c>
      <c r="HQJ54" s="7">
        <f t="shared" si="895"/>
        <v>3128.5920000000001</v>
      </c>
      <c r="HQK54" s="7">
        <f t="shared" si="895"/>
        <v>3128.5920000000001</v>
      </c>
      <c r="HQL54" s="7">
        <f t="shared" si="895"/>
        <v>3128.5920000000001</v>
      </c>
      <c r="HQM54" s="7">
        <f t="shared" si="895"/>
        <v>3128.5920000000001</v>
      </c>
      <c r="HQN54" s="7">
        <f t="shared" si="895"/>
        <v>3128.5920000000001</v>
      </c>
      <c r="HQO54" s="7">
        <f t="shared" si="895"/>
        <v>3128.5920000000001</v>
      </c>
      <c r="HQP54" s="7">
        <f t="shared" si="895"/>
        <v>3128.5920000000001</v>
      </c>
      <c r="HQQ54" s="7">
        <f t="shared" si="895"/>
        <v>3128.5920000000001</v>
      </c>
      <c r="HQR54" s="7">
        <f t="shared" si="895"/>
        <v>3128.5920000000001</v>
      </c>
      <c r="HQS54" s="7">
        <f t="shared" si="895"/>
        <v>3128.5920000000001</v>
      </c>
      <c r="HQT54" s="7">
        <f t="shared" si="895"/>
        <v>3128.5920000000001</v>
      </c>
      <c r="HQU54" s="7">
        <f t="shared" si="895"/>
        <v>3128.5920000000001</v>
      </c>
      <c r="HQV54" s="7">
        <f t="shared" si="895"/>
        <v>3128.5920000000001</v>
      </c>
      <c r="HQW54" s="7">
        <f t="shared" si="895"/>
        <v>3128.5920000000001</v>
      </c>
      <c r="HQX54" s="7">
        <f t="shared" si="895"/>
        <v>3128.5920000000001</v>
      </c>
      <c r="HQY54" s="7">
        <f t="shared" si="895"/>
        <v>3128.5920000000001</v>
      </c>
      <c r="HQZ54" s="7">
        <f t="shared" si="895"/>
        <v>3128.5920000000001</v>
      </c>
      <c r="HRA54" s="7">
        <f t="shared" si="895"/>
        <v>3128.5920000000001</v>
      </c>
      <c r="HRB54" s="7">
        <f t="shared" si="895"/>
        <v>3128.5920000000001</v>
      </c>
      <c r="HRC54" s="7">
        <f t="shared" si="895"/>
        <v>3128.5920000000001</v>
      </c>
      <c r="HRD54" s="7">
        <f t="shared" si="895"/>
        <v>3128.5920000000001</v>
      </c>
      <c r="HRE54" s="7">
        <f t="shared" si="895"/>
        <v>3128.5920000000001</v>
      </c>
      <c r="HRF54" s="7">
        <f t="shared" si="895"/>
        <v>3128.5920000000001</v>
      </c>
      <c r="HRG54" s="7">
        <f t="shared" si="895"/>
        <v>3128.5920000000001</v>
      </c>
      <c r="HRH54" s="7">
        <f t="shared" si="895"/>
        <v>3128.5920000000001</v>
      </c>
      <c r="HRI54" s="7">
        <f t="shared" si="895"/>
        <v>3128.5920000000001</v>
      </c>
      <c r="HRJ54" s="7">
        <f t="shared" si="895"/>
        <v>3128.5920000000001</v>
      </c>
      <c r="HRK54" s="7">
        <f t="shared" si="895"/>
        <v>3128.5920000000001</v>
      </c>
      <c r="HRL54" s="7">
        <f t="shared" si="895"/>
        <v>3128.5920000000001</v>
      </c>
      <c r="HRM54" s="7">
        <f t="shared" si="895"/>
        <v>3128.5920000000001</v>
      </c>
      <c r="HRN54" s="7">
        <f t="shared" si="895"/>
        <v>3128.5920000000001</v>
      </c>
      <c r="HRO54" s="7">
        <f t="shared" si="895"/>
        <v>3128.5920000000001</v>
      </c>
      <c r="HRP54" s="7">
        <f t="shared" si="895"/>
        <v>3128.5920000000001</v>
      </c>
      <c r="HRQ54" s="7">
        <f t="shared" si="895"/>
        <v>3128.5920000000001</v>
      </c>
      <c r="HRR54" s="7">
        <f t="shared" si="895"/>
        <v>3128.5920000000001</v>
      </c>
      <c r="HRS54" s="7">
        <f t="shared" si="895"/>
        <v>3128.5920000000001</v>
      </c>
      <c r="HRT54" s="7">
        <f t="shared" si="895"/>
        <v>3128.5920000000001</v>
      </c>
      <c r="HRU54" s="7">
        <f t="shared" si="895"/>
        <v>3128.5920000000001</v>
      </c>
      <c r="HRV54" s="7">
        <f t="shared" ref="HRV54:HUG54" si="896">HRV49+HRU54</f>
        <v>3128.5920000000001</v>
      </c>
      <c r="HRW54" s="7">
        <f t="shared" si="896"/>
        <v>3128.5920000000001</v>
      </c>
      <c r="HRX54" s="7">
        <f t="shared" si="896"/>
        <v>3128.5920000000001</v>
      </c>
      <c r="HRY54" s="7">
        <f t="shared" si="896"/>
        <v>3128.5920000000001</v>
      </c>
      <c r="HRZ54" s="7">
        <f t="shared" si="896"/>
        <v>3128.5920000000001</v>
      </c>
      <c r="HSA54" s="7">
        <f t="shared" si="896"/>
        <v>3128.5920000000001</v>
      </c>
      <c r="HSB54" s="7">
        <f t="shared" si="896"/>
        <v>3128.5920000000001</v>
      </c>
      <c r="HSC54" s="7">
        <f t="shared" si="896"/>
        <v>3128.5920000000001</v>
      </c>
      <c r="HSD54" s="7">
        <f t="shared" si="896"/>
        <v>3128.5920000000001</v>
      </c>
      <c r="HSE54" s="7">
        <f t="shared" si="896"/>
        <v>3128.5920000000001</v>
      </c>
      <c r="HSF54" s="7">
        <f t="shared" si="896"/>
        <v>3128.5920000000001</v>
      </c>
      <c r="HSG54" s="7">
        <f t="shared" si="896"/>
        <v>3128.5920000000001</v>
      </c>
      <c r="HSH54" s="7">
        <f t="shared" si="896"/>
        <v>3128.5920000000001</v>
      </c>
      <c r="HSI54" s="7">
        <f t="shared" si="896"/>
        <v>3128.5920000000001</v>
      </c>
      <c r="HSJ54" s="7">
        <f t="shared" si="896"/>
        <v>3128.5920000000001</v>
      </c>
      <c r="HSK54" s="7">
        <f t="shared" si="896"/>
        <v>3128.5920000000001</v>
      </c>
      <c r="HSL54" s="7">
        <f t="shared" si="896"/>
        <v>3128.5920000000001</v>
      </c>
      <c r="HSM54" s="7">
        <f t="shared" si="896"/>
        <v>3128.5920000000001</v>
      </c>
      <c r="HSN54" s="7">
        <f t="shared" si="896"/>
        <v>3128.5920000000001</v>
      </c>
      <c r="HSO54" s="7">
        <f t="shared" si="896"/>
        <v>3128.5920000000001</v>
      </c>
      <c r="HSP54" s="7">
        <f t="shared" si="896"/>
        <v>3128.5920000000001</v>
      </c>
      <c r="HSQ54" s="7">
        <f t="shared" si="896"/>
        <v>3128.5920000000001</v>
      </c>
      <c r="HSR54" s="7">
        <f t="shared" si="896"/>
        <v>3128.5920000000001</v>
      </c>
      <c r="HSS54" s="7">
        <f t="shared" si="896"/>
        <v>3128.5920000000001</v>
      </c>
      <c r="HST54" s="7">
        <f t="shared" si="896"/>
        <v>3128.5920000000001</v>
      </c>
      <c r="HSU54" s="7">
        <f t="shared" si="896"/>
        <v>3128.5920000000001</v>
      </c>
      <c r="HSV54" s="7">
        <f t="shared" si="896"/>
        <v>3128.5920000000001</v>
      </c>
      <c r="HSW54" s="7">
        <f t="shared" si="896"/>
        <v>3128.5920000000001</v>
      </c>
      <c r="HSX54" s="7">
        <f t="shared" si="896"/>
        <v>3128.5920000000001</v>
      </c>
      <c r="HSY54" s="7">
        <f t="shared" si="896"/>
        <v>3128.5920000000001</v>
      </c>
      <c r="HSZ54" s="7">
        <f t="shared" si="896"/>
        <v>3128.5920000000001</v>
      </c>
      <c r="HTA54" s="7">
        <f t="shared" si="896"/>
        <v>3128.5920000000001</v>
      </c>
      <c r="HTB54" s="7">
        <f t="shared" si="896"/>
        <v>3128.5920000000001</v>
      </c>
      <c r="HTC54" s="7">
        <f t="shared" si="896"/>
        <v>3128.5920000000001</v>
      </c>
      <c r="HTD54" s="7">
        <f t="shared" si="896"/>
        <v>3128.5920000000001</v>
      </c>
      <c r="HTE54" s="7">
        <f t="shared" si="896"/>
        <v>3128.5920000000001</v>
      </c>
      <c r="HTF54" s="7">
        <f t="shared" si="896"/>
        <v>3128.5920000000001</v>
      </c>
      <c r="HTG54" s="7">
        <f t="shared" si="896"/>
        <v>3128.5920000000001</v>
      </c>
      <c r="HTH54" s="7">
        <f t="shared" si="896"/>
        <v>3128.5920000000001</v>
      </c>
      <c r="HTI54" s="7">
        <f t="shared" si="896"/>
        <v>3128.5920000000001</v>
      </c>
      <c r="HTJ54" s="7">
        <f t="shared" si="896"/>
        <v>3128.5920000000001</v>
      </c>
      <c r="HTK54" s="7">
        <f t="shared" si="896"/>
        <v>3128.5920000000001</v>
      </c>
      <c r="HTL54" s="7">
        <f t="shared" si="896"/>
        <v>3128.5920000000001</v>
      </c>
      <c r="HTM54" s="7">
        <f t="shared" si="896"/>
        <v>3128.5920000000001</v>
      </c>
      <c r="HTN54" s="7">
        <f t="shared" si="896"/>
        <v>3128.5920000000001</v>
      </c>
      <c r="HTO54" s="7">
        <f t="shared" si="896"/>
        <v>3128.5920000000001</v>
      </c>
      <c r="HTP54" s="7">
        <f t="shared" si="896"/>
        <v>3128.5920000000001</v>
      </c>
      <c r="HTQ54" s="7">
        <f t="shared" si="896"/>
        <v>3128.5920000000001</v>
      </c>
      <c r="HTR54" s="7">
        <f t="shared" si="896"/>
        <v>3128.5920000000001</v>
      </c>
      <c r="HTS54" s="7">
        <f t="shared" si="896"/>
        <v>3128.5920000000001</v>
      </c>
      <c r="HTT54" s="7">
        <f t="shared" si="896"/>
        <v>3128.5920000000001</v>
      </c>
      <c r="HTU54" s="7">
        <f t="shared" si="896"/>
        <v>3128.5920000000001</v>
      </c>
      <c r="HTV54" s="7">
        <f t="shared" si="896"/>
        <v>3128.5920000000001</v>
      </c>
      <c r="HTW54" s="7">
        <f t="shared" si="896"/>
        <v>3128.5920000000001</v>
      </c>
      <c r="HTX54" s="7">
        <f t="shared" si="896"/>
        <v>3128.5920000000001</v>
      </c>
      <c r="HTY54" s="7">
        <f t="shared" si="896"/>
        <v>3128.5920000000001</v>
      </c>
      <c r="HTZ54" s="7">
        <f t="shared" si="896"/>
        <v>3128.5920000000001</v>
      </c>
      <c r="HUA54" s="7">
        <f t="shared" si="896"/>
        <v>3128.5920000000001</v>
      </c>
      <c r="HUB54" s="7">
        <f t="shared" si="896"/>
        <v>3128.5920000000001</v>
      </c>
      <c r="HUC54" s="7">
        <f t="shared" si="896"/>
        <v>3128.5920000000001</v>
      </c>
      <c r="HUD54" s="7">
        <f t="shared" si="896"/>
        <v>3128.5920000000001</v>
      </c>
      <c r="HUE54" s="7">
        <f t="shared" si="896"/>
        <v>3128.5920000000001</v>
      </c>
      <c r="HUF54" s="7">
        <f t="shared" si="896"/>
        <v>3128.5920000000001</v>
      </c>
      <c r="HUG54" s="7">
        <f t="shared" si="896"/>
        <v>3128.5920000000001</v>
      </c>
      <c r="HUH54" s="7">
        <f t="shared" ref="HUH54:HWS54" si="897">HUH49+HUG54</f>
        <v>3128.5920000000001</v>
      </c>
      <c r="HUI54" s="7">
        <f t="shared" si="897"/>
        <v>3128.5920000000001</v>
      </c>
      <c r="HUJ54" s="7">
        <f t="shared" si="897"/>
        <v>3128.5920000000001</v>
      </c>
      <c r="HUK54" s="7">
        <f t="shared" si="897"/>
        <v>3128.5920000000001</v>
      </c>
      <c r="HUL54" s="7">
        <f t="shared" si="897"/>
        <v>3128.5920000000001</v>
      </c>
      <c r="HUM54" s="7">
        <f t="shared" si="897"/>
        <v>3128.5920000000001</v>
      </c>
      <c r="HUN54" s="7">
        <f t="shared" si="897"/>
        <v>3128.5920000000001</v>
      </c>
      <c r="HUO54" s="7">
        <f t="shared" si="897"/>
        <v>3128.5920000000001</v>
      </c>
      <c r="HUP54" s="7">
        <f t="shared" si="897"/>
        <v>3128.5920000000001</v>
      </c>
      <c r="HUQ54" s="7">
        <f t="shared" si="897"/>
        <v>3128.5920000000001</v>
      </c>
      <c r="HUR54" s="7">
        <f t="shared" si="897"/>
        <v>3128.5920000000001</v>
      </c>
      <c r="HUS54" s="7">
        <f t="shared" si="897"/>
        <v>3128.5920000000001</v>
      </c>
      <c r="HUT54" s="7">
        <f t="shared" si="897"/>
        <v>3128.5920000000001</v>
      </c>
      <c r="HUU54" s="7">
        <f t="shared" si="897"/>
        <v>3128.5920000000001</v>
      </c>
      <c r="HUV54" s="7">
        <f t="shared" si="897"/>
        <v>3128.5920000000001</v>
      </c>
      <c r="HUW54" s="7">
        <f t="shared" si="897"/>
        <v>3128.5920000000001</v>
      </c>
      <c r="HUX54" s="7">
        <f t="shared" si="897"/>
        <v>3128.5920000000001</v>
      </c>
      <c r="HUY54" s="7">
        <f t="shared" si="897"/>
        <v>3128.5920000000001</v>
      </c>
      <c r="HUZ54" s="7">
        <f t="shared" si="897"/>
        <v>3128.5920000000001</v>
      </c>
      <c r="HVA54" s="7">
        <f t="shared" si="897"/>
        <v>3128.5920000000001</v>
      </c>
      <c r="HVB54" s="7">
        <f t="shared" si="897"/>
        <v>3128.5920000000001</v>
      </c>
      <c r="HVC54" s="7">
        <f t="shared" si="897"/>
        <v>3128.5920000000001</v>
      </c>
      <c r="HVD54" s="7">
        <f t="shared" si="897"/>
        <v>3128.5920000000001</v>
      </c>
      <c r="HVE54" s="7">
        <f t="shared" si="897"/>
        <v>3128.5920000000001</v>
      </c>
      <c r="HVF54" s="7">
        <f t="shared" si="897"/>
        <v>3128.5920000000001</v>
      </c>
      <c r="HVG54" s="7">
        <f t="shared" si="897"/>
        <v>3128.5920000000001</v>
      </c>
      <c r="HVH54" s="7">
        <f t="shared" si="897"/>
        <v>3128.5920000000001</v>
      </c>
      <c r="HVI54" s="7">
        <f t="shared" si="897"/>
        <v>3128.5920000000001</v>
      </c>
      <c r="HVJ54" s="7">
        <f t="shared" si="897"/>
        <v>3128.5920000000001</v>
      </c>
      <c r="HVK54" s="7">
        <f t="shared" si="897"/>
        <v>3128.5920000000001</v>
      </c>
      <c r="HVL54" s="7">
        <f t="shared" si="897"/>
        <v>3128.5920000000001</v>
      </c>
      <c r="HVM54" s="7">
        <f t="shared" si="897"/>
        <v>3128.5920000000001</v>
      </c>
      <c r="HVN54" s="7">
        <f t="shared" si="897"/>
        <v>3128.5920000000001</v>
      </c>
      <c r="HVO54" s="7">
        <f t="shared" si="897"/>
        <v>3128.5920000000001</v>
      </c>
      <c r="HVP54" s="7">
        <f t="shared" si="897"/>
        <v>3128.5920000000001</v>
      </c>
      <c r="HVQ54" s="7">
        <f t="shared" si="897"/>
        <v>3128.5920000000001</v>
      </c>
      <c r="HVR54" s="7">
        <f t="shared" si="897"/>
        <v>3128.5920000000001</v>
      </c>
      <c r="HVS54" s="7">
        <f t="shared" si="897"/>
        <v>3128.5920000000001</v>
      </c>
      <c r="HVT54" s="7">
        <f t="shared" si="897"/>
        <v>3128.5920000000001</v>
      </c>
      <c r="HVU54" s="7">
        <f t="shared" si="897"/>
        <v>3128.5920000000001</v>
      </c>
      <c r="HVV54" s="7">
        <f t="shared" si="897"/>
        <v>3128.5920000000001</v>
      </c>
      <c r="HVW54" s="7">
        <f t="shared" si="897"/>
        <v>3128.5920000000001</v>
      </c>
      <c r="HVX54" s="7">
        <f t="shared" si="897"/>
        <v>3128.5920000000001</v>
      </c>
      <c r="HVY54" s="7">
        <f t="shared" si="897"/>
        <v>3128.5920000000001</v>
      </c>
      <c r="HVZ54" s="7">
        <f t="shared" si="897"/>
        <v>3128.5920000000001</v>
      </c>
      <c r="HWA54" s="7">
        <f t="shared" si="897"/>
        <v>3128.5920000000001</v>
      </c>
      <c r="HWB54" s="7">
        <f t="shared" si="897"/>
        <v>3128.5920000000001</v>
      </c>
      <c r="HWC54" s="7">
        <f t="shared" si="897"/>
        <v>3128.5920000000001</v>
      </c>
      <c r="HWD54" s="7">
        <f t="shared" si="897"/>
        <v>3128.5920000000001</v>
      </c>
      <c r="HWE54" s="7">
        <f t="shared" si="897"/>
        <v>3128.5920000000001</v>
      </c>
      <c r="HWF54" s="7">
        <f t="shared" si="897"/>
        <v>3128.5920000000001</v>
      </c>
      <c r="HWG54" s="7">
        <f t="shared" si="897"/>
        <v>3128.5920000000001</v>
      </c>
      <c r="HWH54" s="7">
        <f t="shared" si="897"/>
        <v>3128.5920000000001</v>
      </c>
      <c r="HWI54" s="7">
        <f t="shared" si="897"/>
        <v>3128.5920000000001</v>
      </c>
      <c r="HWJ54" s="7">
        <f t="shared" si="897"/>
        <v>3128.5920000000001</v>
      </c>
      <c r="HWK54" s="7">
        <f t="shared" si="897"/>
        <v>3128.5920000000001</v>
      </c>
      <c r="HWL54" s="7">
        <f t="shared" si="897"/>
        <v>3128.5920000000001</v>
      </c>
      <c r="HWM54" s="7">
        <f t="shared" si="897"/>
        <v>3128.5920000000001</v>
      </c>
      <c r="HWN54" s="7">
        <f t="shared" si="897"/>
        <v>3128.5920000000001</v>
      </c>
      <c r="HWO54" s="7">
        <f t="shared" si="897"/>
        <v>3128.5920000000001</v>
      </c>
      <c r="HWP54" s="7">
        <f t="shared" si="897"/>
        <v>3128.5920000000001</v>
      </c>
      <c r="HWQ54" s="7">
        <f t="shared" si="897"/>
        <v>3128.5920000000001</v>
      </c>
      <c r="HWR54" s="7">
        <f t="shared" si="897"/>
        <v>3128.5920000000001</v>
      </c>
      <c r="HWS54" s="7">
        <f t="shared" si="897"/>
        <v>3128.5920000000001</v>
      </c>
      <c r="HWT54" s="7">
        <f t="shared" ref="HWT54:HZE54" si="898">HWT49+HWS54</f>
        <v>3128.5920000000001</v>
      </c>
      <c r="HWU54" s="7">
        <f t="shared" si="898"/>
        <v>3128.5920000000001</v>
      </c>
      <c r="HWV54" s="7">
        <f t="shared" si="898"/>
        <v>3128.5920000000001</v>
      </c>
      <c r="HWW54" s="7">
        <f t="shared" si="898"/>
        <v>3128.5920000000001</v>
      </c>
      <c r="HWX54" s="7">
        <f t="shared" si="898"/>
        <v>3128.5920000000001</v>
      </c>
      <c r="HWY54" s="7">
        <f t="shared" si="898"/>
        <v>3128.5920000000001</v>
      </c>
      <c r="HWZ54" s="7">
        <f t="shared" si="898"/>
        <v>3128.5920000000001</v>
      </c>
      <c r="HXA54" s="7">
        <f t="shared" si="898"/>
        <v>3128.5920000000001</v>
      </c>
      <c r="HXB54" s="7">
        <f t="shared" si="898"/>
        <v>3128.5920000000001</v>
      </c>
      <c r="HXC54" s="7">
        <f t="shared" si="898"/>
        <v>3128.5920000000001</v>
      </c>
      <c r="HXD54" s="7">
        <f t="shared" si="898"/>
        <v>3128.5920000000001</v>
      </c>
      <c r="HXE54" s="7">
        <f t="shared" si="898"/>
        <v>3128.5920000000001</v>
      </c>
      <c r="HXF54" s="7">
        <f t="shared" si="898"/>
        <v>3128.5920000000001</v>
      </c>
      <c r="HXG54" s="7">
        <f t="shared" si="898"/>
        <v>3128.5920000000001</v>
      </c>
      <c r="HXH54" s="7">
        <f t="shared" si="898"/>
        <v>3128.5920000000001</v>
      </c>
      <c r="HXI54" s="7">
        <f t="shared" si="898"/>
        <v>3128.5920000000001</v>
      </c>
      <c r="HXJ54" s="7">
        <f t="shared" si="898"/>
        <v>3128.5920000000001</v>
      </c>
      <c r="HXK54" s="7">
        <f t="shared" si="898"/>
        <v>3128.5920000000001</v>
      </c>
      <c r="HXL54" s="7">
        <f t="shared" si="898"/>
        <v>3128.5920000000001</v>
      </c>
      <c r="HXM54" s="7">
        <f t="shared" si="898"/>
        <v>3128.5920000000001</v>
      </c>
      <c r="HXN54" s="7">
        <f t="shared" si="898"/>
        <v>3128.5920000000001</v>
      </c>
      <c r="HXO54" s="7">
        <f t="shared" si="898"/>
        <v>3128.5920000000001</v>
      </c>
      <c r="HXP54" s="7">
        <f t="shared" si="898"/>
        <v>3128.5920000000001</v>
      </c>
      <c r="HXQ54" s="7">
        <f t="shared" si="898"/>
        <v>3128.5920000000001</v>
      </c>
      <c r="HXR54" s="7">
        <f t="shared" si="898"/>
        <v>3128.5920000000001</v>
      </c>
      <c r="HXS54" s="7">
        <f t="shared" si="898"/>
        <v>3128.5920000000001</v>
      </c>
      <c r="HXT54" s="7">
        <f t="shared" si="898"/>
        <v>3128.5920000000001</v>
      </c>
      <c r="HXU54" s="7">
        <f t="shared" si="898"/>
        <v>3128.5920000000001</v>
      </c>
      <c r="HXV54" s="7">
        <f t="shared" si="898"/>
        <v>3128.5920000000001</v>
      </c>
      <c r="HXW54" s="7">
        <f t="shared" si="898"/>
        <v>3128.5920000000001</v>
      </c>
      <c r="HXX54" s="7">
        <f t="shared" si="898"/>
        <v>3128.5920000000001</v>
      </c>
      <c r="HXY54" s="7">
        <f t="shared" si="898"/>
        <v>3128.5920000000001</v>
      </c>
      <c r="HXZ54" s="7">
        <f t="shared" si="898"/>
        <v>3128.5920000000001</v>
      </c>
      <c r="HYA54" s="7">
        <f t="shared" si="898"/>
        <v>3128.5920000000001</v>
      </c>
      <c r="HYB54" s="7">
        <f t="shared" si="898"/>
        <v>3128.5920000000001</v>
      </c>
      <c r="HYC54" s="7">
        <f t="shared" si="898"/>
        <v>3128.5920000000001</v>
      </c>
      <c r="HYD54" s="7">
        <f t="shared" si="898"/>
        <v>3128.5920000000001</v>
      </c>
      <c r="HYE54" s="7">
        <f t="shared" si="898"/>
        <v>3128.5920000000001</v>
      </c>
      <c r="HYF54" s="7">
        <f t="shared" si="898"/>
        <v>3128.5920000000001</v>
      </c>
      <c r="HYG54" s="7">
        <f t="shared" si="898"/>
        <v>3128.5920000000001</v>
      </c>
      <c r="HYH54" s="7">
        <f t="shared" si="898"/>
        <v>3128.5920000000001</v>
      </c>
      <c r="HYI54" s="7">
        <f t="shared" si="898"/>
        <v>3128.5920000000001</v>
      </c>
      <c r="HYJ54" s="7">
        <f t="shared" si="898"/>
        <v>3128.5920000000001</v>
      </c>
      <c r="HYK54" s="7">
        <f t="shared" si="898"/>
        <v>3128.5920000000001</v>
      </c>
      <c r="HYL54" s="7">
        <f t="shared" si="898"/>
        <v>3128.5920000000001</v>
      </c>
      <c r="HYM54" s="7">
        <f t="shared" si="898"/>
        <v>3128.5920000000001</v>
      </c>
      <c r="HYN54" s="7">
        <f t="shared" si="898"/>
        <v>3128.5920000000001</v>
      </c>
      <c r="HYO54" s="7">
        <f t="shared" si="898"/>
        <v>3128.5920000000001</v>
      </c>
      <c r="HYP54" s="7">
        <f t="shared" si="898"/>
        <v>3128.5920000000001</v>
      </c>
      <c r="HYQ54" s="7">
        <f t="shared" si="898"/>
        <v>3128.5920000000001</v>
      </c>
      <c r="HYR54" s="7">
        <f t="shared" si="898"/>
        <v>3128.5920000000001</v>
      </c>
      <c r="HYS54" s="7">
        <f t="shared" si="898"/>
        <v>3128.5920000000001</v>
      </c>
      <c r="HYT54" s="7">
        <f t="shared" si="898"/>
        <v>3128.5920000000001</v>
      </c>
      <c r="HYU54" s="7">
        <f t="shared" si="898"/>
        <v>3128.5920000000001</v>
      </c>
      <c r="HYV54" s="7">
        <f t="shared" si="898"/>
        <v>3128.5920000000001</v>
      </c>
      <c r="HYW54" s="7">
        <f t="shared" si="898"/>
        <v>3128.5920000000001</v>
      </c>
      <c r="HYX54" s="7">
        <f t="shared" si="898"/>
        <v>3128.5920000000001</v>
      </c>
      <c r="HYY54" s="7">
        <f t="shared" si="898"/>
        <v>3128.5920000000001</v>
      </c>
      <c r="HYZ54" s="7">
        <f t="shared" si="898"/>
        <v>3128.5920000000001</v>
      </c>
      <c r="HZA54" s="7">
        <f t="shared" si="898"/>
        <v>3128.5920000000001</v>
      </c>
      <c r="HZB54" s="7">
        <f t="shared" si="898"/>
        <v>3128.5920000000001</v>
      </c>
      <c r="HZC54" s="7">
        <f t="shared" si="898"/>
        <v>3128.5920000000001</v>
      </c>
      <c r="HZD54" s="7">
        <f t="shared" si="898"/>
        <v>3128.5920000000001</v>
      </c>
      <c r="HZE54" s="7">
        <f t="shared" si="898"/>
        <v>3128.5920000000001</v>
      </c>
      <c r="HZF54" s="7">
        <f t="shared" ref="HZF54:IBQ54" si="899">HZF49+HZE54</f>
        <v>3128.5920000000001</v>
      </c>
      <c r="HZG54" s="7">
        <f t="shared" si="899"/>
        <v>3128.5920000000001</v>
      </c>
      <c r="HZH54" s="7">
        <f t="shared" si="899"/>
        <v>3128.5920000000001</v>
      </c>
      <c r="HZI54" s="7">
        <f t="shared" si="899"/>
        <v>3128.5920000000001</v>
      </c>
      <c r="HZJ54" s="7">
        <f t="shared" si="899"/>
        <v>3128.5920000000001</v>
      </c>
      <c r="HZK54" s="7">
        <f t="shared" si="899"/>
        <v>3128.5920000000001</v>
      </c>
      <c r="HZL54" s="7">
        <f t="shared" si="899"/>
        <v>3128.5920000000001</v>
      </c>
      <c r="HZM54" s="7">
        <f t="shared" si="899"/>
        <v>3128.5920000000001</v>
      </c>
      <c r="HZN54" s="7">
        <f t="shared" si="899"/>
        <v>3128.5920000000001</v>
      </c>
      <c r="HZO54" s="7">
        <f t="shared" si="899"/>
        <v>3128.5920000000001</v>
      </c>
      <c r="HZP54" s="7">
        <f t="shared" si="899"/>
        <v>3128.5920000000001</v>
      </c>
      <c r="HZQ54" s="7">
        <f t="shared" si="899"/>
        <v>3128.5920000000001</v>
      </c>
      <c r="HZR54" s="7">
        <f t="shared" si="899"/>
        <v>3128.5920000000001</v>
      </c>
      <c r="HZS54" s="7">
        <f t="shared" si="899"/>
        <v>3128.5920000000001</v>
      </c>
      <c r="HZT54" s="7">
        <f t="shared" si="899"/>
        <v>3128.5920000000001</v>
      </c>
      <c r="HZU54" s="7">
        <f t="shared" si="899"/>
        <v>3128.5920000000001</v>
      </c>
      <c r="HZV54" s="7">
        <f t="shared" si="899"/>
        <v>3128.5920000000001</v>
      </c>
      <c r="HZW54" s="7">
        <f t="shared" si="899"/>
        <v>3128.5920000000001</v>
      </c>
      <c r="HZX54" s="7">
        <f t="shared" si="899"/>
        <v>3128.5920000000001</v>
      </c>
      <c r="HZY54" s="7">
        <f t="shared" si="899"/>
        <v>3128.5920000000001</v>
      </c>
      <c r="HZZ54" s="7">
        <f t="shared" si="899"/>
        <v>3128.5920000000001</v>
      </c>
      <c r="IAA54" s="7">
        <f t="shared" si="899"/>
        <v>3128.5920000000001</v>
      </c>
      <c r="IAB54" s="7">
        <f t="shared" si="899"/>
        <v>3128.5920000000001</v>
      </c>
      <c r="IAC54" s="7">
        <f t="shared" si="899"/>
        <v>3128.5920000000001</v>
      </c>
      <c r="IAD54" s="7">
        <f t="shared" si="899"/>
        <v>3128.5920000000001</v>
      </c>
      <c r="IAE54" s="7">
        <f t="shared" si="899"/>
        <v>3128.5920000000001</v>
      </c>
      <c r="IAF54" s="7">
        <f t="shared" si="899"/>
        <v>3128.5920000000001</v>
      </c>
      <c r="IAG54" s="7">
        <f t="shared" si="899"/>
        <v>3128.5920000000001</v>
      </c>
      <c r="IAH54" s="7">
        <f t="shared" si="899"/>
        <v>3128.5920000000001</v>
      </c>
      <c r="IAI54" s="7">
        <f t="shared" si="899"/>
        <v>3128.5920000000001</v>
      </c>
      <c r="IAJ54" s="7">
        <f t="shared" si="899"/>
        <v>3128.5920000000001</v>
      </c>
      <c r="IAK54" s="7">
        <f t="shared" si="899"/>
        <v>3128.5920000000001</v>
      </c>
      <c r="IAL54" s="7">
        <f t="shared" si="899"/>
        <v>3128.5920000000001</v>
      </c>
      <c r="IAM54" s="7">
        <f t="shared" si="899"/>
        <v>3128.5920000000001</v>
      </c>
      <c r="IAN54" s="7">
        <f t="shared" si="899"/>
        <v>3128.5920000000001</v>
      </c>
      <c r="IAO54" s="7">
        <f t="shared" si="899"/>
        <v>3128.5920000000001</v>
      </c>
      <c r="IAP54" s="7">
        <f t="shared" si="899"/>
        <v>3128.5920000000001</v>
      </c>
      <c r="IAQ54" s="7">
        <f t="shared" si="899"/>
        <v>3128.5920000000001</v>
      </c>
      <c r="IAR54" s="7">
        <f t="shared" si="899"/>
        <v>3128.5920000000001</v>
      </c>
      <c r="IAS54" s="7">
        <f t="shared" si="899"/>
        <v>3128.5920000000001</v>
      </c>
      <c r="IAT54" s="7">
        <f t="shared" si="899"/>
        <v>3128.5920000000001</v>
      </c>
      <c r="IAU54" s="7">
        <f t="shared" si="899"/>
        <v>3128.5920000000001</v>
      </c>
      <c r="IAV54" s="7">
        <f t="shared" si="899"/>
        <v>3128.5920000000001</v>
      </c>
      <c r="IAW54" s="7">
        <f t="shared" si="899"/>
        <v>3128.5920000000001</v>
      </c>
      <c r="IAX54" s="7">
        <f t="shared" si="899"/>
        <v>3128.5920000000001</v>
      </c>
      <c r="IAY54" s="7">
        <f t="shared" si="899"/>
        <v>3128.5920000000001</v>
      </c>
      <c r="IAZ54" s="7">
        <f t="shared" si="899"/>
        <v>3128.5920000000001</v>
      </c>
      <c r="IBA54" s="7">
        <f t="shared" si="899"/>
        <v>3128.5920000000001</v>
      </c>
      <c r="IBB54" s="7">
        <f t="shared" si="899"/>
        <v>3128.5920000000001</v>
      </c>
      <c r="IBC54" s="7">
        <f t="shared" si="899"/>
        <v>3128.5920000000001</v>
      </c>
      <c r="IBD54" s="7">
        <f t="shared" si="899"/>
        <v>3128.5920000000001</v>
      </c>
      <c r="IBE54" s="7">
        <f t="shared" si="899"/>
        <v>3128.5920000000001</v>
      </c>
      <c r="IBF54" s="7">
        <f t="shared" si="899"/>
        <v>3128.5920000000001</v>
      </c>
      <c r="IBG54" s="7">
        <f t="shared" si="899"/>
        <v>3128.5920000000001</v>
      </c>
      <c r="IBH54" s="7">
        <f t="shared" si="899"/>
        <v>3128.5920000000001</v>
      </c>
      <c r="IBI54" s="7">
        <f t="shared" si="899"/>
        <v>3128.5920000000001</v>
      </c>
      <c r="IBJ54" s="7">
        <f t="shared" si="899"/>
        <v>3128.5920000000001</v>
      </c>
      <c r="IBK54" s="7">
        <f t="shared" si="899"/>
        <v>3128.5920000000001</v>
      </c>
      <c r="IBL54" s="7">
        <f t="shared" si="899"/>
        <v>3128.5920000000001</v>
      </c>
      <c r="IBM54" s="7">
        <f t="shared" si="899"/>
        <v>3128.5920000000001</v>
      </c>
      <c r="IBN54" s="7">
        <f t="shared" si="899"/>
        <v>3128.5920000000001</v>
      </c>
      <c r="IBO54" s="7">
        <f t="shared" si="899"/>
        <v>3128.5920000000001</v>
      </c>
      <c r="IBP54" s="7">
        <f t="shared" si="899"/>
        <v>3128.5920000000001</v>
      </c>
      <c r="IBQ54" s="7">
        <f t="shared" si="899"/>
        <v>3128.5920000000001</v>
      </c>
      <c r="IBR54" s="7">
        <f t="shared" ref="IBR54:IEC54" si="900">IBR49+IBQ54</f>
        <v>3128.5920000000001</v>
      </c>
      <c r="IBS54" s="7">
        <f t="shared" si="900"/>
        <v>3128.5920000000001</v>
      </c>
      <c r="IBT54" s="7">
        <f t="shared" si="900"/>
        <v>3128.5920000000001</v>
      </c>
      <c r="IBU54" s="7">
        <f t="shared" si="900"/>
        <v>3128.5920000000001</v>
      </c>
      <c r="IBV54" s="7">
        <f t="shared" si="900"/>
        <v>3128.5920000000001</v>
      </c>
      <c r="IBW54" s="7">
        <f t="shared" si="900"/>
        <v>3128.5920000000001</v>
      </c>
      <c r="IBX54" s="7">
        <f t="shared" si="900"/>
        <v>3128.5920000000001</v>
      </c>
      <c r="IBY54" s="7">
        <f t="shared" si="900"/>
        <v>3128.5920000000001</v>
      </c>
      <c r="IBZ54" s="7">
        <f t="shared" si="900"/>
        <v>3128.5920000000001</v>
      </c>
      <c r="ICA54" s="7">
        <f t="shared" si="900"/>
        <v>3128.5920000000001</v>
      </c>
      <c r="ICB54" s="7">
        <f t="shared" si="900"/>
        <v>3128.5920000000001</v>
      </c>
      <c r="ICC54" s="7">
        <f t="shared" si="900"/>
        <v>3128.5920000000001</v>
      </c>
      <c r="ICD54" s="7">
        <f t="shared" si="900"/>
        <v>3128.5920000000001</v>
      </c>
      <c r="ICE54" s="7">
        <f t="shared" si="900"/>
        <v>3128.5920000000001</v>
      </c>
      <c r="ICF54" s="7">
        <f t="shared" si="900"/>
        <v>3128.5920000000001</v>
      </c>
      <c r="ICG54" s="7">
        <f t="shared" si="900"/>
        <v>3128.5920000000001</v>
      </c>
      <c r="ICH54" s="7">
        <f t="shared" si="900"/>
        <v>3128.5920000000001</v>
      </c>
      <c r="ICI54" s="7">
        <f t="shared" si="900"/>
        <v>3128.5920000000001</v>
      </c>
      <c r="ICJ54" s="7">
        <f t="shared" si="900"/>
        <v>3128.5920000000001</v>
      </c>
      <c r="ICK54" s="7">
        <f t="shared" si="900"/>
        <v>3128.5920000000001</v>
      </c>
      <c r="ICL54" s="7">
        <f t="shared" si="900"/>
        <v>3128.5920000000001</v>
      </c>
      <c r="ICM54" s="7">
        <f t="shared" si="900"/>
        <v>3128.5920000000001</v>
      </c>
      <c r="ICN54" s="7">
        <f t="shared" si="900"/>
        <v>3128.5920000000001</v>
      </c>
      <c r="ICO54" s="7">
        <f t="shared" si="900"/>
        <v>3128.5920000000001</v>
      </c>
      <c r="ICP54" s="7">
        <f t="shared" si="900"/>
        <v>3128.5920000000001</v>
      </c>
      <c r="ICQ54" s="7">
        <f t="shared" si="900"/>
        <v>3128.5920000000001</v>
      </c>
      <c r="ICR54" s="7">
        <f t="shared" si="900"/>
        <v>3128.5920000000001</v>
      </c>
      <c r="ICS54" s="7">
        <f t="shared" si="900"/>
        <v>3128.5920000000001</v>
      </c>
      <c r="ICT54" s="7">
        <f t="shared" si="900"/>
        <v>3128.5920000000001</v>
      </c>
      <c r="ICU54" s="7">
        <f t="shared" si="900"/>
        <v>3128.5920000000001</v>
      </c>
      <c r="ICV54" s="7">
        <f t="shared" si="900"/>
        <v>3128.5920000000001</v>
      </c>
      <c r="ICW54" s="7">
        <f t="shared" si="900"/>
        <v>3128.5920000000001</v>
      </c>
      <c r="ICX54" s="7">
        <f t="shared" si="900"/>
        <v>3128.5920000000001</v>
      </c>
      <c r="ICY54" s="7">
        <f t="shared" si="900"/>
        <v>3128.5920000000001</v>
      </c>
      <c r="ICZ54" s="7">
        <f t="shared" si="900"/>
        <v>3128.5920000000001</v>
      </c>
      <c r="IDA54" s="7">
        <f t="shared" si="900"/>
        <v>3128.5920000000001</v>
      </c>
      <c r="IDB54" s="7">
        <f t="shared" si="900"/>
        <v>3128.5920000000001</v>
      </c>
      <c r="IDC54" s="7">
        <f t="shared" si="900"/>
        <v>3128.5920000000001</v>
      </c>
      <c r="IDD54" s="7">
        <f t="shared" si="900"/>
        <v>3128.5920000000001</v>
      </c>
      <c r="IDE54" s="7">
        <f t="shared" si="900"/>
        <v>3128.5920000000001</v>
      </c>
      <c r="IDF54" s="7">
        <f t="shared" si="900"/>
        <v>3128.5920000000001</v>
      </c>
      <c r="IDG54" s="7">
        <f t="shared" si="900"/>
        <v>3128.5920000000001</v>
      </c>
      <c r="IDH54" s="7">
        <f t="shared" si="900"/>
        <v>3128.5920000000001</v>
      </c>
      <c r="IDI54" s="7">
        <f t="shared" si="900"/>
        <v>3128.5920000000001</v>
      </c>
      <c r="IDJ54" s="7">
        <f t="shared" si="900"/>
        <v>3128.5920000000001</v>
      </c>
      <c r="IDK54" s="7">
        <f t="shared" si="900"/>
        <v>3128.5920000000001</v>
      </c>
      <c r="IDL54" s="7">
        <f t="shared" si="900"/>
        <v>3128.5920000000001</v>
      </c>
      <c r="IDM54" s="7">
        <f t="shared" si="900"/>
        <v>3128.5920000000001</v>
      </c>
      <c r="IDN54" s="7">
        <f t="shared" si="900"/>
        <v>3128.5920000000001</v>
      </c>
      <c r="IDO54" s="7">
        <f t="shared" si="900"/>
        <v>3128.5920000000001</v>
      </c>
      <c r="IDP54" s="7">
        <f t="shared" si="900"/>
        <v>3128.5920000000001</v>
      </c>
      <c r="IDQ54" s="7">
        <f t="shared" si="900"/>
        <v>3128.5920000000001</v>
      </c>
      <c r="IDR54" s="7">
        <f t="shared" si="900"/>
        <v>3128.5920000000001</v>
      </c>
      <c r="IDS54" s="7">
        <f t="shared" si="900"/>
        <v>3128.5920000000001</v>
      </c>
      <c r="IDT54" s="7">
        <f t="shared" si="900"/>
        <v>3128.5920000000001</v>
      </c>
      <c r="IDU54" s="7">
        <f t="shared" si="900"/>
        <v>3128.5920000000001</v>
      </c>
      <c r="IDV54" s="7">
        <f t="shared" si="900"/>
        <v>3128.5920000000001</v>
      </c>
      <c r="IDW54" s="7">
        <f t="shared" si="900"/>
        <v>3128.5920000000001</v>
      </c>
      <c r="IDX54" s="7">
        <f t="shared" si="900"/>
        <v>3128.5920000000001</v>
      </c>
      <c r="IDY54" s="7">
        <f t="shared" si="900"/>
        <v>3128.5920000000001</v>
      </c>
      <c r="IDZ54" s="7">
        <f t="shared" si="900"/>
        <v>3128.5920000000001</v>
      </c>
      <c r="IEA54" s="7">
        <f t="shared" si="900"/>
        <v>3128.5920000000001</v>
      </c>
      <c r="IEB54" s="7">
        <f t="shared" si="900"/>
        <v>3128.5920000000001</v>
      </c>
      <c r="IEC54" s="7">
        <f t="shared" si="900"/>
        <v>3128.5920000000001</v>
      </c>
      <c r="IED54" s="7">
        <f t="shared" ref="IED54:IGO54" si="901">IED49+IEC54</f>
        <v>3128.5920000000001</v>
      </c>
      <c r="IEE54" s="7">
        <f t="shared" si="901"/>
        <v>3128.5920000000001</v>
      </c>
      <c r="IEF54" s="7">
        <f t="shared" si="901"/>
        <v>3128.5920000000001</v>
      </c>
      <c r="IEG54" s="7">
        <f t="shared" si="901"/>
        <v>3128.5920000000001</v>
      </c>
      <c r="IEH54" s="7">
        <f t="shared" si="901"/>
        <v>3128.5920000000001</v>
      </c>
      <c r="IEI54" s="7">
        <f t="shared" si="901"/>
        <v>3128.5920000000001</v>
      </c>
      <c r="IEJ54" s="7">
        <f t="shared" si="901"/>
        <v>3128.5920000000001</v>
      </c>
      <c r="IEK54" s="7">
        <f t="shared" si="901"/>
        <v>3128.5920000000001</v>
      </c>
      <c r="IEL54" s="7">
        <f t="shared" si="901"/>
        <v>3128.5920000000001</v>
      </c>
      <c r="IEM54" s="7">
        <f t="shared" si="901"/>
        <v>3128.5920000000001</v>
      </c>
      <c r="IEN54" s="7">
        <f t="shared" si="901"/>
        <v>3128.5920000000001</v>
      </c>
      <c r="IEO54" s="7">
        <f t="shared" si="901"/>
        <v>3128.5920000000001</v>
      </c>
      <c r="IEP54" s="7">
        <f t="shared" si="901"/>
        <v>3128.5920000000001</v>
      </c>
      <c r="IEQ54" s="7">
        <f t="shared" si="901"/>
        <v>3128.5920000000001</v>
      </c>
      <c r="IER54" s="7">
        <f t="shared" si="901"/>
        <v>3128.5920000000001</v>
      </c>
      <c r="IES54" s="7">
        <f t="shared" si="901"/>
        <v>3128.5920000000001</v>
      </c>
      <c r="IET54" s="7">
        <f t="shared" si="901"/>
        <v>3128.5920000000001</v>
      </c>
      <c r="IEU54" s="7">
        <f t="shared" si="901"/>
        <v>3128.5920000000001</v>
      </c>
      <c r="IEV54" s="7">
        <f t="shared" si="901"/>
        <v>3128.5920000000001</v>
      </c>
      <c r="IEW54" s="7">
        <f t="shared" si="901"/>
        <v>3128.5920000000001</v>
      </c>
      <c r="IEX54" s="7">
        <f t="shared" si="901"/>
        <v>3128.5920000000001</v>
      </c>
      <c r="IEY54" s="7">
        <f t="shared" si="901"/>
        <v>3128.5920000000001</v>
      </c>
      <c r="IEZ54" s="7">
        <f t="shared" si="901"/>
        <v>3128.5920000000001</v>
      </c>
      <c r="IFA54" s="7">
        <f t="shared" si="901"/>
        <v>3128.5920000000001</v>
      </c>
      <c r="IFB54" s="7">
        <f t="shared" si="901"/>
        <v>3128.5920000000001</v>
      </c>
      <c r="IFC54" s="7">
        <f t="shared" si="901"/>
        <v>3128.5920000000001</v>
      </c>
      <c r="IFD54" s="7">
        <f t="shared" si="901"/>
        <v>3128.5920000000001</v>
      </c>
      <c r="IFE54" s="7">
        <f t="shared" si="901"/>
        <v>3128.5920000000001</v>
      </c>
      <c r="IFF54" s="7">
        <f t="shared" si="901"/>
        <v>3128.5920000000001</v>
      </c>
      <c r="IFG54" s="7">
        <f t="shared" si="901"/>
        <v>3128.5920000000001</v>
      </c>
      <c r="IFH54" s="7">
        <f t="shared" si="901"/>
        <v>3128.5920000000001</v>
      </c>
      <c r="IFI54" s="7">
        <f t="shared" si="901"/>
        <v>3128.5920000000001</v>
      </c>
      <c r="IFJ54" s="7">
        <f t="shared" si="901"/>
        <v>3128.5920000000001</v>
      </c>
      <c r="IFK54" s="7">
        <f t="shared" si="901"/>
        <v>3128.5920000000001</v>
      </c>
      <c r="IFL54" s="7">
        <f t="shared" si="901"/>
        <v>3128.5920000000001</v>
      </c>
      <c r="IFM54" s="7">
        <f t="shared" si="901"/>
        <v>3128.5920000000001</v>
      </c>
      <c r="IFN54" s="7">
        <f t="shared" si="901"/>
        <v>3128.5920000000001</v>
      </c>
      <c r="IFO54" s="7">
        <f t="shared" si="901"/>
        <v>3128.5920000000001</v>
      </c>
      <c r="IFP54" s="7">
        <f t="shared" si="901"/>
        <v>3128.5920000000001</v>
      </c>
      <c r="IFQ54" s="7">
        <f t="shared" si="901"/>
        <v>3128.5920000000001</v>
      </c>
      <c r="IFR54" s="7">
        <f t="shared" si="901"/>
        <v>3128.5920000000001</v>
      </c>
      <c r="IFS54" s="7">
        <f t="shared" si="901"/>
        <v>3128.5920000000001</v>
      </c>
      <c r="IFT54" s="7">
        <f t="shared" si="901"/>
        <v>3128.5920000000001</v>
      </c>
      <c r="IFU54" s="7">
        <f t="shared" si="901"/>
        <v>3128.5920000000001</v>
      </c>
      <c r="IFV54" s="7">
        <f t="shared" si="901"/>
        <v>3128.5920000000001</v>
      </c>
      <c r="IFW54" s="7">
        <f t="shared" si="901"/>
        <v>3128.5920000000001</v>
      </c>
      <c r="IFX54" s="7">
        <f t="shared" si="901"/>
        <v>3128.5920000000001</v>
      </c>
      <c r="IFY54" s="7">
        <f t="shared" si="901"/>
        <v>3128.5920000000001</v>
      </c>
      <c r="IFZ54" s="7">
        <f t="shared" si="901"/>
        <v>3128.5920000000001</v>
      </c>
      <c r="IGA54" s="7">
        <f t="shared" si="901"/>
        <v>3128.5920000000001</v>
      </c>
      <c r="IGB54" s="7">
        <f t="shared" si="901"/>
        <v>3128.5920000000001</v>
      </c>
      <c r="IGC54" s="7">
        <f t="shared" si="901"/>
        <v>3128.5920000000001</v>
      </c>
      <c r="IGD54" s="7">
        <f t="shared" si="901"/>
        <v>3128.5920000000001</v>
      </c>
      <c r="IGE54" s="7">
        <f t="shared" si="901"/>
        <v>3128.5920000000001</v>
      </c>
      <c r="IGF54" s="7">
        <f t="shared" si="901"/>
        <v>3128.5920000000001</v>
      </c>
      <c r="IGG54" s="7">
        <f t="shared" si="901"/>
        <v>3128.5920000000001</v>
      </c>
      <c r="IGH54" s="7">
        <f t="shared" si="901"/>
        <v>3128.5920000000001</v>
      </c>
      <c r="IGI54" s="7">
        <f t="shared" si="901"/>
        <v>3128.5920000000001</v>
      </c>
      <c r="IGJ54" s="7">
        <f t="shared" si="901"/>
        <v>3128.5920000000001</v>
      </c>
      <c r="IGK54" s="7">
        <f t="shared" si="901"/>
        <v>3128.5920000000001</v>
      </c>
      <c r="IGL54" s="7">
        <f t="shared" si="901"/>
        <v>3128.5920000000001</v>
      </c>
      <c r="IGM54" s="7">
        <f t="shared" si="901"/>
        <v>3128.5920000000001</v>
      </c>
      <c r="IGN54" s="7">
        <f t="shared" si="901"/>
        <v>3128.5920000000001</v>
      </c>
      <c r="IGO54" s="7">
        <f t="shared" si="901"/>
        <v>3128.5920000000001</v>
      </c>
      <c r="IGP54" s="7">
        <f t="shared" ref="IGP54:IJA54" si="902">IGP49+IGO54</f>
        <v>3128.5920000000001</v>
      </c>
      <c r="IGQ54" s="7">
        <f t="shared" si="902"/>
        <v>3128.5920000000001</v>
      </c>
      <c r="IGR54" s="7">
        <f t="shared" si="902"/>
        <v>3128.5920000000001</v>
      </c>
      <c r="IGS54" s="7">
        <f t="shared" si="902"/>
        <v>3128.5920000000001</v>
      </c>
      <c r="IGT54" s="7">
        <f t="shared" si="902"/>
        <v>3128.5920000000001</v>
      </c>
      <c r="IGU54" s="7">
        <f t="shared" si="902"/>
        <v>3128.5920000000001</v>
      </c>
      <c r="IGV54" s="7">
        <f t="shared" si="902"/>
        <v>3128.5920000000001</v>
      </c>
      <c r="IGW54" s="7">
        <f t="shared" si="902"/>
        <v>3128.5920000000001</v>
      </c>
      <c r="IGX54" s="7">
        <f t="shared" si="902"/>
        <v>3128.5920000000001</v>
      </c>
      <c r="IGY54" s="7">
        <f t="shared" si="902"/>
        <v>3128.5920000000001</v>
      </c>
      <c r="IGZ54" s="7">
        <f t="shared" si="902"/>
        <v>3128.5920000000001</v>
      </c>
      <c r="IHA54" s="7">
        <f t="shared" si="902"/>
        <v>3128.5920000000001</v>
      </c>
      <c r="IHB54" s="7">
        <f t="shared" si="902"/>
        <v>3128.5920000000001</v>
      </c>
      <c r="IHC54" s="7">
        <f t="shared" si="902"/>
        <v>3128.5920000000001</v>
      </c>
      <c r="IHD54" s="7">
        <f t="shared" si="902"/>
        <v>3128.5920000000001</v>
      </c>
      <c r="IHE54" s="7">
        <f t="shared" si="902"/>
        <v>3128.5920000000001</v>
      </c>
      <c r="IHF54" s="7">
        <f t="shared" si="902"/>
        <v>3128.5920000000001</v>
      </c>
      <c r="IHG54" s="7">
        <f t="shared" si="902"/>
        <v>3128.5920000000001</v>
      </c>
      <c r="IHH54" s="7">
        <f t="shared" si="902"/>
        <v>3128.5920000000001</v>
      </c>
      <c r="IHI54" s="7">
        <f t="shared" si="902"/>
        <v>3128.5920000000001</v>
      </c>
      <c r="IHJ54" s="7">
        <f t="shared" si="902"/>
        <v>3128.5920000000001</v>
      </c>
      <c r="IHK54" s="7">
        <f t="shared" si="902"/>
        <v>3128.5920000000001</v>
      </c>
      <c r="IHL54" s="7">
        <f t="shared" si="902"/>
        <v>3128.5920000000001</v>
      </c>
      <c r="IHM54" s="7">
        <f t="shared" si="902"/>
        <v>3128.5920000000001</v>
      </c>
      <c r="IHN54" s="7">
        <f t="shared" si="902"/>
        <v>3128.5920000000001</v>
      </c>
      <c r="IHO54" s="7">
        <f t="shared" si="902"/>
        <v>3128.5920000000001</v>
      </c>
      <c r="IHP54" s="7">
        <f t="shared" si="902"/>
        <v>3128.5920000000001</v>
      </c>
      <c r="IHQ54" s="7">
        <f t="shared" si="902"/>
        <v>3128.5920000000001</v>
      </c>
      <c r="IHR54" s="7">
        <f t="shared" si="902"/>
        <v>3128.5920000000001</v>
      </c>
      <c r="IHS54" s="7">
        <f t="shared" si="902"/>
        <v>3128.5920000000001</v>
      </c>
      <c r="IHT54" s="7">
        <f t="shared" si="902"/>
        <v>3128.5920000000001</v>
      </c>
      <c r="IHU54" s="7">
        <f t="shared" si="902"/>
        <v>3128.5920000000001</v>
      </c>
      <c r="IHV54" s="7">
        <f t="shared" si="902"/>
        <v>3128.5920000000001</v>
      </c>
      <c r="IHW54" s="7">
        <f t="shared" si="902"/>
        <v>3128.5920000000001</v>
      </c>
      <c r="IHX54" s="7">
        <f t="shared" si="902"/>
        <v>3128.5920000000001</v>
      </c>
      <c r="IHY54" s="7">
        <f t="shared" si="902"/>
        <v>3128.5920000000001</v>
      </c>
      <c r="IHZ54" s="7">
        <f t="shared" si="902"/>
        <v>3128.5920000000001</v>
      </c>
      <c r="IIA54" s="7">
        <f t="shared" si="902"/>
        <v>3128.5920000000001</v>
      </c>
      <c r="IIB54" s="7">
        <f t="shared" si="902"/>
        <v>3128.5920000000001</v>
      </c>
      <c r="IIC54" s="7">
        <f t="shared" si="902"/>
        <v>3128.5920000000001</v>
      </c>
      <c r="IID54" s="7">
        <f t="shared" si="902"/>
        <v>3128.5920000000001</v>
      </c>
      <c r="IIE54" s="7">
        <f t="shared" si="902"/>
        <v>3128.5920000000001</v>
      </c>
      <c r="IIF54" s="7">
        <f t="shared" si="902"/>
        <v>3128.5920000000001</v>
      </c>
      <c r="IIG54" s="7">
        <f t="shared" si="902"/>
        <v>3128.5920000000001</v>
      </c>
      <c r="IIH54" s="7">
        <f t="shared" si="902"/>
        <v>3128.5920000000001</v>
      </c>
      <c r="III54" s="7">
        <f t="shared" si="902"/>
        <v>3128.5920000000001</v>
      </c>
      <c r="IIJ54" s="7">
        <f t="shared" si="902"/>
        <v>3128.5920000000001</v>
      </c>
      <c r="IIK54" s="7">
        <f t="shared" si="902"/>
        <v>3128.5920000000001</v>
      </c>
      <c r="IIL54" s="7">
        <f t="shared" si="902"/>
        <v>3128.5920000000001</v>
      </c>
      <c r="IIM54" s="7">
        <f t="shared" si="902"/>
        <v>3128.5920000000001</v>
      </c>
      <c r="IIN54" s="7">
        <f t="shared" si="902"/>
        <v>3128.5920000000001</v>
      </c>
      <c r="IIO54" s="7">
        <f t="shared" si="902"/>
        <v>3128.5920000000001</v>
      </c>
      <c r="IIP54" s="7">
        <f t="shared" si="902"/>
        <v>3128.5920000000001</v>
      </c>
      <c r="IIQ54" s="7">
        <f t="shared" si="902"/>
        <v>3128.5920000000001</v>
      </c>
      <c r="IIR54" s="7">
        <f t="shared" si="902"/>
        <v>3128.5920000000001</v>
      </c>
      <c r="IIS54" s="7">
        <f t="shared" si="902"/>
        <v>3128.5920000000001</v>
      </c>
      <c r="IIT54" s="7">
        <f t="shared" si="902"/>
        <v>3128.5920000000001</v>
      </c>
      <c r="IIU54" s="7">
        <f t="shared" si="902"/>
        <v>3128.5920000000001</v>
      </c>
      <c r="IIV54" s="7">
        <f t="shared" si="902"/>
        <v>3128.5920000000001</v>
      </c>
      <c r="IIW54" s="7">
        <f t="shared" si="902"/>
        <v>3128.5920000000001</v>
      </c>
      <c r="IIX54" s="7">
        <f t="shared" si="902"/>
        <v>3128.5920000000001</v>
      </c>
      <c r="IIY54" s="7">
        <f t="shared" si="902"/>
        <v>3128.5920000000001</v>
      </c>
      <c r="IIZ54" s="7">
        <f t="shared" si="902"/>
        <v>3128.5920000000001</v>
      </c>
      <c r="IJA54" s="7">
        <f t="shared" si="902"/>
        <v>3128.5920000000001</v>
      </c>
      <c r="IJB54" s="7">
        <f t="shared" ref="IJB54:ILM54" si="903">IJB49+IJA54</f>
        <v>3128.5920000000001</v>
      </c>
      <c r="IJC54" s="7">
        <f t="shared" si="903"/>
        <v>3128.5920000000001</v>
      </c>
      <c r="IJD54" s="7">
        <f t="shared" si="903"/>
        <v>3128.5920000000001</v>
      </c>
      <c r="IJE54" s="7">
        <f t="shared" si="903"/>
        <v>3128.5920000000001</v>
      </c>
      <c r="IJF54" s="7">
        <f t="shared" si="903"/>
        <v>3128.5920000000001</v>
      </c>
      <c r="IJG54" s="7">
        <f t="shared" si="903"/>
        <v>3128.5920000000001</v>
      </c>
      <c r="IJH54" s="7">
        <f t="shared" si="903"/>
        <v>3128.5920000000001</v>
      </c>
      <c r="IJI54" s="7">
        <f t="shared" si="903"/>
        <v>3128.5920000000001</v>
      </c>
      <c r="IJJ54" s="7">
        <f t="shared" si="903"/>
        <v>3128.5920000000001</v>
      </c>
      <c r="IJK54" s="7">
        <f t="shared" si="903"/>
        <v>3128.5920000000001</v>
      </c>
      <c r="IJL54" s="7">
        <f t="shared" si="903"/>
        <v>3128.5920000000001</v>
      </c>
      <c r="IJM54" s="7">
        <f t="shared" si="903"/>
        <v>3128.5920000000001</v>
      </c>
      <c r="IJN54" s="7">
        <f t="shared" si="903"/>
        <v>3128.5920000000001</v>
      </c>
      <c r="IJO54" s="7">
        <f t="shared" si="903"/>
        <v>3128.5920000000001</v>
      </c>
      <c r="IJP54" s="7">
        <f t="shared" si="903"/>
        <v>3128.5920000000001</v>
      </c>
      <c r="IJQ54" s="7">
        <f t="shared" si="903"/>
        <v>3128.5920000000001</v>
      </c>
      <c r="IJR54" s="7">
        <f t="shared" si="903"/>
        <v>3128.5920000000001</v>
      </c>
      <c r="IJS54" s="7">
        <f t="shared" si="903"/>
        <v>3128.5920000000001</v>
      </c>
      <c r="IJT54" s="7">
        <f t="shared" si="903"/>
        <v>3128.5920000000001</v>
      </c>
      <c r="IJU54" s="7">
        <f t="shared" si="903"/>
        <v>3128.5920000000001</v>
      </c>
      <c r="IJV54" s="7">
        <f t="shared" si="903"/>
        <v>3128.5920000000001</v>
      </c>
      <c r="IJW54" s="7">
        <f t="shared" si="903"/>
        <v>3128.5920000000001</v>
      </c>
      <c r="IJX54" s="7">
        <f t="shared" si="903"/>
        <v>3128.5920000000001</v>
      </c>
      <c r="IJY54" s="7">
        <f t="shared" si="903"/>
        <v>3128.5920000000001</v>
      </c>
      <c r="IJZ54" s="7">
        <f t="shared" si="903"/>
        <v>3128.5920000000001</v>
      </c>
      <c r="IKA54" s="7">
        <f t="shared" si="903"/>
        <v>3128.5920000000001</v>
      </c>
      <c r="IKB54" s="7">
        <f t="shared" si="903"/>
        <v>3128.5920000000001</v>
      </c>
      <c r="IKC54" s="7">
        <f t="shared" si="903"/>
        <v>3128.5920000000001</v>
      </c>
      <c r="IKD54" s="7">
        <f t="shared" si="903"/>
        <v>3128.5920000000001</v>
      </c>
      <c r="IKE54" s="7">
        <f t="shared" si="903"/>
        <v>3128.5920000000001</v>
      </c>
      <c r="IKF54" s="7">
        <f t="shared" si="903"/>
        <v>3128.5920000000001</v>
      </c>
      <c r="IKG54" s="7">
        <f t="shared" si="903"/>
        <v>3128.5920000000001</v>
      </c>
      <c r="IKH54" s="7">
        <f t="shared" si="903"/>
        <v>3128.5920000000001</v>
      </c>
      <c r="IKI54" s="7">
        <f t="shared" si="903"/>
        <v>3128.5920000000001</v>
      </c>
      <c r="IKJ54" s="7">
        <f t="shared" si="903"/>
        <v>3128.5920000000001</v>
      </c>
      <c r="IKK54" s="7">
        <f t="shared" si="903"/>
        <v>3128.5920000000001</v>
      </c>
      <c r="IKL54" s="7">
        <f t="shared" si="903"/>
        <v>3128.5920000000001</v>
      </c>
      <c r="IKM54" s="7">
        <f t="shared" si="903"/>
        <v>3128.5920000000001</v>
      </c>
      <c r="IKN54" s="7">
        <f t="shared" si="903"/>
        <v>3128.5920000000001</v>
      </c>
      <c r="IKO54" s="7">
        <f t="shared" si="903"/>
        <v>3128.5920000000001</v>
      </c>
      <c r="IKP54" s="7">
        <f t="shared" si="903"/>
        <v>3128.5920000000001</v>
      </c>
      <c r="IKQ54" s="7">
        <f t="shared" si="903"/>
        <v>3128.5920000000001</v>
      </c>
      <c r="IKR54" s="7">
        <f t="shared" si="903"/>
        <v>3128.5920000000001</v>
      </c>
      <c r="IKS54" s="7">
        <f t="shared" si="903"/>
        <v>3128.5920000000001</v>
      </c>
      <c r="IKT54" s="7">
        <f t="shared" si="903"/>
        <v>3128.5920000000001</v>
      </c>
      <c r="IKU54" s="7">
        <f t="shared" si="903"/>
        <v>3128.5920000000001</v>
      </c>
      <c r="IKV54" s="7">
        <f t="shared" si="903"/>
        <v>3128.5920000000001</v>
      </c>
      <c r="IKW54" s="7">
        <f t="shared" si="903"/>
        <v>3128.5920000000001</v>
      </c>
      <c r="IKX54" s="7">
        <f t="shared" si="903"/>
        <v>3128.5920000000001</v>
      </c>
      <c r="IKY54" s="7">
        <f t="shared" si="903"/>
        <v>3128.5920000000001</v>
      </c>
      <c r="IKZ54" s="7">
        <f t="shared" si="903"/>
        <v>3128.5920000000001</v>
      </c>
      <c r="ILA54" s="7">
        <f t="shared" si="903"/>
        <v>3128.5920000000001</v>
      </c>
      <c r="ILB54" s="7">
        <f t="shared" si="903"/>
        <v>3128.5920000000001</v>
      </c>
      <c r="ILC54" s="7">
        <f t="shared" si="903"/>
        <v>3128.5920000000001</v>
      </c>
      <c r="ILD54" s="7">
        <f t="shared" si="903"/>
        <v>3128.5920000000001</v>
      </c>
      <c r="ILE54" s="7">
        <f t="shared" si="903"/>
        <v>3128.5920000000001</v>
      </c>
      <c r="ILF54" s="7">
        <f t="shared" si="903"/>
        <v>3128.5920000000001</v>
      </c>
      <c r="ILG54" s="7">
        <f t="shared" si="903"/>
        <v>3128.5920000000001</v>
      </c>
      <c r="ILH54" s="7">
        <f t="shared" si="903"/>
        <v>3128.5920000000001</v>
      </c>
      <c r="ILI54" s="7">
        <f t="shared" si="903"/>
        <v>3128.5920000000001</v>
      </c>
      <c r="ILJ54" s="7">
        <f t="shared" si="903"/>
        <v>3128.5920000000001</v>
      </c>
      <c r="ILK54" s="7">
        <f t="shared" si="903"/>
        <v>3128.5920000000001</v>
      </c>
      <c r="ILL54" s="7">
        <f t="shared" si="903"/>
        <v>3128.5920000000001</v>
      </c>
      <c r="ILM54" s="7">
        <f t="shared" si="903"/>
        <v>3128.5920000000001</v>
      </c>
      <c r="ILN54" s="7">
        <f t="shared" ref="ILN54:INY54" si="904">ILN49+ILM54</f>
        <v>3128.5920000000001</v>
      </c>
      <c r="ILO54" s="7">
        <f t="shared" si="904"/>
        <v>3128.5920000000001</v>
      </c>
      <c r="ILP54" s="7">
        <f t="shared" si="904"/>
        <v>3128.5920000000001</v>
      </c>
      <c r="ILQ54" s="7">
        <f t="shared" si="904"/>
        <v>3128.5920000000001</v>
      </c>
      <c r="ILR54" s="7">
        <f t="shared" si="904"/>
        <v>3128.5920000000001</v>
      </c>
      <c r="ILS54" s="7">
        <f t="shared" si="904"/>
        <v>3128.5920000000001</v>
      </c>
      <c r="ILT54" s="7">
        <f t="shared" si="904"/>
        <v>3128.5920000000001</v>
      </c>
      <c r="ILU54" s="7">
        <f t="shared" si="904"/>
        <v>3128.5920000000001</v>
      </c>
      <c r="ILV54" s="7">
        <f t="shared" si="904"/>
        <v>3128.5920000000001</v>
      </c>
      <c r="ILW54" s="7">
        <f t="shared" si="904"/>
        <v>3128.5920000000001</v>
      </c>
      <c r="ILX54" s="7">
        <f t="shared" si="904"/>
        <v>3128.5920000000001</v>
      </c>
      <c r="ILY54" s="7">
        <f t="shared" si="904"/>
        <v>3128.5920000000001</v>
      </c>
      <c r="ILZ54" s="7">
        <f t="shared" si="904"/>
        <v>3128.5920000000001</v>
      </c>
      <c r="IMA54" s="7">
        <f t="shared" si="904"/>
        <v>3128.5920000000001</v>
      </c>
      <c r="IMB54" s="7">
        <f t="shared" si="904"/>
        <v>3128.5920000000001</v>
      </c>
      <c r="IMC54" s="7">
        <f t="shared" si="904"/>
        <v>3128.5920000000001</v>
      </c>
      <c r="IMD54" s="7">
        <f t="shared" si="904"/>
        <v>3128.5920000000001</v>
      </c>
      <c r="IME54" s="7">
        <f t="shared" si="904"/>
        <v>3128.5920000000001</v>
      </c>
      <c r="IMF54" s="7">
        <f t="shared" si="904"/>
        <v>3128.5920000000001</v>
      </c>
      <c r="IMG54" s="7">
        <f t="shared" si="904"/>
        <v>3128.5920000000001</v>
      </c>
      <c r="IMH54" s="7">
        <f t="shared" si="904"/>
        <v>3128.5920000000001</v>
      </c>
      <c r="IMI54" s="7">
        <f t="shared" si="904"/>
        <v>3128.5920000000001</v>
      </c>
      <c r="IMJ54" s="7">
        <f t="shared" si="904"/>
        <v>3128.5920000000001</v>
      </c>
      <c r="IMK54" s="7">
        <f t="shared" si="904"/>
        <v>3128.5920000000001</v>
      </c>
      <c r="IML54" s="7">
        <f t="shared" si="904"/>
        <v>3128.5920000000001</v>
      </c>
      <c r="IMM54" s="7">
        <f t="shared" si="904"/>
        <v>3128.5920000000001</v>
      </c>
      <c r="IMN54" s="7">
        <f t="shared" si="904"/>
        <v>3128.5920000000001</v>
      </c>
      <c r="IMO54" s="7">
        <f t="shared" si="904"/>
        <v>3128.5920000000001</v>
      </c>
      <c r="IMP54" s="7">
        <f t="shared" si="904"/>
        <v>3128.5920000000001</v>
      </c>
      <c r="IMQ54" s="7">
        <f t="shared" si="904"/>
        <v>3128.5920000000001</v>
      </c>
      <c r="IMR54" s="7">
        <f t="shared" si="904"/>
        <v>3128.5920000000001</v>
      </c>
      <c r="IMS54" s="7">
        <f t="shared" si="904"/>
        <v>3128.5920000000001</v>
      </c>
      <c r="IMT54" s="7">
        <f t="shared" si="904"/>
        <v>3128.5920000000001</v>
      </c>
      <c r="IMU54" s="7">
        <f t="shared" si="904"/>
        <v>3128.5920000000001</v>
      </c>
      <c r="IMV54" s="7">
        <f t="shared" si="904"/>
        <v>3128.5920000000001</v>
      </c>
      <c r="IMW54" s="7">
        <f t="shared" si="904"/>
        <v>3128.5920000000001</v>
      </c>
      <c r="IMX54" s="7">
        <f t="shared" si="904"/>
        <v>3128.5920000000001</v>
      </c>
      <c r="IMY54" s="7">
        <f t="shared" si="904"/>
        <v>3128.5920000000001</v>
      </c>
      <c r="IMZ54" s="7">
        <f t="shared" si="904"/>
        <v>3128.5920000000001</v>
      </c>
      <c r="INA54" s="7">
        <f t="shared" si="904"/>
        <v>3128.5920000000001</v>
      </c>
      <c r="INB54" s="7">
        <f t="shared" si="904"/>
        <v>3128.5920000000001</v>
      </c>
      <c r="INC54" s="7">
        <f t="shared" si="904"/>
        <v>3128.5920000000001</v>
      </c>
      <c r="IND54" s="7">
        <f t="shared" si="904"/>
        <v>3128.5920000000001</v>
      </c>
      <c r="INE54" s="7">
        <f t="shared" si="904"/>
        <v>3128.5920000000001</v>
      </c>
      <c r="INF54" s="7">
        <f t="shared" si="904"/>
        <v>3128.5920000000001</v>
      </c>
      <c r="ING54" s="7">
        <f t="shared" si="904"/>
        <v>3128.5920000000001</v>
      </c>
      <c r="INH54" s="7">
        <f t="shared" si="904"/>
        <v>3128.5920000000001</v>
      </c>
      <c r="INI54" s="7">
        <f t="shared" si="904"/>
        <v>3128.5920000000001</v>
      </c>
      <c r="INJ54" s="7">
        <f t="shared" si="904"/>
        <v>3128.5920000000001</v>
      </c>
      <c r="INK54" s="7">
        <f t="shared" si="904"/>
        <v>3128.5920000000001</v>
      </c>
      <c r="INL54" s="7">
        <f t="shared" si="904"/>
        <v>3128.5920000000001</v>
      </c>
      <c r="INM54" s="7">
        <f t="shared" si="904"/>
        <v>3128.5920000000001</v>
      </c>
      <c r="INN54" s="7">
        <f t="shared" si="904"/>
        <v>3128.5920000000001</v>
      </c>
      <c r="INO54" s="7">
        <f t="shared" si="904"/>
        <v>3128.5920000000001</v>
      </c>
      <c r="INP54" s="7">
        <f t="shared" si="904"/>
        <v>3128.5920000000001</v>
      </c>
      <c r="INQ54" s="7">
        <f t="shared" si="904"/>
        <v>3128.5920000000001</v>
      </c>
      <c r="INR54" s="7">
        <f t="shared" si="904"/>
        <v>3128.5920000000001</v>
      </c>
      <c r="INS54" s="7">
        <f t="shared" si="904"/>
        <v>3128.5920000000001</v>
      </c>
      <c r="INT54" s="7">
        <f t="shared" si="904"/>
        <v>3128.5920000000001</v>
      </c>
      <c r="INU54" s="7">
        <f t="shared" si="904"/>
        <v>3128.5920000000001</v>
      </c>
      <c r="INV54" s="7">
        <f t="shared" si="904"/>
        <v>3128.5920000000001</v>
      </c>
      <c r="INW54" s="7">
        <f t="shared" si="904"/>
        <v>3128.5920000000001</v>
      </c>
      <c r="INX54" s="7">
        <f t="shared" si="904"/>
        <v>3128.5920000000001</v>
      </c>
      <c r="INY54" s="7">
        <f t="shared" si="904"/>
        <v>3128.5920000000001</v>
      </c>
      <c r="INZ54" s="7">
        <f t="shared" ref="INZ54:IQK54" si="905">INZ49+INY54</f>
        <v>3128.5920000000001</v>
      </c>
      <c r="IOA54" s="7">
        <f t="shared" si="905"/>
        <v>3128.5920000000001</v>
      </c>
      <c r="IOB54" s="7">
        <f t="shared" si="905"/>
        <v>3128.5920000000001</v>
      </c>
      <c r="IOC54" s="7">
        <f t="shared" si="905"/>
        <v>3128.5920000000001</v>
      </c>
      <c r="IOD54" s="7">
        <f t="shared" si="905"/>
        <v>3128.5920000000001</v>
      </c>
      <c r="IOE54" s="7">
        <f t="shared" si="905"/>
        <v>3128.5920000000001</v>
      </c>
      <c r="IOF54" s="7">
        <f t="shared" si="905"/>
        <v>3128.5920000000001</v>
      </c>
      <c r="IOG54" s="7">
        <f t="shared" si="905"/>
        <v>3128.5920000000001</v>
      </c>
      <c r="IOH54" s="7">
        <f t="shared" si="905"/>
        <v>3128.5920000000001</v>
      </c>
      <c r="IOI54" s="7">
        <f t="shared" si="905"/>
        <v>3128.5920000000001</v>
      </c>
      <c r="IOJ54" s="7">
        <f t="shared" si="905"/>
        <v>3128.5920000000001</v>
      </c>
      <c r="IOK54" s="7">
        <f t="shared" si="905"/>
        <v>3128.5920000000001</v>
      </c>
      <c r="IOL54" s="7">
        <f t="shared" si="905"/>
        <v>3128.5920000000001</v>
      </c>
      <c r="IOM54" s="7">
        <f t="shared" si="905"/>
        <v>3128.5920000000001</v>
      </c>
      <c r="ION54" s="7">
        <f t="shared" si="905"/>
        <v>3128.5920000000001</v>
      </c>
      <c r="IOO54" s="7">
        <f t="shared" si="905"/>
        <v>3128.5920000000001</v>
      </c>
      <c r="IOP54" s="7">
        <f t="shared" si="905"/>
        <v>3128.5920000000001</v>
      </c>
      <c r="IOQ54" s="7">
        <f t="shared" si="905"/>
        <v>3128.5920000000001</v>
      </c>
      <c r="IOR54" s="7">
        <f t="shared" si="905"/>
        <v>3128.5920000000001</v>
      </c>
      <c r="IOS54" s="7">
        <f t="shared" si="905"/>
        <v>3128.5920000000001</v>
      </c>
      <c r="IOT54" s="7">
        <f t="shared" si="905"/>
        <v>3128.5920000000001</v>
      </c>
      <c r="IOU54" s="7">
        <f t="shared" si="905"/>
        <v>3128.5920000000001</v>
      </c>
      <c r="IOV54" s="7">
        <f t="shared" si="905"/>
        <v>3128.5920000000001</v>
      </c>
      <c r="IOW54" s="7">
        <f t="shared" si="905"/>
        <v>3128.5920000000001</v>
      </c>
      <c r="IOX54" s="7">
        <f t="shared" si="905"/>
        <v>3128.5920000000001</v>
      </c>
      <c r="IOY54" s="7">
        <f t="shared" si="905"/>
        <v>3128.5920000000001</v>
      </c>
      <c r="IOZ54" s="7">
        <f t="shared" si="905"/>
        <v>3128.5920000000001</v>
      </c>
      <c r="IPA54" s="7">
        <f t="shared" si="905"/>
        <v>3128.5920000000001</v>
      </c>
      <c r="IPB54" s="7">
        <f t="shared" si="905"/>
        <v>3128.5920000000001</v>
      </c>
      <c r="IPC54" s="7">
        <f t="shared" si="905"/>
        <v>3128.5920000000001</v>
      </c>
      <c r="IPD54" s="7">
        <f t="shared" si="905"/>
        <v>3128.5920000000001</v>
      </c>
      <c r="IPE54" s="7">
        <f t="shared" si="905"/>
        <v>3128.5920000000001</v>
      </c>
      <c r="IPF54" s="7">
        <f t="shared" si="905"/>
        <v>3128.5920000000001</v>
      </c>
      <c r="IPG54" s="7">
        <f t="shared" si="905"/>
        <v>3128.5920000000001</v>
      </c>
      <c r="IPH54" s="7">
        <f t="shared" si="905"/>
        <v>3128.5920000000001</v>
      </c>
      <c r="IPI54" s="7">
        <f t="shared" si="905"/>
        <v>3128.5920000000001</v>
      </c>
      <c r="IPJ54" s="7">
        <f t="shared" si="905"/>
        <v>3128.5920000000001</v>
      </c>
      <c r="IPK54" s="7">
        <f t="shared" si="905"/>
        <v>3128.5920000000001</v>
      </c>
      <c r="IPL54" s="7">
        <f t="shared" si="905"/>
        <v>3128.5920000000001</v>
      </c>
      <c r="IPM54" s="7">
        <f t="shared" si="905"/>
        <v>3128.5920000000001</v>
      </c>
      <c r="IPN54" s="7">
        <f t="shared" si="905"/>
        <v>3128.5920000000001</v>
      </c>
      <c r="IPO54" s="7">
        <f t="shared" si="905"/>
        <v>3128.5920000000001</v>
      </c>
      <c r="IPP54" s="7">
        <f t="shared" si="905"/>
        <v>3128.5920000000001</v>
      </c>
      <c r="IPQ54" s="7">
        <f t="shared" si="905"/>
        <v>3128.5920000000001</v>
      </c>
      <c r="IPR54" s="7">
        <f t="shared" si="905"/>
        <v>3128.5920000000001</v>
      </c>
      <c r="IPS54" s="7">
        <f t="shared" si="905"/>
        <v>3128.5920000000001</v>
      </c>
      <c r="IPT54" s="7">
        <f t="shared" si="905"/>
        <v>3128.5920000000001</v>
      </c>
      <c r="IPU54" s="7">
        <f t="shared" si="905"/>
        <v>3128.5920000000001</v>
      </c>
      <c r="IPV54" s="7">
        <f t="shared" si="905"/>
        <v>3128.5920000000001</v>
      </c>
      <c r="IPW54" s="7">
        <f t="shared" si="905"/>
        <v>3128.5920000000001</v>
      </c>
      <c r="IPX54" s="7">
        <f t="shared" si="905"/>
        <v>3128.5920000000001</v>
      </c>
      <c r="IPY54" s="7">
        <f t="shared" si="905"/>
        <v>3128.5920000000001</v>
      </c>
      <c r="IPZ54" s="7">
        <f t="shared" si="905"/>
        <v>3128.5920000000001</v>
      </c>
      <c r="IQA54" s="7">
        <f t="shared" si="905"/>
        <v>3128.5920000000001</v>
      </c>
      <c r="IQB54" s="7">
        <f t="shared" si="905"/>
        <v>3128.5920000000001</v>
      </c>
      <c r="IQC54" s="7">
        <f t="shared" si="905"/>
        <v>3128.5920000000001</v>
      </c>
      <c r="IQD54" s="7">
        <f t="shared" si="905"/>
        <v>3128.5920000000001</v>
      </c>
      <c r="IQE54" s="7">
        <f t="shared" si="905"/>
        <v>3128.5920000000001</v>
      </c>
      <c r="IQF54" s="7">
        <f t="shared" si="905"/>
        <v>3128.5920000000001</v>
      </c>
      <c r="IQG54" s="7">
        <f t="shared" si="905"/>
        <v>3128.5920000000001</v>
      </c>
      <c r="IQH54" s="7">
        <f t="shared" si="905"/>
        <v>3128.5920000000001</v>
      </c>
      <c r="IQI54" s="7">
        <f t="shared" si="905"/>
        <v>3128.5920000000001</v>
      </c>
      <c r="IQJ54" s="7">
        <f t="shared" si="905"/>
        <v>3128.5920000000001</v>
      </c>
      <c r="IQK54" s="7">
        <f t="shared" si="905"/>
        <v>3128.5920000000001</v>
      </c>
      <c r="IQL54" s="7">
        <f t="shared" ref="IQL54:ISW54" si="906">IQL49+IQK54</f>
        <v>3128.5920000000001</v>
      </c>
      <c r="IQM54" s="7">
        <f t="shared" si="906"/>
        <v>3128.5920000000001</v>
      </c>
      <c r="IQN54" s="7">
        <f t="shared" si="906"/>
        <v>3128.5920000000001</v>
      </c>
      <c r="IQO54" s="7">
        <f t="shared" si="906"/>
        <v>3128.5920000000001</v>
      </c>
      <c r="IQP54" s="7">
        <f t="shared" si="906"/>
        <v>3128.5920000000001</v>
      </c>
      <c r="IQQ54" s="7">
        <f t="shared" si="906"/>
        <v>3128.5920000000001</v>
      </c>
      <c r="IQR54" s="7">
        <f t="shared" si="906"/>
        <v>3128.5920000000001</v>
      </c>
      <c r="IQS54" s="7">
        <f t="shared" si="906"/>
        <v>3128.5920000000001</v>
      </c>
      <c r="IQT54" s="7">
        <f t="shared" si="906"/>
        <v>3128.5920000000001</v>
      </c>
      <c r="IQU54" s="7">
        <f t="shared" si="906"/>
        <v>3128.5920000000001</v>
      </c>
      <c r="IQV54" s="7">
        <f t="shared" si="906"/>
        <v>3128.5920000000001</v>
      </c>
      <c r="IQW54" s="7">
        <f t="shared" si="906"/>
        <v>3128.5920000000001</v>
      </c>
      <c r="IQX54" s="7">
        <f t="shared" si="906"/>
        <v>3128.5920000000001</v>
      </c>
      <c r="IQY54" s="7">
        <f t="shared" si="906"/>
        <v>3128.5920000000001</v>
      </c>
      <c r="IQZ54" s="7">
        <f t="shared" si="906"/>
        <v>3128.5920000000001</v>
      </c>
      <c r="IRA54" s="7">
        <f t="shared" si="906"/>
        <v>3128.5920000000001</v>
      </c>
      <c r="IRB54" s="7">
        <f t="shared" si="906"/>
        <v>3128.5920000000001</v>
      </c>
      <c r="IRC54" s="7">
        <f t="shared" si="906"/>
        <v>3128.5920000000001</v>
      </c>
      <c r="IRD54" s="7">
        <f t="shared" si="906"/>
        <v>3128.5920000000001</v>
      </c>
      <c r="IRE54" s="7">
        <f t="shared" si="906"/>
        <v>3128.5920000000001</v>
      </c>
      <c r="IRF54" s="7">
        <f t="shared" si="906"/>
        <v>3128.5920000000001</v>
      </c>
      <c r="IRG54" s="7">
        <f t="shared" si="906"/>
        <v>3128.5920000000001</v>
      </c>
      <c r="IRH54" s="7">
        <f t="shared" si="906"/>
        <v>3128.5920000000001</v>
      </c>
      <c r="IRI54" s="7">
        <f t="shared" si="906"/>
        <v>3128.5920000000001</v>
      </c>
      <c r="IRJ54" s="7">
        <f t="shared" si="906"/>
        <v>3128.5920000000001</v>
      </c>
      <c r="IRK54" s="7">
        <f t="shared" si="906"/>
        <v>3128.5920000000001</v>
      </c>
      <c r="IRL54" s="7">
        <f t="shared" si="906"/>
        <v>3128.5920000000001</v>
      </c>
      <c r="IRM54" s="7">
        <f t="shared" si="906"/>
        <v>3128.5920000000001</v>
      </c>
      <c r="IRN54" s="7">
        <f t="shared" si="906"/>
        <v>3128.5920000000001</v>
      </c>
      <c r="IRO54" s="7">
        <f t="shared" si="906"/>
        <v>3128.5920000000001</v>
      </c>
      <c r="IRP54" s="7">
        <f t="shared" si="906"/>
        <v>3128.5920000000001</v>
      </c>
      <c r="IRQ54" s="7">
        <f t="shared" si="906"/>
        <v>3128.5920000000001</v>
      </c>
      <c r="IRR54" s="7">
        <f t="shared" si="906"/>
        <v>3128.5920000000001</v>
      </c>
      <c r="IRS54" s="7">
        <f t="shared" si="906"/>
        <v>3128.5920000000001</v>
      </c>
      <c r="IRT54" s="7">
        <f t="shared" si="906"/>
        <v>3128.5920000000001</v>
      </c>
      <c r="IRU54" s="7">
        <f t="shared" si="906"/>
        <v>3128.5920000000001</v>
      </c>
      <c r="IRV54" s="7">
        <f t="shared" si="906"/>
        <v>3128.5920000000001</v>
      </c>
      <c r="IRW54" s="7">
        <f t="shared" si="906"/>
        <v>3128.5920000000001</v>
      </c>
      <c r="IRX54" s="7">
        <f t="shared" si="906"/>
        <v>3128.5920000000001</v>
      </c>
      <c r="IRY54" s="7">
        <f t="shared" si="906"/>
        <v>3128.5920000000001</v>
      </c>
      <c r="IRZ54" s="7">
        <f t="shared" si="906"/>
        <v>3128.5920000000001</v>
      </c>
      <c r="ISA54" s="7">
        <f t="shared" si="906"/>
        <v>3128.5920000000001</v>
      </c>
      <c r="ISB54" s="7">
        <f t="shared" si="906"/>
        <v>3128.5920000000001</v>
      </c>
      <c r="ISC54" s="7">
        <f t="shared" si="906"/>
        <v>3128.5920000000001</v>
      </c>
      <c r="ISD54" s="7">
        <f t="shared" si="906"/>
        <v>3128.5920000000001</v>
      </c>
      <c r="ISE54" s="7">
        <f t="shared" si="906"/>
        <v>3128.5920000000001</v>
      </c>
      <c r="ISF54" s="7">
        <f t="shared" si="906"/>
        <v>3128.5920000000001</v>
      </c>
      <c r="ISG54" s="7">
        <f t="shared" si="906"/>
        <v>3128.5920000000001</v>
      </c>
      <c r="ISH54" s="7">
        <f t="shared" si="906"/>
        <v>3128.5920000000001</v>
      </c>
      <c r="ISI54" s="7">
        <f t="shared" si="906"/>
        <v>3128.5920000000001</v>
      </c>
      <c r="ISJ54" s="7">
        <f t="shared" si="906"/>
        <v>3128.5920000000001</v>
      </c>
      <c r="ISK54" s="7">
        <f t="shared" si="906"/>
        <v>3128.5920000000001</v>
      </c>
      <c r="ISL54" s="7">
        <f t="shared" si="906"/>
        <v>3128.5920000000001</v>
      </c>
      <c r="ISM54" s="7">
        <f t="shared" si="906"/>
        <v>3128.5920000000001</v>
      </c>
      <c r="ISN54" s="7">
        <f t="shared" si="906"/>
        <v>3128.5920000000001</v>
      </c>
      <c r="ISO54" s="7">
        <f t="shared" si="906"/>
        <v>3128.5920000000001</v>
      </c>
      <c r="ISP54" s="7">
        <f t="shared" si="906"/>
        <v>3128.5920000000001</v>
      </c>
      <c r="ISQ54" s="7">
        <f t="shared" si="906"/>
        <v>3128.5920000000001</v>
      </c>
      <c r="ISR54" s="7">
        <f t="shared" si="906"/>
        <v>3128.5920000000001</v>
      </c>
      <c r="ISS54" s="7">
        <f t="shared" si="906"/>
        <v>3128.5920000000001</v>
      </c>
      <c r="IST54" s="7">
        <f t="shared" si="906"/>
        <v>3128.5920000000001</v>
      </c>
      <c r="ISU54" s="7">
        <f t="shared" si="906"/>
        <v>3128.5920000000001</v>
      </c>
      <c r="ISV54" s="7">
        <f t="shared" si="906"/>
        <v>3128.5920000000001</v>
      </c>
      <c r="ISW54" s="7">
        <f t="shared" si="906"/>
        <v>3128.5920000000001</v>
      </c>
      <c r="ISX54" s="7">
        <f t="shared" ref="ISX54:IVI54" si="907">ISX49+ISW54</f>
        <v>3128.5920000000001</v>
      </c>
      <c r="ISY54" s="7">
        <f t="shared" si="907"/>
        <v>3128.5920000000001</v>
      </c>
      <c r="ISZ54" s="7">
        <f t="shared" si="907"/>
        <v>3128.5920000000001</v>
      </c>
      <c r="ITA54" s="7">
        <f t="shared" si="907"/>
        <v>3128.5920000000001</v>
      </c>
      <c r="ITB54" s="7">
        <f t="shared" si="907"/>
        <v>3128.5920000000001</v>
      </c>
      <c r="ITC54" s="7">
        <f t="shared" si="907"/>
        <v>3128.5920000000001</v>
      </c>
      <c r="ITD54" s="7">
        <f t="shared" si="907"/>
        <v>3128.5920000000001</v>
      </c>
      <c r="ITE54" s="7">
        <f t="shared" si="907"/>
        <v>3128.5920000000001</v>
      </c>
      <c r="ITF54" s="7">
        <f t="shared" si="907"/>
        <v>3128.5920000000001</v>
      </c>
      <c r="ITG54" s="7">
        <f t="shared" si="907"/>
        <v>3128.5920000000001</v>
      </c>
      <c r="ITH54" s="7">
        <f t="shared" si="907"/>
        <v>3128.5920000000001</v>
      </c>
      <c r="ITI54" s="7">
        <f t="shared" si="907"/>
        <v>3128.5920000000001</v>
      </c>
      <c r="ITJ54" s="7">
        <f t="shared" si="907"/>
        <v>3128.5920000000001</v>
      </c>
      <c r="ITK54" s="7">
        <f t="shared" si="907"/>
        <v>3128.5920000000001</v>
      </c>
      <c r="ITL54" s="7">
        <f t="shared" si="907"/>
        <v>3128.5920000000001</v>
      </c>
      <c r="ITM54" s="7">
        <f t="shared" si="907"/>
        <v>3128.5920000000001</v>
      </c>
      <c r="ITN54" s="7">
        <f t="shared" si="907"/>
        <v>3128.5920000000001</v>
      </c>
      <c r="ITO54" s="7">
        <f t="shared" si="907"/>
        <v>3128.5920000000001</v>
      </c>
      <c r="ITP54" s="7">
        <f t="shared" si="907"/>
        <v>3128.5920000000001</v>
      </c>
      <c r="ITQ54" s="7">
        <f t="shared" si="907"/>
        <v>3128.5920000000001</v>
      </c>
      <c r="ITR54" s="7">
        <f t="shared" si="907"/>
        <v>3128.5920000000001</v>
      </c>
      <c r="ITS54" s="7">
        <f t="shared" si="907"/>
        <v>3128.5920000000001</v>
      </c>
      <c r="ITT54" s="7">
        <f t="shared" si="907"/>
        <v>3128.5920000000001</v>
      </c>
      <c r="ITU54" s="7">
        <f t="shared" si="907"/>
        <v>3128.5920000000001</v>
      </c>
      <c r="ITV54" s="7">
        <f t="shared" si="907"/>
        <v>3128.5920000000001</v>
      </c>
      <c r="ITW54" s="7">
        <f t="shared" si="907"/>
        <v>3128.5920000000001</v>
      </c>
      <c r="ITX54" s="7">
        <f t="shared" si="907"/>
        <v>3128.5920000000001</v>
      </c>
      <c r="ITY54" s="7">
        <f t="shared" si="907"/>
        <v>3128.5920000000001</v>
      </c>
      <c r="ITZ54" s="7">
        <f t="shared" si="907"/>
        <v>3128.5920000000001</v>
      </c>
      <c r="IUA54" s="7">
        <f t="shared" si="907"/>
        <v>3128.5920000000001</v>
      </c>
      <c r="IUB54" s="7">
        <f t="shared" si="907"/>
        <v>3128.5920000000001</v>
      </c>
      <c r="IUC54" s="7">
        <f t="shared" si="907"/>
        <v>3128.5920000000001</v>
      </c>
      <c r="IUD54" s="7">
        <f t="shared" si="907"/>
        <v>3128.5920000000001</v>
      </c>
      <c r="IUE54" s="7">
        <f t="shared" si="907"/>
        <v>3128.5920000000001</v>
      </c>
      <c r="IUF54" s="7">
        <f t="shared" si="907"/>
        <v>3128.5920000000001</v>
      </c>
      <c r="IUG54" s="7">
        <f t="shared" si="907"/>
        <v>3128.5920000000001</v>
      </c>
      <c r="IUH54" s="7">
        <f t="shared" si="907"/>
        <v>3128.5920000000001</v>
      </c>
      <c r="IUI54" s="7">
        <f t="shared" si="907"/>
        <v>3128.5920000000001</v>
      </c>
      <c r="IUJ54" s="7">
        <f t="shared" si="907"/>
        <v>3128.5920000000001</v>
      </c>
      <c r="IUK54" s="7">
        <f t="shared" si="907"/>
        <v>3128.5920000000001</v>
      </c>
      <c r="IUL54" s="7">
        <f t="shared" si="907"/>
        <v>3128.5920000000001</v>
      </c>
      <c r="IUM54" s="7">
        <f t="shared" si="907"/>
        <v>3128.5920000000001</v>
      </c>
      <c r="IUN54" s="7">
        <f t="shared" si="907"/>
        <v>3128.5920000000001</v>
      </c>
      <c r="IUO54" s="7">
        <f t="shared" si="907"/>
        <v>3128.5920000000001</v>
      </c>
      <c r="IUP54" s="7">
        <f t="shared" si="907"/>
        <v>3128.5920000000001</v>
      </c>
      <c r="IUQ54" s="7">
        <f t="shared" si="907"/>
        <v>3128.5920000000001</v>
      </c>
      <c r="IUR54" s="7">
        <f t="shared" si="907"/>
        <v>3128.5920000000001</v>
      </c>
      <c r="IUS54" s="7">
        <f t="shared" si="907"/>
        <v>3128.5920000000001</v>
      </c>
      <c r="IUT54" s="7">
        <f t="shared" si="907"/>
        <v>3128.5920000000001</v>
      </c>
      <c r="IUU54" s="7">
        <f t="shared" si="907"/>
        <v>3128.5920000000001</v>
      </c>
      <c r="IUV54" s="7">
        <f t="shared" si="907"/>
        <v>3128.5920000000001</v>
      </c>
      <c r="IUW54" s="7">
        <f t="shared" si="907"/>
        <v>3128.5920000000001</v>
      </c>
      <c r="IUX54" s="7">
        <f t="shared" si="907"/>
        <v>3128.5920000000001</v>
      </c>
      <c r="IUY54" s="7">
        <f t="shared" si="907"/>
        <v>3128.5920000000001</v>
      </c>
      <c r="IUZ54" s="7">
        <f t="shared" si="907"/>
        <v>3128.5920000000001</v>
      </c>
      <c r="IVA54" s="7">
        <f t="shared" si="907"/>
        <v>3128.5920000000001</v>
      </c>
      <c r="IVB54" s="7">
        <f t="shared" si="907"/>
        <v>3128.5920000000001</v>
      </c>
      <c r="IVC54" s="7">
        <f t="shared" si="907"/>
        <v>3128.5920000000001</v>
      </c>
      <c r="IVD54" s="7">
        <f t="shared" si="907"/>
        <v>3128.5920000000001</v>
      </c>
      <c r="IVE54" s="7">
        <f t="shared" si="907"/>
        <v>3128.5920000000001</v>
      </c>
      <c r="IVF54" s="7">
        <f t="shared" si="907"/>
        <v>3128.5920000000001</v>
      </c>
      <c r="IVG54" s="7">
        <f t="shared" si="907"/>
        <v>3128.5920000000001</v>
      </c>
      <c r="IVH54" s="7">
        <f t="shared" si="907"/>
        <v>3128.5920000000001</v>
      </c>
      <c r="IVI54" s="7">
        <f t="shared" si="907"/>
        <v>3128.5920000000001</v>
      </c>
      <c r="IVJ54" s="7">
        <f t="shared" ref="IVJ54:IXU54" si="908">IVJ49+IVI54</f>
        <v>3128.5920000000001</v>
      </c>
      <c r="IVK54" s="7">
        <f t="shared" si="908"/>
        <v>3128.5920000000001</v>
      </c>
      <c r="IVL54" s="7">
        <f t="shared" si="908"/>
        <v>3128.5920000000001</v>
      </c>
      <c r="IVM54" s="7">
        <f t="shared" si="908"/>
        <v>3128.5920000000001</v>
      </c>
      <c r="IVN54" s="7">
        <f t="shared" si="908"/>
        <v>3128.5920000000001</v>
      </c>
      <c r="IVO54" s="7">
        <f t="shared" si="908"/>
        <v>3128.5920000000001</v>
      </c>
      <c r="IVP54" s="7">
        <f t="shared" si="908"/>
        <v>3128.5920000000001</v>
      </c>
      <c r="IVQ54" s="7">
        <f t="shared" si="908"/>
        <v>3128.5920000000001</v>
      </c>
      <c r="IVR54" s="7">
        <f t="shared" si="908"/>
        <v>3128.5920000000001</v>
      </c>
      <c r="IVS54" s="7">
        <f t="shared" si="908"/>
        <v>3128.5920000000001</v>
      </c>
      <c r="IVT54" s="7">
        <f t="shared" si="908"/>
        <v>3128.5920000000001</v>
      </c>
      <c r="IVU54" s="7">
        <f t="shared" si="908"/>
        <v>3128.5920000000001</v>
      </c>
      <c r="IVV54" s="7">
        <f t="shared" si="908"/>
        <v>3128.5920000000001</v>
      </c>
      <c r="IVW54" s="7">
        <f t="shared" si="908"/>
        <v>3128.5920000000001</v>
      </c>
      <c r="IVX54" s="7">
        <f t="shared" si="908"/>
        <v>3128.5920000000001</v>
      </c>
      <c r="IVY54" s="7">
        <f t="shared" si="908"/>
        <v>3128.5920000000001</v>
      </c>
      <c r="IVZ54" s="7">
        <f t="shared" si="908"/>
        <v>3128.5920000000001</v>
      </c>
      <c r="IWA54" s="7">
        <f t="shared" si="908"/>
        <v>3128.5920000000001</v>
      </c>
      <c r="IWB54" s="7">
        <f t="shared" si="908"/>
        <v>3128.5920000000001</v>
      </c>
      <c r="IWC54" s="7">
        <f t="shared" si="908"/>
        <v>3128.5920000000001</v>
      </c>
      <c r="IWD54" s="7">
        <f t="shared" si="908"/>
        <v>3128.5920000000001</v>
      </c>
      <c r="IWE54" s="7">
        <f t="shared" si="908"/>
        <v>3128.5920000000001</v>
      </c>
      <c r="IWF54" s="7">
        <f t="shared" si="908"/>
        <v>3128.5920000000001</v>
      </c>
      <c r="IWG54" s="7">
        <f t="shared" si="908"/>
        <v>3128.5920000000001</v>
      </c>
      <c r="IWH54" s="7">
        <f t="shared" si="908"/>
        <v>3128.5920000000001</v>
      </c>
      <c r="IWI54" s="7">
        <f t="shared" si="908"/>
        <v>3128.5920000000001</v>
      </c>
      <c r="IWJ54" s="7">
        <f t="shared" si="908"/>
        <v>3128.5920000000001</v>
      </c>
      <c r="IWK54" s="7">
        <f t="shared" si="908"/>
        <v>3128.5920000000001</v>
      </c>
      <c r="IWL54" s="7">
        <f t="shared" si="908"/>
        <v>3128.5920000000001</v>
      </c>
      <c r="IWM54" s="7">
        <f t="shared" si="908"/>
        <v>3128.5920000000001</v>
      </c>
      <c r="IWN54" s="7">
        <f t="shared" si="908"/>
        <v>3128.5920000000001</v>
      </c>
      <c r="IWO54" s="7">
        <f t="shared" si="908"/>
        <v>3128.5920000000001</v>
      </c>
      <c r="IWP54" s="7">
        <f t="shared" si="908"/>
        <v>3128.5920000000001</v>
      </c>
      <c r="IWQ54" s="7">
        <f t="shared" si="908"/>
        <v>3128.5920000000001</v>
      </c>
      <c r="IWR54" s="7">
        <f t="shared" si="908"/>
        <v>3128.5920000000001</v>
      </c>
      <c r="IWS54" s="7">
        <f t="shared" si="908"/>
        <v>3128.5920000000001</v>
      </c>
      <c r="IWT54" s="7">
        <f t="shared" si="908"/>
        <v>3128.5920000000001</v>
      </c>
      <c r="IWU54" s="7">
        <f t="shared" si="908"/>
        <v>3128.5920000000001</v>
      </c>
      <c r="IWV54" s="7">
        <f t="shared" si="908"/>
        <v>3128.5920000000001</v>
      </c>
      <c r="IWW54" s="7">
        <f t="shared" si="908"/>
        <v>3128.5920000000001</v>
      </c>
      <c r="IWX54" s="7">
        <f t="shared" si="908"/>
        <v>3128.5920000000001</v>
      </c>
      <c r="IWY54" s="7">
        <f t="shared" si="908"/>
        <v>3128.5920000000001</v>
      </c>
      <c r="IWZ54" s="7">
        <f t="shared" si="908"/>
        <v>3128.5920000000001</v>
      </c>
      <c r="IXA54" s="7">
        <f t="shared" si="908"/>
        <v>3128.5920000000001</v>
      </c>
      <c r="IXB54" s="7">
        <f t="shared" si="908"/>
        <v>3128.5920000000001</v>
      </c>
      <c r="IXC54" s="7">
        <f t="shared" si="908"/>
        <v>3128.5920000000001</v>
      </c>
      <c r="IXD54" s="7">
        <f t="shared" si="908"/>
        <v>3128.5920000000001</v>
      </c>
      <c r="IXE54" s="7">
        <f t="shared" si="908"/>
        <v>3128.5920000000001</v>
      </c>
      <c r="IXF54" s="7">
        <f t="shared" si="908"/>
        <v>3128.5920000000001</v>
      </c>
      <c r="IXG54" s="7">
        <f t="shared" si="908"/>
        <v>3128.5920000000001</v>
      </c>
      <c r="IXH54" s="7">
        <f t="shared" si="908"/>
        <v>3128.5920000000001</v>
      </c>
      <c r="IXI54" s="7">
        <f t="shared" si="908"/>
        <v>3128.5920000000001</v>
      </c>
      <c r="IXJ54" s="7">
        <f t="shared" si="908"/>
        <v>3128.5920000000001</v>
      </c>
      <c r="IXK54" s="7">
        <f t="shared" si="908"/>
        <v>3128.5920000000001</v>
      </c>
      <c r="IXL54" s="7">
        <f t="shared" si="908"/>
        <v>3128.5920000000001</v>
      </c>
      <c r="IXM54" s="7">
        <f t="shared" si="908"/>
        <v>3128.5920000000001</v>
      </c>
      <c r="IXN54" s="7">
        <f t="shared" si="908"/>
        <v>3128.5920000000001</v>
      </c>
      <c r="IXO54" s="7">
        <f t="shared" si="908"/>
        <v>3128.5920000000001</v>
      </c>
      <c r="IXP54" s="7">
        <f t="shared" si="908"/>
        <v>3128.5920000000001</v>
      </c>
      <c r="IXQ54" s="7">
        <f t="shared" si="908"/>
        <v>3128.5920000000001</v>
      </c>
      <c r="IXR54" s="7">
        <f t="shared" si="908"/>
        <v>3128.5920000000001</v>
      </c>
      <c r="IXS54" s="7">
        <f t="shared" si="908"/>
        <v>3128.5920000000001</v>
      </c>
      <c r="IXT54" s="7">
        <f t="shared" si="908"/>
        <v>3128.5920000000001</v>
      </c>
      <c r="IXU54" s="7">
        <f t="shared" si="908"/>
        <v>3128.5920000000001</v>
      </c>
      <c r="IXV54" s="7">
        <f t="shared" ref="IXV54:JAG54" si="909">IXV49+IXU54</f>
        <v>3128.5920000000001</v>
      </c>
      <c r="IXW54" s="7">
        <f t="shared" si="909"/>
        <v>3128.5920000000001</v>
      </c>
      <c r="IXX54" s="7">
        <f t="shared" si="909"/>
        <v>3128.5920000000001</v>
      </c>
      <c r="IXY54" s="7">
        <f t="shared" si="909"/>
        <v>3128.5920000000001</v>
      </c>
      <c r="IXZ54" s="7">
        <f t="shared" si="909"/>
        <v>3128.5920000000001</v>
      </c>
      <c r="IYA54" s="7">
        <f t="shared" si="909"/>
        <v>3128.5920000000001</v>
      </c>
      <c r="IYB54" s="7">
        <f t="shared" si="909"/>
        <v>3128.5920000000001</v>
      </c>
      <c r="IYC54" s="7">
        <f t="shared" si="909"/>
        <v>3128.5920000000001</v>
      </c>
      <c r="IYD54" s="7">
        <f t="shared" si="909"/>
        <v>3128.5920000000001</v>
      </c>
      <c r="IYE54" s="7">
        <f t="shared" si="909"/>
        <v>3128.5920000000001</v>
      </c>
      <c r="IYF54" s="7">
        <f t="shared" si="909"/>
        <v>3128.5920000000001</v>
      </c>
      <c r="IYG54" s="7">
        <f t="shared" si="909"/>
        <v>3128.5920000000001</v>
      </c>
      <c r="IYH54" s="7">
        <f t="shared" si="909"/>
        <v>3128.5920000000001</v>
      </c>
      <c r="IYI54" s="7">
        <f t="shared" si="909"/>
        <v>3128.5920000000001</v>
      </c>
      <c r="IYJ54" s="7">
        <f t="shared" si="909"/>
        <v>3128.5920000000001</v>
      </c>
      <c r="IYK54" s="7">
        <f t="shared" si="909"/>
        <v>3128.5920000000001</v>
      </c>
      <c r="IYL54" s="7">
        <f t="shared" si="909"/>
        <v>3128.5920000000001</v>
      </c>
      <c r="IYM54" s="7">
        <f t="shared" si="909"/>
        <v>3128.5920000000001</v>
      </c>
      <c r="IYN54" s="7">
        <f t="shared" si="909"/>
        <v>3128.5920000000001</v>
      </c>
      <c r="IYO54" s="7">
        <f t="shared" si="909"/>
        <v>3128.5920000000001</v>
      </c>
      <c r="IYP54" s="7">
        <f t="shared" si="909"/>
        <v>3128.5920000000001</v>
      </c>
      <c r="IYQ54" s="7">
        <f t="shared" si="909"/>
        <v>3128.5920000000001</v>
      </c>
      <c r="IYR54" s="7">
        <f t="shared" si="909"/>
        <v>3128.5920000000001</v>
      </c>
      <c r="IYS54" s="7">
        <f t="shared" si="909"/>
        <v>3128.5920000000001</v>
      </c>
      <c r="IYT54" s="7">
        <f t="shared" si="909"/>
        <v>3128.5920000000001</v>
      </c>
      <c r="IYU54" s="7">
        <f t="shared" si="909"/>
        <v>3128.5920000000001</v>
      </c>
      <c r="IYV54" s="7">
        <f t="shared" si="909"/>
        <v>3128.5920000000001</v>
      </c>
      <c r="IYW54" s="7">
        <f t="shared" si="909"/>
        <v>3128.5920000000001</v>
      </c>
      <c r="IYX54" s="7">
        <f t="shared" si="909"/>
        <v>3128.5920000000001</v>
      </c>
      <c r="IYY54" s="7">
        <f t="shared" si="909"/>
        <v>3128.5920000000001</v>
      </c>
      <c r="IYZ54" s="7">
        <f t="shared" si="909"/>
        <v>3128.5920000000001</v>
      </c>
      <c r="IZA54" s="7">
        <f t="shared" si="909"/>
        <v>3128.5920000000001</v>
      </c>
      <c r="IZB54" s="7">
        <f t="shared" si="909"/>
        <v>3128.5920000000001</v>
      </c>
      <c r="IZC54" s="7">
        <f t="shared" si="909"/>
        <v>3128.5920000000001</v>
      </c>
      <c r="IZD54" s="7">
        <f t="shared" si="909"/>
        <v>3128.5920000000001</v>
      </c>
      <c r="IZE54" s="7">
        <f t="shared" si="909"/>
        <v>3128.5920000000001</v>
      </c>
      <c r="IZF54" s="7">
        <f t="shared" si="909"/>
        <v>3128.5920000000001</v>
      </c>
      <c r="IZG54" s="7">
        <f t="shared" si="909"/>
        <v>3128.5920000000001</v>
      </c>
      <c r="IZH54" s="7">
        <f t="shared" si="909"/>
        <v>3128.5920000000001</v>
      </c>
      <c r="IZI54" s="7">
        <f t="shared" si="909"/>
        <v>3128.5920000000001</v>
      </c>
      <c r="IZJ54" s="7">
        <f t="shared" si="909"/>
        <v>3128.5920000000001</v>
      </c>
      <c r="IZK54" s="7">
        <f t="shared" si="909"/>
        <v>3128.5920000000001</v>
      </c>
      <c r="IZL54" s="7">
        <f t="shared" si="909"/>
        <v>3128.5920000000001</v>
      </c>
      <c r="IZM54" s="7">
        <f t="shared" si="909"/>
        <v>3128.5920000000001</v>
      </c>
      <c r="IZN54" s="7">
        <f t="shared" si="909"/>
        <v>3128.5920000000001</v>
      </c>
      <c r="IZO54" s="7">
        <f t="shared" si="909"/>
        <v>3128.5920000000001</v>
      </c>
      <c r="IZP54" s="7">
        <f t="shared" si="909"/>
        <v>3128.5920000000001</v>
      </c>
      <c r="IZQ54" s="7">
        <f t="shared" si="909"/>
        <v>3128.5920000000001</v>
      </c>
      <c r="IZR54" s="7">
        <f t="shared" si="909"/>
        <v>3128.5920000000001</v>
      </c>
      <c r="IZS54" s="7">
        <f t="shared" si="909"/>
        <v>3128.5920000000001</v>
      </c>
      <c r="IZT54" s="7">
        <f t="shared" si="909"/>
        <v>3128.5920000000001</v>
      </c>
      <c r="IZU54" s="7">
        <f t="shared" si="909"/>
        <v>3128.5920000000001</v>
      </c>
      <c r="IZV54" s="7">
        <f t="shared" si="909"/>
        <v>3128.5920000000001</v>
      </c>
      <c r="IZW54" s="7">
        <f t="shared" si="909"/>
        <v>3128.5920000000001</v>
      </c>
      <c r="IZX54" s="7">
        <f t="shared" si="909"/>
        <v>3128.5920000000001</v>
      </c>
      <c r="IZY54" s="7">
        <f t="shared" si="909"/>
        <v>3128.5920000000001</v>
      </c>
      <c r="IZZ54" s="7">
        <f t="shared" si="909"/>
        <v>3128.5920000000001</v>
      </c>
      <c r="JAA54" s="7">
        <f t="shared" si="909"/>
        <v>3128.5920000000001</v>
      </c>
      <c r="JAB54" s="7">
        <f t="shared" si="909"/>
        <v>3128.5920000000001</v>
      </c>
      <c r="JAC54" s="7">
        <f t="shared" si="909"/>
        <v>3128.5920000000001</v>
      </c>
      <c r="JAD54" s="7">
        <f t="shared" si="909"/>
        <v>3128.5920000000001</v>
      </c>
      <c r="JAE54" s="7">
        <f t="shared" si="909"/>
        <v>3128.5920000000001</v>
      </c>
      <c r="JAF54" s="7">
        <f t="shared" si="909"/>
        <v>3128.5920000000001</v>
      </c>
      <c r="JAG54" s="7">
        <f t="shared" si="909"/>
        <v>3128.5920000000001</v>
      </c>
      <c r="JAH54" s="7">
        <f t="shared" ref="JAH54:JCS54" si="910">JAH49+JAG54</f>
        <v>3128.5920000000001</v>
      </c>
      <c r="JAI54" s="7">
        <f t="shared" si="910"/>
        <v>3128.5920000000001</v>
      </c>
      <c r="JAJ54" s="7">
        <f t="shared" si="910"/>
        <v>3128.5920000000001</v>
      </c>
      <c r="JAK54" s="7">
        <f t="shared" si="910"/>
        <v>3128.5920000000001</v>
      </c>
      <c r="JAL54" s="7">
        <f t="shared" si="910"/>
        <v>3128.5920000000001</v>
      </c>
      <c r="JAM54" s="7">
        <f t="shared" si="910"/>
        <v>3128.5920000000001</v>
      </c>
      <c r="JAN54" s="7">
        <f t="shared" si="910"/>
        <v>3128.5920000000001</v>
      </c>
      <c r="JAO54" s="7">
        <f t="shared" si="910"/>
        <v>3128.5920000000001</v>
      </c>
      <c r="JAP54" s="7">
        <f t="shared" si="910"/>
        <v>3128.5920000000001</v>
      </c>
      <c r="JAQ54" s="7">
        <f t="shared" si="910"/>
        <v>3128.5920000000001</v>
      </c>
      <c r="JAR54" s="7">
        <f t="shared" si="910"/>
        <v>3128.5920000000001</v>
      </c>
      <c r="JAS54" s="7">
        <f t="shared" si="910"/>
        <v>3128.5920000000001</v>
      </c>
      <c r="JAT54" s="7">
        <f t="shared" si="910"/>
        <v>3128.5920000000001</v>
      </c>
      <c r="JAU54" s="7">
        <f t="shared" si="910"/>
        <v>3128.5920000000001</v>
      </c>
      <c r="JAV54" s="7">
        <f t="shared" si="910"/>
        <v>3128.5920000000001</v>
      </c>
      <c r="JAW54" s="7">
        <f t="shared" si="910"/>
        <v>3128.5920000000001</v>
      </c>
      <c r="JAX54" s="7">
        <f t="shared" si="910"/>
        <v>3128.5920000000001</v>
      </c>
      <c r="JAY54" s="7">
        <f t="shared" si="910"/>
        <v>3128.5920000000001</v>
      </c>
      <c r="JAZ54" s="7">
        <f t="shared" si="910"/>
        <v>3128.5920000000001</v>
      </c>
      <c r="JBA54" s="7">
        <f t="shared" si="910"/>
        <v>3128.5920000000001</v>
      </c>
      <c r="JBB54" s="7">
        <f t="shared" si="910"/>
        <v>3128.5920000000001</v>
      </c>
      <c r="JBC54" s="7">
        <f t="shared" si="910"/>
        <v>3128.5920000000001</v>
      </c>
      <c r="JBD54" s="7">
        <f t="shared" si="910"/>
        <v>3128.5920000000001</v>
      </c>
      <c r="JBE54" s="7">
        <f t="shared" si="910"/>
        <v>3128.5920000000001</v>
      </c>
      <c r="JBF54" s="7">
        <f t="shared" si="910"/>
        <v>3128.5920000000001</v>
      </c>
      <c r="JBG54" s="7">
        <f t="shared" si="910"/>
        <v>3128.5920000000001</v>
      </c>
      <c r="JBH54" s="7">
        <f t="shared" si="910"/>
        <v>3128.5920000000001</v>
      </c>
      <c r="JBI54" s="7">
        <f t="shared" si="910"/>
        <v>3128.5920000000001</v>
      </c>
      <c r="JBJ54" s="7">
        <f t="shared" si="910"/>
        <v>3128.5920000000001</v>
      </c>
      <c r="JBK54" s="7">
        <f t="shared" si="910"/>
        <v>3128.5920000000001</v>
      </c>
      <c r="JBL54" s="7">
        <f t="shared" si="910"/>
        <v>3128.5920000000001</v>
      </c>
      <c r="JBM54" s="7">
        <f t="shared" si="910"/>
        <v>3128.5920000000001</v>
      </c>
      <c r="JBN54" s="7">
        <f t="shared" si="910"/>
        <v>3128.5920000000001</v>
      </c>
      <c r="JBO54" s="7">
        <f t="shared" si="910"/>
        <v>3128.5920000000001</v>
      </c>
      <c r="JBP54" s="7">
        <f t="shared" si="910"/>
        <v>3128.5920000000001</v>
      </c>
      <c r="JBQ54" s="7">
        <f t="shared" si="910"/>
        <v>3128.5920000000001</v>
      </c>
      <c r="JBR54" s="7">
        <f t="shared" si="910"/>
        <v>3128.5920000000001</v>
      </c>
      <c r="JBS54" s="7">
        <f t="shared" si="910"/>
        <v>3128.5920000000001</v>
      </c>
      <c r="JBT54" s="7">
        <f t="shared" si="910"/>
        <v>3128.5920000000001</v>
      </c>
      <c r="JBU54" s="7">
        <f t="shared" si="910"/>
        <v>3128.5920000000001</v>
      </c>
      <c r="JBV54" s="7">
        <f t="shared" si="910"/>
        <v>3128.5920000000001</v>
      </c>
      <c r="JBW54" s="7">
        <f t="shared" si="910"/>
        <v>3128.5920000000001</v>
      </c>
      <c r="JBX54" s="7">
        <f t="shared" si="910"/>
        <v>3128.5920000000001</v>
      </c>
      <c r="JBY54" s="7">
        <f t="shared" si="910"/>
        <v>3128.5920000000001</v>
      </c>
      <c r="JBZ54" s="7">
        <f t="shared" si="910"/>
        <v>3128.5920000000001</v>
      </c>
      <c r="JCA54" s="7">
        <f t="shared" si="910"/>
        <v>3128.5920000000001</v>
      </c>
      <c r="JCB54" s="7">
        <f t="shared" si="910"/>
        <v>3128.5920000000001</v>
      </c>
      <c r="JCC54" s="7">
        <f t="shared" si="910"/>
        <v>3128.5920000000001</v>
      </c>
      <c r="JCD54" s="7">
        <f t="shared" si="910"/>
        <v>3128.5920000000001</v>
      </c>
      <c r="JCE54" s="7">
        <f t="shared" si="910"/>
        <v>3128.5920000000001</v>
      </c>
      <c r="JCF54" s="7">
        <f t="shared" si="910"/>
        <v>3128.5920000000001</v>
      </c>
      <c r="JCG54" s="7">
        <f t="shared" si="910"/>
        <v>3128.5920000000001</v>
      </c>
      <c r="JCH54" s="7">
        <f t="shared" si="910"/>
        <v>3128.5920000000001</v>
      </c>
      <c r="JCI54" s="7">
        <f t="shared" si="910"/>
        <v>3128.5920000000001</v>
      </c>
      <c r="JCJ54" s="7">
        <f t="shared" si="910"/>
        <v>3128.5920000000001</v>
      </c>
      <c r="JCK54" s="7">
        <f t="shared" si="910"/>
        <v>3128.5920000000001</v>
      </c>
      <c r="JCL54" s="7">
        <f t="shared" si="910"/>
        <v>3128.5920000000001</v>
      </c>
      <c r="JCM54" s="7">
        <f t="shared" si="910"/>
        <v>3128.5920000000001</v>
      </c>
      <c r="JCN54" s="7">
        <f t="shared" si="910"/>
        <v>3128.5920000000001</v>
      </c>
      <c r="JCO54" s="7">
        <f t="shared" si="910"/>
        <v>3128.5920000000001</v>
      </c>
      <c r="JCP54" s="7">
        <f t="shared" si="910"/>
        <v>3128.5920000000001</v>
      </c>
      <c r="JCQ54" s="7">
        <f t="shared" si="910"/>
        <v>3128.5920000000001</v>
      </c>
      <c r="JCR54" s="7">
        <f t="shared" si="910"/>
        <v>3128.5920000000001</v>
      </c>
      <c r="JCS54" s="7">
        <f t="shared" si="910"/>
        <v>3128.5920000000001</v>
      </c>
      <c r="JCT54" s="7">
        <f t="shared" ref="JCT54:JFE54" si="911">JCT49+JCS54</f>
        <v>3128.5920000000001</v>
      </c>
      <c r="JCU54" s="7">
        <f t="shared" si="911"/>
        <v>3128.5920000000001</v>
      </c>
      <c r="JCV54" s="7">
        <f t="shared" si="911"/>
        <v>3128.5920000000001</v>
      </c>
      <c r="JCW54" s="7">
        <f t="shared" si="911"/>
        <v>3128.5920000000001</v>
      </c>
      <c r="JCX54" s="7">
        <f t="shared" si="911"/>
        <v>3128.5920000000001</v>
      </c>
      <c r="JCY54" s="7">
        <f t="shared" si="911"/>
        <v>3128.5920000000001</v>
      </c>
      <c r="JCZ54" s="7">
        <f t="shared" si="911"/>
        <v>3128.5920000000001</v>
      </c>
      <c r="JDA54" s="7">
        <f t="shared" si="911"/>
        <v>3128.5920000000001</v>
      </c>
      <c r="JDB54" s="7">
        <f t="shared" si="911"/>
        <v>3128.5920000000001</v>
      </c>
      <c r="JDC54" s="7">
        <f t="shared" si="911"/>
        <v>3128.5920000000001</v>
      </c>
      <c r="JDD54" s="7">
        <f t="shared" si="911"/>
        <v>3128.5920000000001</v>
      </c>
      <c r="JDE54" s="7">
        <f t="shared" si="911"/>
        <v>3128.5920000000001</v>
      </c>
      <c r="JDF54" s="7">
        <f t="shared" si="911"/>
        <v>3128.5920000000001</v>
      </c>
      <c r="JDG54" s="7">
        <f t="shared" si="911"/>
        <v>3128.5920000000001</v>
      </c>
      <c r="JDH54" s="7">
        <f t="shared" si="911"/>
        <v>3128.5920000000001</v>
      </c>
      <c r="JDI54" s="7">
        <f t="shared" si="911"/>
        <v>3128.5920000000001</v>
      </c>
      <c r="JDJ54" s="7">
        <f t="shared" si="911"/>
        <v>3128.5920000000001</v>
      </c>
      <c r="JDK54" s="7">
        <f t="shared" si="911"/>
        <v>3128.5920000000001</v>
      </c>
      <c r="JDL54" s="7">
        <f t="shared" si="911"/>
        <v>3128.5920000000001</v>
      </c>
      <c r="JDM54" s="7">
        <f t="shared" si="911"/>
        <v>3128.5920000000001</v>
      </c>
      <c r="JDN54" s="7">
        <f t="shared" si="911"/>
        <v>3128.5920000000001</v>
      </c>
      <c r="JDO54" s="7">
        <f t="shared" si="911"/>
        <v>3128.5920000000001</v>
      </c>
      <c r="JDP54" s="7">
        <f t="shared" si="911"/>
        <v>3128.5920000000001</v>
      </c>
      <c r="JDQ54" s="7">
        <f t="shared" si="911"/>
        <v>3128.5920000000001</v>
      </c>
      <c r="JDR54" s="7">
        <f t="shared" si="911"/>
        <v>3128.5920000000001</v>
      </c>
      <c r="JDS54" s="7">
        <f t="shared" si="911"/>
        <v>3128.5920000000001</v>
      </c>
      <c r="JDT54" s="7">
        <f t="shared" si="911"/>
        <v>3128.5920000000001</v>
      </c>
      <c r="JDU54" s="7">
        <f t="shared" si="911"/>
        <v>3128.5920000000001</v>
      </c>
      <c r="JDV54" s="7">
        <f t="shared" si="911"/>
        <v>3128.5920000000001</v>
      </c>
      <c r="JDW54" s="7">
        <f t="shared" si="911"/>
        <v>3128.5920000000001</v>
      </c>
      <c r="JDX54" s="7">
        <f t="shared" si="911"/>
        <v>3128.5920000000001</v>
      </c>
      <c r="JDY54" s="7">
        <f t="shared" si="911"/>
        <v>3128.5920000000001</v>
      </c>
      <c r="JDZ54" s="7">
        <f t="shared" si="911"/>
        <v>3128.5920000000001</v>
      </c>
      <c r="JEA54" s="7">
        <f t="shared" si="911"/>
        <v>3128.5920000000001</v>
      </c>
      <c r="JEB54" s="7">
        <f t="shared" si="911"/>
        <v>3128.5920000000001</v>
      </c>
      <c r="JEC54" s="7">
        <f t="shared" si="911"/>
        <v>3128.5920000000001</v>
      </c>
      <c r="JED54" s="7">
        <f t="shared" si="911"/>
        <v>3128.5920000000001</v>
      </c>
      <c r="JEE54" s="7">
        <f t="shared" si="911"/>
        <v>3128.5920000000001</v>
      </c>
      <c r="JEF54" s="7">
        <f t="shared" si="911"/>
        <v>3128.5920000000001</v>
      </c>
      <c r="JEG54" s="7">
        <f t="shared" si="911"/>
        <v>3128.5920000000001</v>
      </c>
      <c r="JEH54" s="7">
        <f t="shared" si="911"/>
        <v>3128.5920000000001</v>
      </c>
      <c r="JEI54" s="7">
        <f t="shared" si="911"/>
        <v>3128.5920000000001</v>
      </c>
      <c r="JEJ54" s="7">
        <f t="shared" si="911"/>
        <v>3128.5920000000001</v>
      </c>
      <c r="JEK54" s="7">
        <f t="shared" si="911"/>
        <v>3128.5920000000001</v>
      </c>
      <c r="JEL54" s="7">
        <f t="shared" si="911"/>
        <v>3128.5920000000001</v>
      </c>
      <c r="JEM54" s="7">
        <f t="shared" si="911"/>
        <v>3128.5920000000001</v>
      </c>
      <c r="JEN54" s="7">
        <f t="shared" si="911"/>
        <v>3128.5920000000001</v>
      </c>
      <c r="JEO54" s="7">
        <f t="shared" si="911"/>
        <v>3128.5920000000001</v>
      </c>
      <c r="JEP54" s="7">
        <f t="shared" si="911"/>
        <v>3128.5920000000001</v>
      </c>
      <c r="JEQ54" s="7">
        <f t="shared" si="911"/>
        <v>3128.5920000000001</v>
      </c>
      <c r="JER54" s="7">
        <f t="shared" si="911"/>
        <v>3128.5920000000001</v>
      </c>
      <c r="JES54" s="7">
        <f t="shared" si="911"/>
        <v>3128.5920000000001</v>
      </c>
      <c r="JET54" s="7">
        <f t="shared" si="911"/>
        <v>3128.5920000000001</v>
      </c>
      <c r="JEU54" s="7">
        <f t="shared" si="911"/>
        <v>3128.5920000000001</v>
      </c>
      <c r="JEV54" s="7">
        <f t="shared" si="911"/>
        <v>3128.5920000000001</v>
      </c>
      <c r="JEW54" s="7">
        <f t="shared" si="911"/>
        <v>3128.5920000000001</v>
      </c>
      <c r="JEX54" s="7">
        <f t="shared" si="911"/>
        <v>3128.5920000000001</v>
      </c>
      <c r="JEY54" s="7">
        <f t="shared" si="911"/>
        <v>3128.5920000000001</v>
      </c>
      <c r="JEZ54" s="7">
        <f t="shared" si="911"/>
        <v>3128.5920000000001</v>
      </c>
      <c r="JFA54" s="7">
        <f t="shared" si="911"/>
        <v>3128.5920000000001</v>
      </c>
      <c r="JFB54" s="7">
        <f t="shared" si="911"/>
        <v>3128.5920000000001</v>
      </c>
      <c r="JFC54" s="7">
        <f t="shared" si="911"/>
        <v>3128.5920000000001</v>
      </c>
      <c r="JFD54" s="7">
        <f t="shared" si="911"/>
        <v>3128.5920000000001</v>
      </c>
      <c r="JFE54" s="7">
        <f t="shared" si="911"/>
        <v>3128.5920000000001</v>
      </c>
      <c r="JFF54" s="7">
        <f t="shared" ref="JFF54:JHQ54" si="912">JFF49+JFE54</f>
        <v>3128.5920000000001</v>
      </c>
      <c r="JFG54" s="7">
        <f t="shared" si="912"/>
        <v>3128.5920000000001</v>
      </c>
      <c r="JFH54" s="7">
        <f t="shared" si="912"/>
        <v>3128.5920000000001</v>
      </c>
      <c r="JFI54" s="7">
        <f t="shared" si="912"/>
        <v>3128.5920000000001</v>
      </c>
      <c r="JFJ54" s="7">
        <f t="shared" si="912"/>
        <v>3128.5920000000001</v>
      </c>
      <c r="JFK54" s="7">
        <f t="shared" si="912"/>
        <v>3128.5920000000001</v>
      </c>
      <c r="JFL54" s="7">
        <f t="shared" si="912"/>
        <v>3128.5920000000001</v>
      </c>
      <c r="JFM54" s="7">
        <f t="shared" si="912"/>
        <v>3128.5920000000001</v>
      </c>
      <c r="JFN54" s="7">
        <f t="shared" si="912"/>
        <v>3128.5920000000001</v>
      </c>
      <c r="JFO54" s="7">
        <f t="shared" si="912"/>
        <v>3128.5920000000001</v>
      </c>
      <c r="JFP54" s="7">
        <f t="shared" si="912"/>
        <v>3128.5920000000001</v>
      </c>
      <c r="JFQ54" s="7">
        <f t="shared" si="912"/>
        <v>3128.5920000000001</v>
      </c>
      <c r="JFR54" s="7">
        <f t="shared" si="912"/>
        <v>3128.5920000000001</v>
      </c>
      <c r="JFS54" s="7">
        <f t="shared" si="912"/>
        <v>3128.5920000000001</v>
      </c>
      <c r="JFT54" s="7">
        <f t="shared" si="912"/>
        <v>3128.5920000000001</v>
      </c>
      <c r="JFU54" s="7">
        <f t="shared" si="912"/>
        <v>3128.5920000000001</v>
      </c>
      <c r="JFV54" s="7">
        <f t="shared" si="912"/>
        <v>3128.5920000000001</v>
      </c>
      <c r="JFW54" s="7">
        <f t="shared" si="912"/>
        <v>3128.5920000000001</v>
      </c>
      <c r="JFX54" s="7">
        <f t="shared" si="912"/>
        <v>3128.5920000000001</v>
      </c>
      <c r="JFY54" s="7">
        <f t="shared" si="912"/>
        <v>3128.5920000000001</v>
      </c>
      <c r="JFZ54" s="7">
        <f t="shared" si="912"/>
        <v>3128.5920000000001</v>
      </c>
      <c r="JGA54" s="7">
        <f t="shared" si="912"/>
        <v>3128.5920000000001</v>
      </c>
      <c r="JGB54" s="7">
        <f t="shared" si="912"/>
        <v>3128.5920000000001</v>
      </c>
      <c r="JGC54" s="7">
        <f t="shared" si="912"/>
        <v>3128.5920000000001</v>
      </c>
      <c r="JGD54" s="7">
        <f t="shared" si="912"/>
        <v>3128.5920000000001</v>
      </c>
      <c r="JGE54" s="7">
        <f t="shared" si="912"/>
        <v>3128.5920000000001</v>
      </c>
      <c r="JGF54" s="7">
        <f t="shared" si="912"/>
        <v>3128.5920000000001</v>
      </c>
      <c r="JGG54" s="7">
        <f t="shared" si="912"/>
        <v>3128.5920000000001</v>
      </c>
      <c r="JGH54" s="7">
        <f t="shared" si="912"/>
        <v>3128.5920000000001</v>
      </c>
      <c r="JGI54" s="7">
        <f t="shared" si="912"/>
        <v>3128.5920000000001</v>
      </c>
      <c r="JGJ54" s="7">
        <f t="shared" si="912"/>
        <v>3128.5920000000001</v>
      </c>
      <c r="JGK54" s="7">
        <f t="shared" si="912"/>
        <v>3128.5920000000001</v>
      </c>
      <c r="JGL54" s="7">
        <f t="shared" si="912"/>
        <v>3128.5920000000001</v>
      </c>
      <c r="JGM54" s="7">
        <f t="shared" si="912"/>
        <v>3128.5920000000001</v>
      </c>
      <c r="JGN54" s="7">
        <f t="shared" si="912"/>
        <v>3128.5920000000001</v>
      </c>
      <c r="JGO54" s="7">
        <f t="shared" si="912"/>
        <v>3128.5920000000001</v>
      </c>
      <c r="JGP54" s="7">
        <f t="shared" si="912"/>
        <v>3128.5920000000001</v>
      </c>
      <c r="JGQ54" s="7">
        <f t="shared" si="912"/>
        <v>3128.5920000000001</v>
      </c>
      <c r="JGR54" s="7">
        <f t="shared" si="912"/>
        <v>3128.5920000000001</v>
      </c>
      <c r="JGS54" s="7">
        <f t="shared" si="912"/>
        <v>3128.5920000000001</v>
      </c>
      <c r="JGT54" s="7">
        <f t="shared" si="912"/>
        <v>3128.5920000000001</v>
      </c>
      <c r="JGU54" s="7">
        <f t="shared" si="912"/>
        <v>3128.5920000000001</v>
      </c>
      <c r="JGV54" s="7">
        <f t="shared" si="912"/>
        <v>3128.5920000000001</v>
      </c>
      <c r="JGW54" s="7">
        <f t="shared" si="912"/>
        <v>3128.5920000000001</v>
      </c>
      <c r="JGX54" s="7">
        <f t="shared" si="912"/>
        <v>3128.5920000000001</v>
      </c>
      <c r="JGY54" s="7">
        <f t="shared" si="912"/>
        <v>3128.5920000000001</v>
      </c>
      <c r="JGZ54" s="7">
        <f t="shared" si="912"/>
        <v>3128.5920000000001</v>
      </c>
      <c r="JHA54" s="7">
        <f t="shared" si="912"/>
        <v>3128.5920000000001</v>
      </c>
      <c r="JHB54" s="7">
        <f t="shared" si="912"/>
        <v>3128.5920000000001</v>
      </c>
      <c r="JHC54" s="7">
        <f t="shared" si="912"/>
        <v>3128.5920000000001</v>
      </c>
      <c r="JHD54" s="7">
        <f t="shared" si="912"/>
        <v>3128.5920000000001</v>
      </c>
      <c r="JHE54" s="7">
        <f t="shared" si="912"/>
        <v>3128.5920000000001</v>
      </c>
      <c r="JHF54" s="7">
        <f t="shared" si="912"/>
        <v>3128.5920000000001</v>
      </c>
      <c r="JHG54" s="7">
        <f t="shared" si="912"/>
        <v>3128.5920000000001</v>
      </c>
      <c r="JHH54" s="7">
        <f t="shared" si="912"/>
        <v>3128.5920000000001</v>
      </c>
      <c r="JHI54" s="7">
        <f t="shared" si="912"/>
        <v>3128.5920000000001</v>
      </c>
      <c r="JHJ54" s="7">
        <f t="shared" si="912"/>
        <v>3128.5920000000001</v>
      </c>
      <c r="JHK54" s="7">
        <f t="shared" si="912"/>
        <v>3128.5920000000001</v>
      </c>
      <c r="JHL54" s="7">
        <f t="shared" si="912"/>
        <v>3128.5920000000001</v>
      </c>
      <c r="JHM54" s="7">
        <f t="shared" si="912"/>
        <v>3128.5920000000001</v>
      </c>
      <c r="JHN54" s="7">
        <f t="shared" si="912"/>
        <v>3128.5920000000001</v>
      </c>
      <c r="JHO54" s="7">
        <f t="shared" si="912"/>
        <v>3128.5920000000001</v>
      </c>
      <c r="JHP54" s="7">
        <f t="shared" si="912"/>
        <v>3128.5920000000001</v>
      </c>
      <c r="JHQ54" s="7">
        <f t="shared" si="912"/>
        <v>3128.5920000000001</v>
      </c>
      <c r="JHR54" s="7">
        <f t="shared" ref="JHR54:JKC54" si="913">JHR49+JHQ54</f>
        <v>3128.5920000000001</v>
      </c>
      <c r="JHS54" s="7">
        <f t="shared" si="913"/>
        <v>3128.5920000000001</v>
      </c>
      <c r="JHT54" s="7">
        <f t="shared" si="913"/>
        <v>3128.5920000000001</v>
      </c>
      <c r="JHU54" s="7">
        <f t="shared" si="913"/>
        <v>3128.5920000000001</v>
      </c>
      <c r="JHV54" s="7">
        <f t="shared" si="913"/>
        <v>3128.5920000000001</v>
      </c>
      <c r="JHW54" s="7">
        <f t="shared" si="913"/>
        <v>3128.5920000000001</v>
      </c>
      <c r="JHX54" s="7">
        <f t="shared" si="913"/>
        <v>3128.5920000000001</v>
      </c>
      <c r="JHY54" s="7">
        <f t="shared" si="913"/>
        <v>3128.5920000000001</v>
      </c>
      <c r="JHZ54" s="7">
        <f t="shared" si="913"/>
        <v>3128.5920000000001</v>
      </c>
      <c r="JIA54" s="7">
        <f t="shared" si="913"/>
        <v>3128.5920000000001</v>
      </c>
      <c r="JIB54" s="7">
        <f t="shared" si="913"/>
        <v>3128.5920000000001</v>
      </c>
      <c r="JIC54" s="7">
        <f t="shared" si="913"/>
        <v>3128.5920000000001</v>
      </c>
      <c r="JID54" s="7">
        <f t="shared" si="913"/>
        <v>3128.5920000000001</v>
      </c>
      <c r="JIE54" s="7">
        <f t="shared" si="913"/>
        <v>3128.5920000000001</v>
      </c>
      <c r="JIF54" s="7">
        <f t="shared" si="913"/>
        <v>3128.5920000000001</v>
      </c>
      <c r="JIG54" s="7">
        <f t="shared" si="913"/>
        <v>3128.5920000000001</v>
      </c>
      <c r="JIH54" s="7">
        <f t="shared" si="913"/>
        <v>3128.5920000000001</v>
      </c>
      <c r="JII54" s="7">
        <f t="shared" si="913"/>
        <v>3128.5920000000001</v>
      </c>
      <c r="JIJ54" s="7">
        <f t="shared" si="913"/>
        <v>3128.5920000000001</v>
      </c>
      <c r="JIK54" s="7">
        <f t="shared" si="913"/>
        <v>3128.5920000000001</v>
      </c>
      <c r="JIL54" s="7">
        <f t="shared" si="913"/>
        <v>3128.5920000000001</v>
      </c>
      <c r="JIM54" s="7">
        <f t="shared" si="913"/>
        <v>3128.5920000000001</v>
      </c>
      <c r="JIN54" s="7">
        <f t="shared" si="913"/>
        <v>3128.5920000000001</v>
      </c>
      <c r="JIO54" s="7">
        <f t="shared" si="913"/>
        <v>3128.5920000000001</v>
      </c>
      <c r="JIP54" s="7">
        <f t="shared" si="913"/>
        <v>3128.5920000000001</v>
      </c>
      <c r="JIQ54" s="7">
        <f t="shared" si="913"/>
        <v>3128.5920000000001</v>
      </c>
      <c r="JIR54" s="7">
        <f t="shared" si="913"/>
        <v>3128.5920000000001</v>
      </c>
      <c r="JIS54" s="7">
        <f t="shared" si="913"/>
        <v>3128.5920000000001</v>
      </c>
      <c r="JIT54" s="7">
        <f t="shared" si="913"/>
        <v>3128.5920000000001</v>
      </c>
      <c r="JIU54" s="7">
        <f t="shared" si="913"/>
        <v>3128.5920000000001</v>
      </c>
      <c r="JIV54" s="7">
        <f t="shared" si="913"/>
        <v>3128.5920000000001</v>
      </c>
      <c r="JIW54" s="7">
        <f t="shared" si="913"/>
        <v>3128.5920000000001</v>
      </c>
      <c r="JIX54" s="7">
        <f t="shared" si="913"/>
        <v>3128.5920000000001</v>
      </c>
      <c r="JIY54" s="7">
        <f t="shared" si="913"/>
        <v>3128.5920000000001</v>
      </c>
      <c r="JIZ54" s="7">
        <f t="shared" si="913"/>
        <v>3128.5920000000001</v>
      </c>
      <c r="JJA54" s="7">
        <f t="shared" si="913"/>
        <v>3128.5920000000001</v>
      </c>
      <c r="JJB54" s="7">
        <f t="shared" si="913"/>
        <v>3128.5920000000001</v>
      </c>
      <c r="JJC54" s="7">
        <f t="shared" si="913"/>
        <v>3128.5920000000001</v>
      </c>
      <c r="JJD54" s="7">
        <f t="shared" si="913"/>
        <v>3128.5920000000001</v>
      </c>
      <c r="JJE54" s="7">
        <f t="shared" si="913"/>
        <v>3128.5920000000001</v>
      </c>
      <c r="JJF54" s="7">
        <f t="shared" si="913"/>
        <v>3128.5920000000001</v>
      </c>
      <c r="JJG54" s="7">
        <f t="shared" si="913"/>
        <v>3128.5920000000001</v>
      </c>
      <c r="JJH54" s="7">
        <f t="shared" si="913"/>
        <v>3128.5920000000001</v>
      </c>
      <c r="JJI54" s="7">
        <f t="shared" si="913"/>
        <v>3128.5920000000001</v>
      </c>
      <c r="JJJ54" s="7">
        <f t="shared" si="913"/>
        <v>3128.5920000000001</v>
      </c>
      <c r="JJK54" s="7">
        <f t="shared" si="913"/>
        <v>3128.5920000000001</v>
      </c>
      <c r="JJL54" s="7">
        <f t="shared" si="913"/>
        <v>3128.5920000000001</v>
      </c>
      <c r="JJM54" s="7">
        <f t="shared" si="913"/>
        <v>3128.5920000000001</v>
      </c>
      <c r="JJN54" s="7">
        <f t="shared" si="913"/>
        <v>3128.5920000000001</v>
      </c>
      <c r="JJO54" s="7">
        <f t="shared" si="913"/>
        <v>3128.5920000000001</v>
      </c>
      <c r="JJP54" s="7">
        <f t="shared" si="913"/>
        <v>3128.5920000000001</v>
      </c>
      <c r="JJQ54" s="7">
        <f t="shared" si="913"/>
        <v>3128.5920000000001</v>
      </c>
      <c r="JJR54" s="7">
        <f t="shared" si="913"/>
        <v>3128.5920000000001</v>
      </c>
      <c r="JJS54" s="7">
        <f t="shared" si="913"/>
        <v>3128.5920000000001</v>
      </c>
      <c r="JJT54" s="7">
        <f t="shared" si="913"/>
        <v>3128.5920000000001</v>
      </c>
      <c r="JJU54" s="7">
        <f t="shared" si="913"/>
        <v>3128.5920000000001</v>
      </c>
      <c r="JJV54" s="7">
        <f t="shared" si="913"/>
        <v>3128.5920000000001</v>
      </c>
      <c r="JJW54" s="7">
        <f t="shared" si="913"/>
        <v>3128.5920000000001</v>
      </c>
      <c r="JJX54" s="7">
        <f t="shared" si="913"/>
        <v>3128.5920000000001</v>
      </c>
      <c r="JJY54" s="7">
        <f t="shared" si="913"/>
        <v>3128.5920000000001</v>
      </c>
      <c r="JJZ54" s="7">
        <f t="shared" si="913"/>
        <v>3128.5920000000001</v>
      </c>
      <c r="JKA54" s="7">
        <f t="shared" si="913"/>
        <v>3128.5920000000001</v>
      </c>
      <c r="JKB54" s="7">
        <f t="shared" si="913"/>
        <v>3128.5920000000001</v>
      </c>
      <c r="JKC54" s="7">
        <f t="shared" si="913"/>
        <v>3128.5920000000001</v>
      </c>
      <c r="JKD54" s="7">
        <f t="shared" ref="JKD54:JMO54" si="914">JKD49+JKC54</f>
        <v>3128.5920000000001</v>
      </c>
      <c r="JKE54" s="7">
        <f t="shared" si="914"/>
        <v>3128.5920000000001</v>
      </c>
      <c r="JKF54" s="7">
        <f t="shared" si="914"/>
        <v>3128.5920000000001</v>
      </c>
      <c r="JKG54" s="7">
        <f t="shared" si="914"/>
        <v>3128.5920000000001</v>
      </c>
      <c r="JKH54" s="7">
        <f t="shared" si="914"/>
        <v>3128.5920000000001</v>
      </c>
      <c r="JKI54" s="7">
        <f t="shared" si="914"/>
        <v>3128.5920000000001</v>
      </c>
      <c r="JKJ54" s="7">
        <f t="shared" si="914"/>
        <v>3128.5920000000001</v>
      </c>
      <c r="JKK54" s="7">
        <f t="shared" si="914"/>
        <v>3128.5920000000001</v>
      </c>
      <c r="JKL54" s="7">
        <f t="shared" si="914"/>
        <v>3128.5920000000001</v>
      </c>
      <c r="JKM54" s="7">
        <f t="shared" si="914"/>
        <v>3128.5920000000001</v>
      </c>
      <c r="JKN54" s="7">
        <f t="shared" si="914"/>
        <v>3128.5920000000001</v>
      </c>
      <c r="JKO54" s="7">
        <f t="shared" si="914"/>
        <v>3128.5920000000001</v>
      </c>
      <c r="JKP54" s="7">
        <f t="shared" si="914"/>
        <v>3128.5920000000001</v>
      </c>
      <c r="JKQ54" s="7">
        <f t="shared" si="914"/>
        <v>3128.5920000000001</v>
      </c>
      <c r="JKR54" s="7">
        <f t="shared" si="914"/>
        <v>3128.5920000000001</v>
      </c>
      <c r="JKS54" s="7">
        <f t="shared" si="914"/>
        <v>3128.5920000000001</v>
      </c>
      <c r="JKT54" s="7">
        <f t="shared" si="914"/>
        <v>3128.5920000000001</v>
      </c>
      <c r="JKU54" s="7">
        <f t="shared" si="914"/>
        <v>3128.5920000000001</v>
      </c>
      <c r="JKV54" s="7">
        <f t="shared" si="914"/>
        <v>3128.5920000000001</v>
      </c>
      <c r="JKW54" s="7">
        <f t="shared" si="914"/>
        <v>3128.5920000000001</v>
      </c>
      <c r="JKX54" s="7">
        <f t="shared" si="914"/>
        <v>3128.5920000000001</v>
      </c>
      <c r="JKY54" s="7">
        <f t="shared" si="914"/>
        <v>3128.5920000000001</v>
      </c>
      <c r="JKZ54" s="7">
        <f t="shared" si="914"/>
        <v>3128.5920000000001</v>
      </c>
      <c r="JLA54" s="7">
        <f t="shared" si="914"/>
        <v>3128.5920000000001</v>
      </c>
      <c r="JLB54" s="7">
        <f t="shared" si="914"/>
        <v>3128.5920000000001</v>
      </c>
      <c r="JLC54" s="7">
        <f t="shared" si="914"/>
        <v>3128.5920000000001</v>
      </c>
      <c r="JLD54" s="7">
        <f t="shared" si="914"/>
        <v>3128.5920000000001</v>
      </c>
      <c r="JLE54" s="7">
        <f t="shared" si="914"/>
        <v>3128.5920000000001</v>
      </c>
      <c r="JLF54" s="7">
        <f t="shared" si="914"/>
        <v>3128.5920000000001</v>
      </c>
      <c r="JLG54" s="7">
        <f t="shared" si="914"/>
        <v>3128.5920000000001</v>
      </c>
      <c r="JLH54" s="7">
        <f t="shared" si="914"/>
        <v>3128.5920000000001</v>
      </c>
      <c r="JLI54" s="7">
        <f t="shared" si="914"/>
        <v>3128.5920000000001</v>
      </c>
      <c r="JLJ54" s="7">
        <f t="shared" si="914"/>
        <v>3128.5920000000001</v>
      </c>
      <c r="JLK54" s="7">
        <f t="shared" si="914"/>
        <v>3128.5920000000001</v>
      </c>
      <c r="JLL54" s="7">
        <f t="shared" si="914"/>
        <v>3128.5920000000001</v>
      </c>
      <c r="JLM54" s="7">
        <f t="shared" si="914"/>
        <v>3128.5920000000001</v>
      </c>
      <c r="JLN54" s="7">
        <f t="shared" si="914"/>
        <v>3128.5920000000001</v>
      </c>
      <c r="JLO54" s="7">
        <f t="shared" si="914"/>
        <v>3128.5920000000001</v>
      </c>
      <c r="JLP54" s="7">
        <f t="shared" si="914"/>
        <v>3128.5920000000001</v>
      </c>
      <c r="JLQ54" s="7">
        <f t="shared" si="914"/>
        <v>3128.5920000000001</v>
      </c>
      <c r="JLR54" s="7">
        <f t="shared" si="914"/>
        <v>3128.5920000000001</v>
      </c>
      <c r="JLS54" s="7">
        <f t="shared" si="914"/>
        <v>3128.5920000000001</v>
      </c>
      <c r="JLT54" s="7">
        <f t="shared" si="914"/>
        <v>3128.5920000000001</v>
      </c>
      <c r="JLU54" s="7">
        <f t="shared" si="914"/>
        <v>3128.5920000000001</v>
      </c>
      <c r="JLV54" s="7">
        <f t="shared" si="914"/>
        <v>3128.5920000000001</v>
      </c>
      <c r="JLW54" s="7">
        <f t="shared" si="914"/>
        <v>3128.5920000000001</v>
      </c>
      <c r="JLX54" s="7">
        <f t="shared" si="914"/>
        <v>3128.5920000000001</v>
      </c>
      <c r="JLY54" s="7">
        <f t="shared" si="914"/>
        <v>3128.5920000000001</v>
      </c>
      <c r="JLZ54" s="7">
        <f t="shared" si="914"/>
        <v>3128.5920000000001</v>
      </c>
      <c r="JMA54" s="7">
        <f t="shared" si="914"/>
        <v>3128.5920000000001</v>
      </c>
      <c r="JMB54" s="7">
        <f t="shared" si="914"/>
        <v>3128.5920000000001</v>
      </c>
      <c r="JMC54" s="7">
        <f t="shared" si="914"/>
        <v>3128.5920000000001</v>
      </c>
      <c r="JMD54" s="7">
        <f t="shared" si="914"/>
        <v>3128.5920000000001</v>
      </c>
      <c r="JME54" s="7">
        <f t="shared" si="914"/>
        <v>3128.5920000000001</v>
      </c>
      <c r="JMF54" s="7">
        <f t="shared" si="914"/>
        <v>3128.5920000000001</v>
      </c>
      <c r="JMG54" s="7">
        <f t="shared" si="914"/>
        <v>3128.5920000000001</v>
      </c>
      <c r="JMH54" s="7">
        <f t="shared" si="914"/>
        <v>3128.5920000000001</v>
      </c>
      <c r="JMI54" s="7">
        <f t="shared" si="914"/>
        <v>3128.5920000000001</v>
      </c>
      <c r="JMJ54" s="7">
        <f t="shared" si="914"/>
        <v>3128.5920000000001</v>
      </c>
      <c r="JMK54" s="7">
        <f t="shared" si="914"/>
        <v>3128.5920000000001</v>
      </c>
      <c r="JML54" s="7">
        <f t="shared" si="914"/>
        <v>3128.5920000000001</v>
      </c>
      <c r="JMM54" s="7">
        <f t="shared" si="914"/>
        <v>3128.5920000000001</v>
      </c>
      <c r="JMN54" s="7">
        <f t="shared" si="914"/>
        <v>3128.5920000000001</v>
      </c>
      <c r="JMO54" s="7">
        <f t="shared" si="914"/>
        <v>3128.5920000000001</v>
      </c>
      <c r="JMP54" s="7">
        <f t="shared" ref="JMP54:JPA54" si="915">JMP49+JMO54</f>
        <v>3128.5920000000001</v>
      </c>
      <c r="JMQ54" s="7">
        <f t="shared" si="915"/>
        <v>3128.5920000000001</v>
      </c>
      <c r="JMR54" s="7">
        <f t="shared" si="915"/>
        <v>3128.5920000000001</v>
      </c>
      <c r="JMS54" s="7">
        <f t="shared" si="915"/>
        <v>3128.5920000000001</v>
      </c>
      <c r="JMT54" s="7">
        <f t="shared" si="915"/>
        <v>3128.5920000000001</v>
      </c>
      <c r="JMU54" s="7">
        <f t="shared" si="915"/>
        <v>3128.5920000000001</v>
      </c>
      <c r="JMV54" s="7">
        <f t="shared" si="915"/>
        <v>3128.5920000000001</v>
      </c>
      <c r="JMW54" s="7">
        <f t="shared" si="915"/>
        <v>3128.5920000000001</v>
      </c>
      <c r="JMX54" s="7">
        <f t="shared" si="915"/>
        <v>3128.5920000000001</v>
      </c>
      <c r="JMY54" s="7">
        <f t="shared" si="915"/>
        <v>3128.5920000000001</v>
      </c>
      <c r="JMZ54" s="7">
        <f t="shared" si="915"/>
        <v>3128.5920000000001</v>
      </c>
      <c r="JNA54" s="7">
        <f t="shared" si="915"/>
        <v>3128.5920000000001</v>
      </c>
      <c r="JNB54" s="7">
        <f t="shared" si="915"/>
        <v>3128.5920000000001</v>
      </c>
      <c r="JNC54" s="7">
        <f t="shared" si="915"/>
        <v>3128.5920000000001</v>
      </c>
      <c r="JND54" s="7">
        <f t="shared" si="915"/>
        <v>3128.5920000000001</v>
      </c>
      <c r="JNE54" s="7">
        <f t="shared" si="915"/>
        <v>3128.5920000000001</v>
      </c>
      <c r="JNF54" s="7">
        <f t="shared" si="915"/>
        <v>3128.5920000000001</v>
      </c>
      <c r="JNG54" s="7">
        <f t="shared" si="915"/>
        <v>3128.5920000000001</v>
      </c>
      <c r="JNH54" s="7">
        <f t="shared" si="915"/>
        <v>3128.5920000000001</v>
      </c>
      <c r="JNI54" s="7">
        <f t="shared" si="915"/>
        <v>3128.5920000000001</v>
      </c>
      <c r="JNJ54" s="7">
        <f t="shared" si="915"/>
        <v>3128.5920000000001</v>
      </c>
      <c r="JNK54" s="7">
        <f t="shared" si="915"/>
        <v>3128.5920000000001</v>
      </c>
      <c r="JNL54" s="7">
        <f t="shared" si="915"/>
        <v>3128.5920000000001</v>
      </c>
      <c r="JNM54" s="7">
        <f t="shared" si="915"/>
        <v>3128.5920000000001</v>
      </c>
      <c r="JNN54" s="7">
        <f t="shared" si="915"/>
        <v>3128.5920000000001</v>
      </c>
      <c r="JNO54" s="7">
        <f t="shared" si="915"/>
        <v>3128.5920000000001</v>
      </c>
      <c r="JNP54" s="7">
        <f t="shared" si="915"/>
        <v>3128.5920000000001</v>
      </c>
      <c r="JNQ54" s="7">
        <f t="shared" si="915"/>
        <v>3128.5920000000001</v>
      </c>
      <c r="JNR54" s="7">
        <f t="shared" si="915"/>
        <v>3128.5920000000001</v>
      </c>
      <c r="JNS54" s="7">
        <f t="shared" si="915"/>
        <v>3128.5920000000001</v>
      </c>
      <c r="JNT54" s="7">
        <f t="shared" si="915"/>
        <v>3128.5920000000001</v>
      </c>
      <c r="JNU54" s="7">
        <f t="shared" si="915"/>
        <v>3128.5920000000001</v>
      </c>
      <c r="JNV54" s="7">
        <f t="shared" si="915"/>
        <v>3128.5920000000001</v>
      </c>
      <c r="JNW54" s="7">
        <f t="shared" si="915"/>
        <v>3128.5920000000001</v>
      </c>
      <c r="JNX54" s="7">
        <f t="shared" si="915"/>
        <v>3128.5920000000001</v>
      </c>
      <c r="JNY54" s="7">
        <f t="shared" si="915"/>
        <v>3128.5920000000001</v>
      </c>
      <c r="JNZ54" s="7">
        <f t="shared" si="915"/>
        <v>3128.5920000000001</v>
      </c>
      <c r="JOA54" s="7">
        <f t="shared" si="915"/>
        <v>3128.5920000000001</v>
      </c>
      <c r="JOB54" s="7">
        <f t="shared" si="915"/>
        <v>3128.5920000000001</v>
      </c>
      <c r="JOC54" s="7">
        <f t="shared" si="915"/>
        <v>3128.5920000000001</v>
      </c>
      <c r="JOD54" s="7">
        <f t="shared" si="915"/>
        <v>3128.5920000000001</v>
      </c>
      <c r="JOE54" s="7">
        <f t="shared" si="915"/>
        <v>3128.5920000000001</v>
      </c>
      <c r="JOF54" s="7">
        <f t="shared" si="915"/>
        <v>3128.5920000000001</v>
      </c>
      <c r="JOG54" s="7">
        <f t="shared" si="915"/>
        <v>3128.5920000000001</v>
      </c>
      <c r="JOH54" s="7">
        <f t="shared" si="915"/>
        <v>3128.5920000000001</v>
      </c>
      <c r="JOI54" s="7">
        <f t="shared" si="915"/>
        <v>3128.5920000000001</v>
      </c>
      <c r="JOJ54" s="7">
        <f t="shared" si="915"/>
        <v>3128.5920000000001</v>
      </c>
      <c r="JOK54" s="7">
        <f t="shared" si="915"/>
        <v>3128.5920000000001</v>
      </c>
      <c r="JOL54" s="7">
        <f t="shared" si="915"/>
        <v>3128.5920000000001</v>
      </c>
      <c r="JOM54" s="7">
        <f t="shared" si="915"/>
        <v>3128.5920000000001</v>
      </c>
      <c r="JON54" s="7">
        <f t="shared" si="915"/>
        <v>3128.5920000000001</v>
      </c>
      <c r="JOO54" s="7">
        <f t="shared" si="915"/>
        <v>3128.5920000000001</v>
      </c>
      <c r="JOP54" s="7">
        <f t="shared" si="915"/>
        <v>3128.5920000000001</v>
      </c>
      <c r="JOQ54" s="7">
        <f t="shared" si="915"/>
        <v>3128.5920000000001</v>
      </c>
      <c r="JOR54" s="7">
        <f t="shared" si="915"/>
        <v>3128.5920000000001</v>
      </c>
      <c r="JOS54" s="7">
        <f t="shared" si="915"/>
        <v>3128.5920000000001</v>
      </c>
      <c r="JOT54" s="7">
        <f t="shared" si="915"/>
        <v>3128.5920000000001</v>
      </c>
      <c r="JOU54" s="7">
        <f t="shared" si="915"/>
        <v>3128.5920000000001</v>
      </c>
      <c r="JOV54" s="7">
        <f t="shared" si="915"/>
        <v>3128.5920000000001</v>
      </c>
      <c r="JOW54" s="7">
        <f t="shared" si="915"/>
        <v>3128.5920000000001</v>
      </c>
      <c r="JOX54" s="7">
        <f t="shared" si="915"/>
        <v>3128.5920000000001</v>
      </c>
      <c r="JOY54" s="7">
        <f t="shared" si="915"/>
        <v>3128.5920000000001</v>
      </c>
      <c r="JOZ54" s="7">
        <f t="shared" si="915"/>
        <v>3128.5920000000001</v>
      </c>
      <c r="JPA54" s="7">
        <f t="shared" si="915"/>
        <v>3128.5920000000001</v>
      </c>
      <c r="JPB54" s="7">
        <f t="shared" ref="JPB54:JRM54" si="916">JPB49+JPA54</f>
        <v>3128.5920000000001</v>
      </c>
      <c r="JPC54" s="7">
        <f t="shared" si="916"/>
        <v>3128.5920000000001</v>
      </c>
      <c r="JPD54" s="7">
        <f t="shared" si="916"/>
        <v>3128.5920000000001</v>
      </c>
      <c r="JPE54" s="7">
        <f t="shared" si="916"/>
        <v>3128.5920000000001</v>
      </c>
      <c r="JPF54" s="7">
        <f t="shared" si="916"/>
        <v>3128.5920000000001</v>
      </c>
      <c r="JPG54" s="7">
        <f t="shared" si="916"/>
        <v>3128.5920000000001</v>
      </c>
      <c r="JPH54" s="7">
        <f t="shared" si="916"/>
        <v>3128.5920000000001</v>
      </c>
      <c r="JPI54" s="7">
        <f t="shared" si="916"/>
        <v>3128.5920000000001</v>
      </c>
      <c r="JPJ54" s="7">
        <f t="shared" si="916"/>
        <v>3128.5920000000001</v>
      </c>
      <c r="JPK54" s="7">
        <f t="shared" si="916"/>
        <v>3128.5920000000001</v>
      </c>
      <c r="JPL54" s="7">
        <f t="shared" si="916"/>
        <v>3128.5920000000001</v>
      </c>
      <c r="JPM54" s="7">
        <f t="shared" si="916"/>
        <v>3128.5920000000001</v>
      </c>
      <c r="JPN54" s="7">
        <f t="shared" si="916"/>
        <v>3128.5920000000001</v>
      </c>
      <c r="JPO54" s="7">
        <f t="shared" si="916"/>
        <v>3128.5920000000001</v>
      </c>
      <c r="JPP54" s="7">
        <f t="shared" si="916"/>
        <v>3128.5920000000001</v>
      </c>
      <c r="JPQ54" s="7">
        <f t="shared" si="916"/>
        <v>3128.5920000000001</v>
      </c>
      <c r="JPR54" s="7">
        <f t="shared" si="916"/>
        <v>3128.5920000000001</v>
      </c>
      <c r="JPS54" s="7">
        <f t="shared" si="916"/>
        <v>3128.5920000000001</v>
      </c>
      <c r="JPT54" s="7">
        <f t="shared" si="916"/>
        <v>3128.5920000000001</v>
      </c>
      <c r="JPU54" s="7">
        <f t="shared" si="916"/>
        <v>3128.5920000000001</v>
      </c>
      <c r="JPV54" s="7">
        <f t="shared" si="916"/>
        <v>3128.5920000000001</v>
      </c>
      <c r="JPW54" s="7">
        <f t="shared" si="916"/>
        <v>3128.5920000000001</v>
      </c>
      <c r="JPX54" s="7">
        <f t="shared" si="916"/>
        <v>3128.5920000000001</v>
      </c>
      <c r="JPY54" s="7">
        <f t="shared" si="916"/>
        <v>3128.5920000000001</v>
      </c>
      <c r="JPZ54" s="7">
        <f t="shared" si="916"/>
        <v>3128.5920000000001</v>
      </c>
      <c r="JQA54" s="7">
        <f t="shared" si="916"/>
        <v>3128.5920000000001</v>
      </c>
      <c r="JQB54" s="7">
        <f t="shared" si="916"/>
        <v>3128.5920000000001</v>
      </c>
      <c r="JQC54" s="7">
        <f t="shared" si="916"/>
        <v>3128.5920000000001</v>
      </c>
      <c r="JQD54" s="7">
        <f t="shared" si="916"/>
        <v>3128.5920000000001</v>
      </c>
      <c r="JQE54" s="7">
        <f t="shared" si="916"/>
        <v>3128.5920000000001</v>
      </c>
      <c r="JQF54" s="7">
        <f t="shared" si="916"/>
        <v>3128.5920000000001</v>
      </c>
      <c r="JQG54" s="7">
        <f t="shared" si="916"/>
        <v>3128.5920000000001</v>
      </c>
      <c r="JQH54" s="7">
        <f t="shared" si="916"/>
        <v>3128.5920000000001</v>
      </c>
      <c r="JQI54" s="7">
        <f t="shared" si="916"/>
        <v>3128.5920000000001</v>
      </c>
      <c r="JQJ54" s="7">
        <f t="shared" si="916"/>
        <v>3128.5920000000001</v>
      </c>
      <c r="JQK54" s="7">
        <f t="shared" si="916"/>
        <v>3128.5920000000001</v>
      </c>
      <c r="JQL54" s="7">
        <f t="shared" si="916"/>
        <v>3128.5920000000001</v>
      </c>
      <c r="JQM54" s="7">
        <f t="shared" si="916"/>
        <v>3128.5920000000001</v>
      </c>
      <c r="JQN54" s="7">
        <f t="shared" si="916"/>
        <v>3128.5920000000001</v>
      </c>
      <c r="JQO54" s="7">
        <f t="shared" si="916"/>
        <v>3128.5920000000001</v>
      </c>
      <c r="JQP54" s="7">
        <f t="shared" si="916"/>
        <v>3128.5920000000001</v>
      </c>
      <c r="JQQ54" s="7">
        <f t="shared" si="916"/>
        <v>3128.5920000000001</v>
      </c>
      <c r="JQR54" s="7">
        <f t="shared" si="916"/>
        <v>3128.5920000000001</v>
      </c>
      <c r="JQS54" s="7">
        <f t="shared" si="916"/>
        <v>3128.5920000000001</v>
      </c>
      <c r="JQT54" s="7">
        <f t="shared" si="916"/>
        <v>3128.5920000000001</v>
      </c>
      <c r="JQU54" s="7">
        <f t="shared" si="916"/>
        <v>3128.5920000000001</v>
      </c>
      <c r="JQV54" s="7">
        <f t="shared" si="916"/>
        <v>3128.5920000000001</v>
      </c>
      <c r="JQW54" s="7">
        <f t="shared" si="916"/>
        <v>3128.5920000000001</v>
      </c>
      <c r="JQX54" s="7">
        <f t="shared" si="916"/>
        <v>3128.5920000000001</v>
      </c>
      <c r="JQY54" s="7">
        <f t="shared" si="916"/>
        <v>3128.5920000000001</v>
      </c>
      <c r="JQZ54" s="7">
        <f t="shared" si="916"/>
        <v>3128.5920000000001</v>
      </c>
      <c r="JRA54" s="7">
        <f t="shared" si="916"/>
        <v>3128.5920000000001</v>
      </c>
      <c r="JRB54" s="7">
        <f t="shared" si="916"/>
        <v>3128.5920000000001</v>
      </c>
      <c r="JRC54" s="7">
        <f t="shared" si="916"/>
        <v>3128.5920000000001</v>
      </c>
      <c r="JRD54" s="7">
        <f t="shared" si="916"/>
        <v>3128.5920000000001</v>
      </c>
      <c r="JRE54" s="7">
        <f t="shared" si="916"/>
        <v>3128.5920000000001</v>
      </c>
      <c r="JRF54" s="7">
        <f t="shared" si="916"/>
        <v>3128.5920000000001</v>
      </c>
      <c r="JRG54" s="7">
        <f t="shared" si="916"/>
        <v>3128.5920000000001</v>
      </c>
      <c r="JRH54" s="7">
        <f t="shared" si="916"/>
        <v>3128.5920000000001</v>
      </c>
      <c r="JRI54" s="7">
        <f t="shared" si="916"/>
        <v>3128.5920000000001</v>
      </c>
      <c r="JRJ54" s="7">
        <f t="shared" si="916"/>
        <v>3128.5920000000001</v>
      </c>
      <c r="JRK54" s="7">
        <f t="shared" si="916"/>
        <v>3128.5920000000001</v>
      </c>
      <c r="JRL54" s="7">
        <f t="shared" si="916"/>
        <v>3128.5920000000001</v>
      </c>
      <c r="JRM54" s="7">
        <f t="shared" si="916"/>
        <v>3128.5920000000001</v>
      </c>
      <c r="JRN54" s="7">
        <f t="shared" ref="JRN54:JTY54" si="917">JRN49+JRM54</f>
        <v>3128.5920000000001</v>
      </c>
      <c r="JRO54" s="7">
        <f t="shared" si="917"/>
        <v>3128.5920000000001</v>
      </c>
      <c r="JRP54" s="7">
        <f t="shared" si="917"/>
        <v>3128.5920000000001</v>
      </c>
      <c r="JRQ54" s="7">
        <f t="shared" si="917"/>
        <v>3128.5920000000001</v>
      </c>
      <c r="JRR54" s="7">
        <f t="shared" si="917"/>
        <v>3128.5920000000001</v>
      </c>
      <c r="JRS54" s="7">
        <f t="shared" si="917"/>
        <v>3128.5920000000001</v>
      </c>
      <c r="JRT54" s="7">
        <f t="shared" si="917"/>
        <v>3128.5920000000001</v>
      </c>
      <c r="JRU54" s="7">
        <f t="shared" si="917"/>
        <v>3128.5920000000001</v>
      </c>
      <c r="JRV54" s="7">
        <f t="shared" si="917"/>
        <v>3128.5920000000001</v>
      </c>
      <c r="JRW54" s="7">
        <f t="shared" si="917"/>
        <v>3128.5920000000001</v>
      </c>
      <c r="JRX54" s="7">
        <f t="shared" si="917"/>
        <v>3128.5920000000001</v>
      </c>
      <c r="JRY54" s="7">
        <f t="shared" si="917"/>
        <v>3128.5920000000001</v>
      </c>
      <c r="JRZ54" s="7">
        <f t="shared" si="917"/>
        <v>3128.5920000000001</v>
      </c>
      <c r="JSA54" s="7">
        <f t="shared" si="917"/>
        <v>3128.5920000000001</v>
      </c>
      <c r="JSB54" s="7">
        <f t="shared" si="917"/>
        <v>3128.5920000000001</v>
      </c>
      <c r="JSC54" s="7">
        <f t="shared" si="917"/>
        <v>3128.5920000000001</v>
      </c>
      <c r="JSD54" s="7">
        <f t="shared" si="917"/>
        <v>3128.5920000000001</v>
      </c>
      <c r="JSE54" s="7">
        <f t="shared" si="917"/>
        <v>3128.5920000000001</v>
      </c>
      <c r="JSF54" s="7">
        <f t="shared" si="917"/>
        <v>3128.5920000000001</v>
      </c>
      <c r="JSG54" s="7">
        <f t="shared" si="917"/>
        <v>3128.5920000000001</v>
      </c>
      <c r="JSH54" s="7">
        <f t="shared" si="917"/>
        <v>3128.5920000000001</v>
      </c>
      <c r="JSI54" s="7">
        <f t="shared" si="917"/>
        <v>3128.5920000000001</v>
      </c>
      <c r="JSJ54" s="7">
        <f t="shared" si="917"/>
        <v>3128.5920000000001</v>
      </c>
      <c r="JSK54" s="7">
        <f t="shared" si="917"/>
        <v>3128.5920000000001</v>
      </c>
      <c r="JSL54" s="7">
        <f t="shared" si="917"/>
        <v>3128.5920000000001</v>
      </c>
      <c r="JSM54" s="7">
        <f t="shared" si="917"/>
        <v>3128.5920000000001</v>
      </c>
      <c r="JSN54" s="7">
        <f t="shared" si="917"/>
        <v>3128.5920000000001</v>
      </c>
      <c r="JSO54" s="7">
        <f t="shared" si="917"/>
        <v>3128.5920000000001</v>
      </c>
      <c r="JSP54" s="7">
        <f t="shared" si="917"/>
        <v>3128.5920000000001</v>
      </c>
      <c r="JSQ54" s="7">
        <f t="shared" si="917"/>
        <v>3128.5920000000001</v>
      </c>
      <c r="JSR54" s="7">
        <f t="shared" si="917"/>
        <v>3128.5920000000001</v>
      </c>
      <c r="JSS54" s="7">
        <f t="shared" si="917"/>
        <v>3128.5920000000001</v>
      </c>
      <c r="JST54" s="7">
        <f t="shared" si="917"/>
        <v>3128.5920000000001</v>
      </c>
      <c r="JSU54" s="7">
        <f t="shared" si="917"/>
        <v>3128.5920000000001</v>
      </c>
      <c r="JSV54" s="7">
        <f t="shared" si="917"/>
        <v>3128.5920000000001</v>
      </c>
      <c r="JSW54" s="7">
        <f t="shared" si="917"/>
        <v>3128.5920000000001</v>
      </c>
      <c r="JSX54" s="7">
        <f t="shared" si="917"/>
        <v>3128.5920000000001</v>
      </c>
      <c r="JSY54" s="7">
        <f t="shared" si="917"/>
        <v>3128.5920000000001</v>
      </c>
      <c r="JSZ54" s="7">
        <f t="shared" si="917"/>
        <v>3128.5920000000001</v>
      </c>
      <c r="JTA54" s="7">
        <f t="shared" si="917"/>
        <v>3128.5920000000001</v>
      </c>
      <c r="JTB54" s="7">
        <f t="shared" si="917"/>
        <v>3128.5920000000001</v>
      </c>
      <c r="JTC54" s="7">
        <f t="shared" si="917"/>
        <v>3128.5920000000001</v>
      </c>
      <c r="JTD54" s="7">
        <f t="shared" si="917"/>
        <v>3128.5920000000001</v>
      </c>
      <c r="JTE54" s="7">
        <f t="shared" si="917"/>
        <v>3128.5920000000001</v>
      </c>
      <c r="JTF54" s="7">
        <f t="shared" si="917"/>
        <v>3128.5920000000001</v>
      </c>
      <c r="JTG54" s="7">
        <f t="shared" si="917"/>
        <v>3128.5920000000001</v>
      </c>
      <c r="JTH54" s="7">
        <f t="shared" si="917"/>
        <v>3128.5920000000001</v>
      </c>
      <c r="JTI54" s="7">
        <f t="shared" si="917"/>
        <v>3128.5920000000001</v>
      </c>
      <c r="JTJ54" s="7">
        <f t="shared" si="917"/>
        <v>3128.5920000000001</v>
      </c>
      <c r="JTK54" s="7">
        <f t="shared" si="917"/>
        <v>3128.5920000000001</v>
      </c>
      <c r="JTL54" s="7">
        <f t="shared" si="917"/>
        <v>3128.5920000000001</v>
      </c>
      <c r="JTM54" s="7">
        <f t="shared" si="917"/>
        <v>3128.5920000000001</v>
      </c>
      <c r="JTN54" s="7">
        <f t="shared" si="917"/>
        <v>3128.5920000000001</v>
      </c>
      <c r="JTO54" s="7">
        <f t="shared" si="917"/>
        <v>3128.5920000000001</v>
      </c>
      <c r="JTP54" s="7">
        <f t="shared" si="917"/>
        <v>3128.5920000000001</v>
      </c>
      <c r="JTQ54" s="7">
        <f t="shared" si="917"/>
        <v>3128.5920000000001</v>
      </c>
      <c r="JTR54" s="7">
        <f t="shared" si="917"/>
        <v>3128.5920000000001</v>
      </c>
      <c r="JTS54" s="7">
        <f t="shared" si="917"/>
        <v>3128.5920000000001</v>
      </c>
      <c r="JTT54" s="7">
        <f t="shared" si="917"/>
        <v>3128.5920000000001</v>
      </c>
      <c r="JTU54" s="7">
        <f t="shared" si="917"/>
        <v>3128.5920000000001</v>
      </c>
      <c r="JTV54" s="7">
        <f t="shared" si="917"/>
        <v>3128.5920000000001</v>
      </c>
      <c r="JTW54" s="7">
        <f t="shared" si="917"/>
        <v>3128.5920000000001</v>
      </c>
      <c r="JTX54" s="7">
        <f t="shared" si="917"/>
        <v>3128.5920000000001</v>
      </c>
      <c r="JTY54" s="7">
        <f t="shared" si="917"/>
        <v>3128.5920000000001</v>
      </c>
      <c r="JTZ54" s="7">
        <f t="shared" ref="JTZ54:JWK54" si="918">JTZ49+JTY54</f>
        <v>3128.5920000000001</v>
      </c>
      <c r="JUA54" s="7">
        <f t="shared" si="918"/>
        <v>3128.5920000000001</v>
      </c>
      <c r="JUB54" s="7">
        <f t="shared" si="918"/>
        <v>3128.5920000000001</v>
      </c>
      <c r="JUC54" s="7">
        <f t="shared" si="918"/>
        <v>3128.5920000000001</v>
      </c>
      <c r="JUD54" s="7">
        <f t="shared" si="918"/>
        <v>3128.5920000000001</v>
      </c>
      <c r="JUE54" s="7">
        <f t="shared" si="918"/>
        <v>3128.5920000000001</v>
      </c>
      <c r="JUF54" s="7">
        <f t="shared" si="918"/>
        <v>3128.5920000000001</v>
      </c>
      <c r="JUG54" s="7">
        <f t="shared" si="918"/>
        <v>3128.5920000000001</v>
      </c>
      <c r="JUH54" s="7">
        <f t="shared" si="918"/>
        <v>3128.5920000000001</v>
      </c>
      <c r="JUI54" s="7">
        <f t="shared" si="918"/>
        <v>3128.5920000000001</v>
      </c>
      <c r="JUJ54" s="7">
        <f t="shared" si="918"/>
        <v>3128.5920000000001</v>
      </c>
      <c r="JUK54" s="7">
        <f t="shared" si="918"/>
        <v>3128.5920000000001</v>
      </c>
      <c r="JUL54" s="7">
        <f t="shared" si="918"/>
        <v>3128.5920000000001</v>
      </c>
      <c r="JUM54" s="7">
        <f t="shared" si="918"/>
        <v>3128.5920000000001</v>
      </c>
      <c r="JUN54" s="7">
        <f t="shared" si="918"/>
        <v>3128.5920000000001</v>
      </c>
      <c r="JUO54" s="7">
        <f t="shared" si="918"/>
        <v>3128.5920000000001</v>
      </c>
      <c r="JUP54" s="7">
        <f t="shared" si="918"/>
        <v>3128.5920000000001</v>
      </c>
      <c r="JUQ54" s="7">
        <f t="shared" si="918"/>
        <v>3128.5920000000001</v>
      </c>
      <c r="JUR54" s="7">
        <f t="shared" si="918"/>
        <v>3128.5920000000001</v>
      </c>
      <c r="JUS54" s="7">
        <f t="shared" si="918"/>
        <v>3128.5920000000001</v>
      </c>
      <c r="JUT54" s="7">
        <f t="shared" si="918"/>
        <v>3128.5920000000001</v>
      </c>
      <c r="JUU54" s="7">
        <f t="shared" si="918"/>
        <v>3128.5920000000001</v>
      </c>
      <c r="JUV54" s="7">
        <f t="shared" si="918"/>
        <v>3128.5920000000001</v>
      </c>
      <c r="JUW54" s="7">
        <f t="shared" si="918"/>
        <v>3128.5920000000001</v>
      </c>
      <c r="JUX54" s="7">
        <f t="shared" si="918"/>
        <v>3128.5920000000001</v>
      </c>
      <c r="JUY54" s="7">
        <f t="shared" si="918"/>
        <v>3128.5920000000001</v>
      </c>
      <c r="JUZ54" s="7">
        <f t="shared" si="918"/>
        <v>3128.5920000000001</v>
      </c>
      <c r="JVA54" s="7">
        <f t="shared" si="918"/>
        <v>3128.5920000000001</v>
      </c>
      <c r="JVB54" s="7">
        <f t="shared" si="918"/>
        <v>3128.5920000000001</v>
      </c>
      <c r="JVC54" s="7">
        <f t="shared" si="918"/>
        <v>3128.5920000000001</v>
      </c>
      <c r="JVD54" s="7">
        <f t="shared" si="918"/>
        <v>3128.5920000000001</v>
      </c>
      <c r="JVE54" s="7">
        <f t="shared" si="918"/>
        <v>3128.5920000000001</v>
      </c>
      <c r="JVF54" s="7">
        <f t="shared" si="918"/>
        <v>3128.5920000000001</v>
      </c>
      <c r="JVG54" s="7">
        <f t="shared" si="918"/>
        <v>3128.5920000000001</v>
      </c>
      <c r="JVH54" s="7">
        <f t="shared" si="918"/>
        <v>3128.5920000000001</v>
      </c>
      <c r="JVI54" s="7">
        <f t="shared" si="918"/>
        <v>3128.5920000000001</v>
      </c>
      <c r="JVJ54" s="7">
        <f t="shared" si="918"/>
        <v>3128.5920000000001</v>
      </c>
      <c r="JVK54" s="7">
        <f t="shared" si="918"/>
        <v>3128.5920000000001</v>
      </c>
      <c r="JVL54" s="7">
        <f t="shared" si="918"/>
        <v>3128.5920000000001</v>
      </c>
      <c r="JVM54" s="7">
        <f t="shared" si="918"/>
        <v>3128.5920000000001</v>
      </c>
      <c r="JVN54" s="7">
        <f t="shared" si="918"/>
        <v>3128.5920000000001</v>
      </c>
      <c r="JVO54" s="7">
        <f t="shared" si="918"/>
        <v>3128.5920000000001</v>
      </c>
      <c r="JVP54" s="7">
        <f t="shared" si="918"/>
        <v>3128.5920000000001</v>
      </c>
      <c r="JVQ54" s="7">
        <f t="shared" si="918"/>
        <v>3128.5920000000001</v>
      </c>
      <c r="JVR54" s="7">
        <f t="shared" si="918"/>
        <v>3128.5920000000001</v>
      </c>
      <c r="JVS54" s="7">
        <f t="shared" si="918"/>
        <v>3128.5920000000001</v>
      </c>
      <c r="JVT54" s="7">
        <f t="shared" si="918"/>
        <v>3128.5920000000001</v>
      </c>
      <c r="JVU54" s="7">
        <f t="shared" si="918"/>
        <v>3128.5920000000001</v>
      </c>
      <c r="JVV54" s="7">
        <f t="shared" si="918"/>
        <v>3128.5920000000001</v>
      </c>
      <c r="JVW54" s="7">
        <f t="shared" si="918"/>
        <v>3128.5920000000001</v>
      </c>
      <c r="JVX54" s="7">
        <f t="shared" si="918"/>
        <v>3128.5920000000001</v>
      </c>
      <c r="JVY54" s="7">
        <f t="shared" si="918"/>
        <v>3128.5920000000001</v>
      </c>
      <c r="JVZ54" s="7">
        <f t="shared" si="918"/>
        <v>3128.5920000000001</v>
      </c>
      <c r="JWA54" s="7">
        <f t="shared" si="918"/>
        <v>3128.5920000000001</v>
      </c>
      <c r="JWB54" s="7">
        <f t="shared" si="918"/>
        <v>3128.5920000000001</v>
      </c>
      <c r="JWC54" s="7">
        <f t="shared" si="918"/>
        <v>3128.5920000000001</v>
      </c>
      <c r="JWD54" s="7">
        <f t="shared" si="918"/>
        <v>3128.5920000000001</v>
      </c>
      <c r="JWE54" s="7">
        <f t="shared" si="918"/>
        <v>3128.5920000000001</v>
      </c>
      <c r="JWF54" s="7">
        <f t="shared" si="918"/>
        <v>3128.5920000000001</v>
      </c>
      <c r="JWG54" s="7">
        <f t="shared" si="918"/>
        <v>3128.5920000000001</v>
      </c>
      <c r="JWH54" s="7">
        <f t="shared" si="918"/>
        <v>3128.5920000000001</v>
      </c>
      <c r="JWI54" s="7">
        <f t="shared" si="918"/>
        <v>3128.5920000000001</v>
      </c>
      <c r="JWJ54" s="7">
        <f t="shared" si="918"/>
        <v>3128.5920000000001</v>
      </c>
      <c r="JWK54" s="7">
        <f t="shared" si="918"/>
        <v>3128.5920000000001</v>
      </c>
      <c r="JWL54" s="7">
        <f t="shared" ref="JWL54:JYW54" si="919">JWL49+JWK54</f>
        <v>3128.5920000000001</v>
      </c>
      <c r="JWM54" s="7">
        <f t="shared" si="919"/>
        <v>3128.5920000000001</v>
      </c>
      <c r="JWN54" s="7">
        <f t="shared" si="919"/>
        <v>3128.5920000000001</v>
      </c>
      <c r="JWO54" s="7">
        <f t="shared" si="919"/>
        <v>3128.5920000000001</v>
      </c>
      <c r="JWP54" s="7">
        <f t="shared" si="919"/>
        <v>3128.5920000000001</v>
      </c>
      <c r="JWQ54" s="7">
        <f t="shared" si="919"/>
        <v>3128.5920000000001</v>
      </c>
      <c r="JWR54" s="7">
        <f t="shared" si="919"/>
        <v>3128.5920000000001</v>
      </c>
      <c r="JWS54" s="7">
        <f t="shared" si="919"/>
        <v>3128.5920000000001</v>
      </c>
      <c r="JWT54" s="7">
        <f t="shared" si="919"/>
        <v>3128.5920000000001</v>
      </c>
      <c r="JWU54" s="7">
        <f t="shared" si="919"/>
        <v>3128.5920000000001</v>
      </c>
      <c r="JWV54" s="7">
        <f t="shared" si="919"/>
        <v>3128.5920000000001</v>
      </c>
      <c r="JWW54" s="7">
        <f t="shared" si="919"/>
        <v>3128.5920000000001</v>
      </c>
      <c r="JWX54" s="7">
        <f t="shared" si="919"/>
        <v>3128.5920000000001</v>
      </c>
      <c r="JWY54" s="7">
        <f t="shared" si="919"/>
        <v>3128.5920000000001</v>
      </c>
      <c r="JWZ54" s="7">
        <f t="shared" si="919"/>
        <v>3128.5920000000001</v>
      </c>
      <c r="JXA54" s="7">
        <f t="shared" si="919"/>
        <v>3128.5920000000001</v>
      </c>
      <c r="JXB54" s="7">
        <f t="shared" si="919"/>
        <v>3128.5920000000001</v>
      </c>
      <c r="JXC54" s="7">
        <f t="shared" si="919"/>
        <v>3128.5920000000001</v>
      </c>
      <c r="JXD54" s="7">
        <f t="shared" si="919"/>
        <v>3128.5920000000001</v>
      </c>
      <c r="JXE54" s="7">
        <f t="shared" si="919"/>
        <v>3128.5920000000001</v>
      </c>
      <c r="JXF54" s="7">
        <f t="shared" si="919"/>
        <v>3128.5920000000001</v>
      </c>
      <c r="JXG54" s="7">
        <f t="shared" si="919"/>
        <v>3128.5920000000001</v>
      </c>
      <c r="JXH54" s="7">
        <f t="shared" si="919"/>
        <v>3128.5920000000001</v>
      </c>
      <c r="JXI54" s="7">
        <f t="shared" si="919"/>
        <v>3128.5920000000001</v>
      </c>
      <c r="JXJ54" s="7">
        <f t="shared" si="919"/>
        <v>3128.5920000000001</v>
      </c>
      <c r="JXK54" s="7">
        <f t="shared" si="919"/>
        <v>3128.5920000000001</v>
      </c>
      <c r="JXL54" s="7">
        <f t="shared" si="919"/>
        <v>3128.5920000000001</v>
      </c>
      <c r="JXM54" s="7">
        <f t="shared" si="919"/>
        <v>3128.5920000000001</v>
      </c>
      <c r="JXN54" s="7">
        <f t="shared" si="919"/>
        <v>3128.5920000000001</v>
      </c>
      <c r="JXO54" s="7">
        <f t="shared" si="919"/>
        <v>3128.5920000000001</v>
      </c>
      <c r="JXP54" s="7">
        <f t="shared" si="919"/>
        <v>3128.5920000000001</v>
      </c>
      <c r="JXQ54" s="7">
        <f t="shared" si="919"/>
        <v>3128.5920000000001</v>
      </c>
      <c r="JXR54" s="7">
        <f t="shared" si="919"/>
        <v>3128.5920000000001</v>
      </c>
      <c r="JXS54" s="7">
        <f t="shared" si="919"/>
        <v>3128.5920000000001</v>
      </c>
      <c r="JXT54" s="7">
        <f t="shared" si="919"/>
        <v>3128.5920000000001</v>
      </c>
      <c r="JXU54" s="7">
        <f t="shared" si="919"/>
        <v>3128.5920000000001</v>
      </c>
      <c r="JXV54" s="7">
        <f t="shared" si="919"/>
        <v>3128.5920000000001</v>
      </c>
      <c r="JXW54" s="7">
        <f t="shared" si="919"/>
        <v>3128.5920000000001</v>
      </c>
      <c r="JXX54" s="7">
        <f t="shared" si="919"/>
        <v>3128.5920000000001</v>
      </c>
      <c r="JXY54" s="7">
        <f t="shared" si="919"/>
        <v>3128.5920000000001</v>
      </c>
      <c r="JXZ54" s="7">
        <f t="shared" si="919"/>
        <v>3128.5920000000001</v>
      </c>
      <c r="JYA54" s="7">
        <f t="shared" si="919"/>
        <v>3128.5920000000001</v>
      </c>
      <c r="JYB54" s="7">
        <f t="shared" si="919"/>
        <v>3128.5920000000001</v>
      </c>
      <c r="JYC54" s="7">
        <f t="shared" si="919"/>
        <v>3128.5920000000001</v>
      </c>
      <c r="JYD54" s="7">
        <f t="shared" si="919"/>
        <v>3128.5920000000001</v>
      </c>
      <c r="JYE54" s="7">
        <f t="shared" si="919"/>
        <v>3128.5920000000001</v>
      </c>
      <c r="JYF54" s="7">
        <f t="shared" si="919"/>
        <v>3128.5920000000001</v>
      </c>
      <c r="JYG54" s="7">
        <f t="shared" si="919"/>
        <v>3128.5920000000001</v>
      </c>
      <c r="JYH54" s="7">
        <f t="shared" si="919"/>
        <v>3128.5920000000001</v>
      </c>
      <c r="JYI54" s="7">
        <f t="shared" si="919"/>
        <v>3128.5920000000001</v>
      </c>
      <c r="JYJ54" s="7">
        <f t="shared" si="919"/>
        <v>3128.5920000000001</v>
      </c>
      <c r="JYK54" s="7">
        <f t="shared" si="919"/>
        <v>3128.5920000000001</v>
      </c>
      <c r="JYL54" s="7">
        <f t="shared" si="919"/>
        <v>3128.5920000000001</v>
      </c>
      <c r="JYM54" s="7">
        <f t="shared" si="919"/>
        <v>3128.5920000000001</v>
      </c>
      <c r="JYN54" s="7">
        <f t="shared" si="919"/>
        <v>3128.5920000000001</v>
      </c>
      <c r="JYO54" s="7">
        <f t="shared" si="919"/>
        <v>3128.5920000000001</v>
      </c>
      <c r="JYP54" s="7">
        <f t="shared" si="919"/>
        <v>3128.5920000000001</v>
      </c>
      <c r="JYQ54" s="7">
        <f t="shared" si="919"/>
        <v>3128.5920000000001</v>
      </c>
      <c r="JYR54" s="7">
        <f t="shared" si="919"/>
        <v>3128.5920000000001</v>
      </c>
      <c r="JYS54" s="7">
        <f t="shared" si="919"/>
        <v>3128.5920000000001</v>
      </c>
      <c r="JYT54" s="7">
        <f t="shared" si="919"/>
        <v>3128.5920000000001</v>
      </c>
      <c r="JYU54" s="7">
        <f t="shared" si="919"/>
        <v>3128.5920000000001</v>
      </c>
      <c r="JYV54" s="7">
        <f t="shared" si="919"/>
        <v>3128.5920000000001</v>
      </c>
      <c r="JYW54" s="7">
        <f t="shared" si="919"/>
        <v>3128.5920000000001</v>
      </c>
      <c r="JYX54" s="7">
        <f t="shared" ref="JYX54:KBI54" si="920">JYX49+JYW54</f>
        <v>3128.5920000000001</v>
      </c>
      <c r="JYY54" s="7">
        <f t="shared" si="920"/>
        <v>3128.5920000000001</v>
      </c>
      <c r="JYZ54" s="7">
        <f t="shared" si="920"/>
        <v>3128.5920000000001</v>
      </c>
      <c r="JZA54" s="7">
        <f t="shared" si="920"/>
        <v>3128.5920000000001</v>
      </c>
      <c r="JZB54" s="7">
        <f t="shared" si="920"/>
        <v>3128.5920000000001</v>
      </c>
      <c r="JZC54" s="7">
        <f t="shared" si="920"/>
        <v>3128.5920000000001</v>
      </c>
      <c r="JZD54" s="7">
        <f t="shared" si="920"/>
        <v>3128.5920000000001</v>
      </c>
      <c r="JZE54" s="7">
        <f t="shared" si="920"/>
        <v>3128.5920000000001</v>
      </c>
      <c r="JZF54" s="7">
        <f t="shared" si="920"/>
        <v>3128.5920000000001</v>
      </c>
      <c r="JZG54" s="7">
        <f t="shared" si="920"/>
        <v>3128.5920000000001</v>
      </c>
      <c r="JZH54" s="7">
        <f t="shared" si="920"/>
        <v>3128.5920000000001</v>
      </c>
      <c r="JZI54" s="7">
        <f t="shared" si="920"/>
        <v>3128.5920000000001</v>
      </c>
      <c r="JZJ54" s="7">
        <f t="shared" si="920"/>
        <v>3128.5920000000001</v>
      </c>
      <c r="JZK54" s="7">
        <f t="shared" si="920"/>
        <v>3128.5920000000001</v>
      </c>
      <c r="JZL54" s="7">
        <f t="shared" si="920"/>
        <v>3128.5920000000001</v>
      </c>
      <c r="JZM54" s="7">
        <f t="shared" si="920"/>
        <v>3128.5920000000001</v>
      </c>
      <c r="JZN54" s="7">
        <f t="shared" si="920"/>
        <v>3128.5920000000001</v>
      </c>
      <c r="JZO54" s="7">
        <f t="shared" si="920"/>
        <v>3128.5920000000001</v>
      </c>
      <c r="JZP54" s="7">
        <f t="shared" si="920"/>
        <v>3128.5920000000001</v>
      </c>
      <c r="JZQ54" s="7">
        <f t="shared" si="920"/>
        <v>3128.5920000000001</v>
      </c>
      <c r="JZR54" s="7">
        <f t="shared" si="920"/>
        <v>3128.5920000000001</v>
      </c>
      <c r="JZS54" s="7">
        <f t="shared" si="920"/>
        <v>3128.5920000000001</v>
      </c>
      <c r="JZT54" s="7">
        <f t="shared" si="920"/>
        <v>3128.5920000000001</v>
      </c>
      <c r="JZU54" s="7">
        <f t="shared" si="920"/>
        <v>3128.5920000000001</v>
      </c>
      <c r="JZV54" s="7">
        <f t="shared" si="920"/>
        <v>3128.5920000000001</v>
      </c>
      <c r="JZW54" s="7">
        <f t="shared" si="920"/>
        <v>3128.5920000000001</v>
      </c>
      <c r="JZX54" s="7">
        <f t="shared" si="920"/>
        <v>3128.5920000000001</v>
      </c>
      <c r="JZY54" s="7">
        <f t="shared" si="920"/>
        <v>3128.5920000000001</v>
      </c>
      <c r="JZZ54" s="7">
        <f t="shared" si="920"/>
        <v>3128.5920000000001</v>
      </c>
      <c r="KAA54" s="7">
        <f t="shared" si="920"/>
        <v>3128.5920000000001</v>
      </c>
      <c r="KAB54" s="7">
        <f t="shared" si="920"/>
        <v>3128.5920000000001</v>
      </c>
      <c r="KAC54" s="7">
        <f t="shared" si="920"/>
        <v>3128.5920000000001</v>
      </c>
      <c r="KAD54" s="7">
        <f t="shared" si="920"/>
        <v>3128.5920000000001</v>
      </c>
      <c r="KAE54" s="7">
        <f t="shared" si="920"/>
        <v>3128.5920000000001</v>
      </c>
      <c r="KAF54" s="7">
        <f t="shared" si="920"/>
        <v>3128.5920000000001</v>
      </c>
      <c r="KAG54" s="7">
        <f t="shared" si="920"/>
        <v>3128.5920000000001</v>
      </c>
      <c r="KAH54" s="7">
        <f t="shared" si="920"/>
        <v>3128.5920000000001</v>
      </c>
      <c r="KAI54" s="7">
        <f t="shared" si="920"/>
        <v>3128.5920000000001</v>
      </c>
      <c r="KAJ54" s="7">
        <f t="shared" si="920"/>
        <v>3128.5920000000001</v>
      </c>
      <c r="KAK54" s="7">
        <f t="shared" si="920"/>
        <v>3128.5920000000001</v>
      </c>
      <c r="KAL54" s="7">
        <f t="shared" si="920"/>
        <v>3128.5920000000001</v>
      </c>
      <c r="KAM54" s="7">
        <f t="shared" si="920"/>
        <v>3128.5920000000001</v>
      </c>
      <c r="KAN54" s="7">
        <f t="shared" si="920"/>
        <v>3128.5920000000001</v>
      </c>
      <c r="KAO54" s="7">
        <f t="shared" si="920"/>
        <v>3128.5920000000001</v>
      </c>
      <c r="KAP54" s="7">
        <f t="shared" si="920"/>
        <v>3128.5920000000001</v>
      </c>
      <c r="KAQ54" s="7">
        <f t="shared" si="920"/>
        <v>3128.5920000000001</v>
      </c>
      <c r="KAR54" s="7">
        <f t="shared" si="920"/>
        <v>3128.5920000000001</v>
      </c>
      <c r="KAS54" s="7">
        <f t="shared" si="920"/>
        <v>3128.5920000000001</v>
      </c>
      <c r="KAT54" s="7">
        <f t="shared" si="920"/>
        <v>3128.5920000000001</v>
      </c>
      <c r="KAU54" s="7">
        <f t="shared" si="920"/>
        <v>3128.5920000000001</v>
      </c>
      <c r="KAV54" s="7">
        <f t="shared" si="920"/>
        <v>3128.5920000000001</v>
      </c>
      <c r="KAW54" s="7">
        <f t="shared" si="920"/>
        <v>3128.5920000000001</v>
      </c>
      <c r="KAX54" s="7">
        <f t="shared" si="920"/>
        <v>3128.5920000000001</v>
      </c>
      <c r="KAY54" s="7">
        <f t="shared" si="920"/>
        <v>3128.5920000000001</v>
      </c>
      <c r="KAZ54" s="7">
        <f t="shared" si="920"/>
        <v>3128.5920000000001</v>
      </c>
      <c r="KBA54" s="7">
        <f t="shared" si="920"/>
        <v>3128.5920000000001</v>
      </c>
      <c r="KBB54" s="7">
        <f t="shared" si="920"/>
        <v>3128.5920000000001</v>
      </c>
      <c r="KBC54" s="7">
        <f t="shared" si="920"/>
        <v>3128.5920000000001</v>
      </c>
      <c r="KBD54" s="7">
        <f t="shared" si="920"/>
        <v>3128.5920000000001</v>
      </c>
      <c r="KBE54" s="7">
        <f t="shared" si="920"/>
        <v>3128.5920000000001</v>
      </c>
      <c r="KBF54" s="7">
        <f t="shared" si="920"/>
        <v>3128.5920000000001</v>
      </c>
      <c r="KBG54" s="7">
        <f t="shared" si="920"/>
        <v>3128.5920000000001</v>
      </c>
      <c r="KBH54" s="7">
        <f t="shared" si="920"/>
        <v>3128.5920000000001</v>
      </c>
      <c r="KBI54" s="7">
        <f t="shared" si="920"/>
        <v>3128.5920000000001</v>
      </c>
      <c r="KBJ54" s="7">
        <f t="shared" ref="KBJ54:KDU54" si="921">KBJ49+KBI54</f>
        <v>3128.5920000000001</v>
      </c>
      <c r="KBK54" s="7">
        <f t="shared" si="921"/>
        <v>3128.5920000000001</v>
      </c>
      <c r="KBL54" s="7">
        <f t="shared" si="921"/>
        <v>3128.5920000000001</v>
      </c>
      <c r="KBM54" s="7">
        <f t="shared" si="921"/>
        <v>3128.5920000000001</v>
      </c>
      <c r="KBN54" s="7">
        <f t="shared" si="921"/>
        <v>3128.5920000000001</v>
      </c>
      <c r="KBO54" s="7">
        <f t="shared" si="921"/>
        <v>3128.5920000000001</v>
      </c>
      <c r="KBP54" s="7">
        <f t="shared" si="921"/>
        <v>3128.5920000000001</v>
      </c>
      <c r="KBQ54" s="7">
        <f t="shared" si="921"/>
        <v>3128.5920000000001</v>
      </c>
      <c r="KBR54" s="7">
        <f t="shared" si="921"/>
        <v>3128.5920000000001</v>
      </c>
      <c r="KBS54" s="7">
        <f t="shared" si="921"/>
        <v>3128.5920000000001</v>
      </c>
      <c r="KBT54" s="7">
        <f t="shared" si="921"/>
        <v>3128.5920000000001</v>
      </c>
      <c r="KBU54" s="7">
        <f t="shared" si="921"/>
        <v>3128.5920000000001</v>
      </c>
      <c r="KBV54" s="7">
        <f t="shared" si="921"/>
        <v>3128.5920000000001</v>
      </c>
      <c r="KBW54" s="7">
        <f t="shared" si="921"/>
        <v>3128.5920000000001</v>
      </c>
      <c r="KBX54" s="7">
        <f t="shared" si="921"/>
        <v>3128.5920000000001</v>
      </c>
      <c r="KBY54" s="7">
        <f t="shared" si="921"/>
        <v>3128.5920000000001</v>
      </c>
      <c r="KBZ54" s="7">
        <f t="shared" si="921"/>
        <v>3128.5920000000001</v>
      </c>
      <c r="KCA54" s="7">
        <f t="shared" si="921"/>
        <v>3128.5920000000001</v>
      </c>
      <c r="KCB54" s="7">
        <f t="shared" si="921"/>
        <v>3128.5920000000001</v>
      </c>
      <c r="KCC54" s="7">
        <f t="shared" si="921"/>
        <v>3128.5920000000001</v>
      </c>
      <c r="KCD54" s="7">
        <f t="shared" si="921"/>
        <v>3128.5920000000001</v>
      </c>
      <c r="KCE54" s="7">
        <f t="shared" si="921"/>
        <v>3128.5920000000001</v>
      </c>
      <c r="KCF54" s="7">
        <f t="shared" si="921"/>
        <v>3128.5920000000001</v>
      </c>
      <c r="KCG54" s="7">
        <f t="shared" si="921"/>
        <v>3128.5920000000001</v>
      </c>
      <c r="KCH54" s="7">
        <f t="shared" si="921"/>
        <v>3128.5920000000001</v>
      </c>
      <c r="KCI54" s="7">
        <f t="shared" si="921"/>
        <v>3128.5920000000001</v>
      </c>
      <c r="KCJ54" s="7">
        <f t="shared" si="921"/>
        <v>3128.5920000000001</v>
      </c>
      <c r="KCK54" s="7">
        <f t="shared" si="921"/>
        <v>3128.5920000000001</v>
      </c>
      <c r="KCL54" s="7">
        <f t="shared" si="921"/>
        <v>3128.5920000000001</v>
      </c>
      <c r="KCM54" s="7">
        <f t="shared" si="921"/>
        <v>3128.5920000000001</v>
      </c>
      <c r="KCN54" s="7">
        <f t="shared" si="921"/>
        <v>3128.5920000000001</v>
      </c>
      <c r="KCO54" s="7">
        <f t="shared" si="921"/>
        <v>3128.5920000000001</v>
      </c>
      <c r="KCP54" s="7">
        <f t="shared" si="921"/>
        <v>3128.5920000000001</v>
      </c>
      <c r="KCQ54" s="7">
        <f t="shared" si="921"/>
        <v>3128.5920000000001</v>
      </c>
      <c r="KCR54" s="7">
        <f t="shared" si="921"/>
        <v>3128.5920000000001</v>
      </c>
      <c r="KCS54" s="7">
        <f t="shared" si="921"/>
        <v>3128.5920000000001</v>
      </c>
      <c r="KCT54" s="7">
        <f t="shared" si="921"/>
        <v>3128.5920000000001</v>
      </c>
      <c r="KCU54" s="7">
        <f t="shared" si="921"/>
        <v>3128.5920000000001</v>
      </c>
      <c r="KCV54" s="7">
        <f t="shared" si="921"/>
        <v>3128.5920000000001</v>
      </c>
      <c r="KCW54" s="7">
        <f t="shared" si="921"/>
        <v>3128.5920000000001</v>
      </c>
      <c r="KCX54" s="7">
        <f t="shared" si="921"/>
        <v>3128.5920000000001</v>
      </c>
      <c r="KCY54" s="7">
        <f t="shared" si="921"/>
        <v>3128.5920000000001</v>
      </c>
      <c r="KCZ54" s="7">
        <f t="shared" si="921"/>
        <v>3128.5920000000001</v>
      </c>
      <c r="KDA54" s="7">
        <f t="shared" si="921"/>
        <v>3128.5920000000001</v>
      </c>
      <c r="KDB54" s="7">
        <f t="shared" si="921"/>
        <v>3128.5920000000001</v>
      </c>
      <c r="KDC54" s="7">
        <f t="shared" si="921"/>
        <v>3128.5920000000001</v>
      </c>
      <c r="KDD54" s="7">
        <f t="shared" si="921"/>
        <v>3128.5920000000001</v>
      </c>
      <c r="KDE54" s="7">
        <f t="shared" si="921"/>
        <v>3128.5920000000001</v>
      </c>
      <c r="KDF54" s="7">
        <f t="shared" si="921"/>
        <v>3128.5920000000001</v>
      </c>
      <c r="KDG54" s="7">
        <f t="shared" si="921"/>
        <v>3128.5920000000001</v>
      </c>
      <c r="KDH54" s="7">
        <f t="shared" si="921"/>
        <v>3128.5920000000001</v>
      </c>
      <c r="KDI54" s="7">
        <f t="shared" si="921"/>
        <v>3128.5920000000001</v>
      </c>
      <c r="KDJ54" s="7">
        <f t="shared" si="921"/>
        <v>3128.5920000000001</v>
      </c>
      <c r="KDK54" s="7">
        <f t="shared" si="921"/>
        <v>3128.5920000000001</v>
      </c>
      <c r="KDL54" s="7">
        <f t="shared" si="921"/>
        <v>3128.5920000000001</v>
      </c>
      <c r="KDM54" s="7">
        <f t="shared" si="921"/>
        <v>3128.5920000000001</v>
      </c>
      <c r="KDN54" s="7">
        <f t="shared" si="921"/>
        <v>3128.5920000000001</v>
      </c>
      <c r="KDO54" s="7">
        <f t="shared" si="921"/>
        <v>3128.5920000000001</v>
      </c>
      <c r="KDP54" s="7">
        <f t="shared" si="921"/>
        <v>3128.5920000000001</v>
      </c>
      <c r="KDQ54" s="7">
        <f t="shared" si="921"/>
        <v>3128.5920000000001</v>
      </c>
      <c r="KDR54" s="7">
        <f t="shared" si="921"/>
        <v>3128.5920000000001</v>
      </c>
      <c r="KDS54" s="7">
        <f t="shared" si="921"/>
        <v>3128.5920000000001</v>
      </c>
      <c r="KDT54" s="7">
        <f t="shared" si="921"/>
        <v>3128.5920000000001</v>
      </c>
      <c r="KDU54" s="7">
        <f t="shared" si="921"/>
        <v>3128.5920000000001</v>
      </c>
      <c r="KDV54" s="7">
        <f t="shared" ref="KDV54:KGG54" si="922">KDV49+KDU54</f>
        <v>3128.5920000000001</v>
      </c>
      <c r="KDW54" s="7">
        <f t="shared" si="922"/>
        <v>3128.5920000000001</v>
      </c>
      <c r="KDX54" s="7">
        <f t="shared" si="922"/>
        <v>3128.5920000000001</v>
      </c>
      <c r="KDY54" s="7">
        <f t="shared" si="922"/>
        <v>3128.5920000000001</v>
      </c>
      <c r="KDZ54" s="7">
        <f t="shared" si="922"/>
        <v>3128.5920000000001</v>
      </c>
      <c r="KEA54" s="7">
        <f t="shared" si="922"/>
        <v>3128.5920000000001</v>
      </c>
      <c r="KEB54" s="7">
        <f t="shared" si="922"/>
        <v>3128.5920000000001</v>
      </c>
      <c r="KEC54" s="7">
        <f t="shared" si="922"/>
        <v>3128.5920000000001</v>
      </c>
      <c r="KED54" s="7">
        <f t="shared" si="922"/>
        <v>3128.5920000000001</v>
      </c>
      <c r="KEE54" s="7">
        <f t="shared" si="922"/>
        <v>3128.5920000000001</v>
      </c>
      <c r="KEF54" s="7">
        <f t="shared" si="922"/>
        <v>3128.5920000000001</v>
      </c>
      <c r="KEG54" s="7">
        <f t="shared" si="922"/>
        <v>3128.5920000000001</v>
      </c>
      <c r="KEH54" s="7">
        <f t="shared" si="922"/>
        <v>3128.5920000000001</v>
      </c>
      <c r="KEI54" s="7">
        <f t="shared" si="922"/>
        <v>3128.5920000000001</v>
      </c>
      <c r="KEJ54" s="7">
        <f t="shared" si="922"/>
        <v>3128.5920000000001</v>
      </c>
      <c r="KEK54" s="7">
        <f t="shared" si="922"/>
        <v>3128.5920000000001</v>
      </c>
      <c r="KEL54" s="7">
        <f t="shared" si="922"/>
        <v>3128.5920000000001</v>
      </c>
      <c r="KEM54" s="7">
        <f t="shared" si="922"/>
        <v>3128.5920000000001</v>
      </c>
      <c r="KEN54" s="7">
        <f t="shared" si="922"/>
        <v>3128.5920000000001</v>
      </c>
      <c r="KEO54" s="7">
        <f t="shared" si="922"/>
        <v>3128.5920000000001</v>
      </c>
      <c r="KEP54" s="7">
        <f t="shared" si="922"/>
        <v>3128.5920000000001</v>
      </c>
      <c r="KEQ54" s="7">
        <f t="shared" si="922"/>
        <v>3128.5920000000001</v>
      </c>
      <c r="KER54" s="7">
        <f t="shared" si="922"/>
        <v>3128.5920000000001</v>
      </c>
      <c r="KES54" s="7">
        <f t="shared" si="922"/>
        <v>3128.5920000000001</v>
      </c>
      <c r="KET54" s="7">
        <f t="shared" si="922"/>
        <v>3128.5920000000001</v>
      </c>
      <c r="KEU54" s="7">
        <f t="shared" si="922"/>
        <v>3128.5920000000001</v>
      </c>
      <c r="KEV54" s="7">
        <f t="shared" si="922"/>
        <v>3128.5920000000001</v>
      </c>
      <c r="KEW54" s="7">
        <f t="shared" si="922"/>
        <v>3128.5920000000001</v>
      </c>
      <c r="KEX54" s="7">
        <f t="shared" si="922"/>
        <v>3128.5920000000001</v>
      </c>
      <c r="KEY54" s="7">
        <f t="shared" si="922"/>
        <v>3128.5920000000001</v>
      </c>
      <c r="KEZ54" s="7">
        <f t="shared" si="922"/>
        <v>3128.5920000000001</v>
      </c>
      <c r="KFA54" s="7">
        <f t="shared" si="922"/>
        <v>3128.5920000000001</v>
      </c>
      <c r="KFB54" s="7">
        <f t="shared" si="922"/>
        <v>3128.5920000000001</v>
      </c>
      <c r="KFC54" s="7">
        <f t="shared" si="922"/>
        <v>3128.5920000000001</v>
      </c>
      <c r="KFD54" s="7">
        <f t="shared" si="922"/>
        <v>3128.5920000000001</v>
      </c>
      <c r="KFE54" s="7">
        <f t="shared" si="922"/>
        <v>3128.5920000000001</v>
      </c>
      <c r="KFF54" s="7">
        <f t="shared" si="922"/>
        <v>3128.5920000000001</v>
      </c>
      <c r="KFG54" s="7">
        <f t="shared" si="922"/>
        <v>3128.5920000000001</v>
      </c>
      <c r="KFH54" s="7">
        <f t="shared" si="922"/>
        <v>3128.5920000000001</v>
      </c>
      <c r="KFI54" s="7">
        <f t="shared" si="922"/>
        <v>3128.5920000000001</v>
      </c>
      <c r="KFJ54" s="7">
        <f t="shared" si="922"/>
        <v>3128.5920000000001</v>
      </c>
      <c r="KFK54" s="7">
        <f t="shared" si="922"/>
        <v>3128.5920000000001</v>
      </c>
      <c r="KFL54" s="7">
        <f t="shared" si="922"/>
        <v>3128.5920000000001</v>
      </c>
      <c r="KFM54" s="7">
        <f t="shared" si="922"/>
        <v>3128.5920000000001</v>
      </c>
      <c r="KFN54" s="7">
        <f t="shared" si="922"/>
        <v>3128.5920000000001</v>
      </c>
      <c r="KFO54" s="7">
        <f t="shared" si="922"/>
        <v>3128.5920000000001</v>
      </c>
      <c r="KFP54" s="7">
        <f t="shared" si="922"/>
        <v>3128.5920000000001</v>
      </c>
      <c r="KFQ54" s="7">
        <f t="shared" si="922"/>
        <v>3128.5920000000001</v>
      </c>
      <c r="KFR54" s="7">
        <f t="shared" si="922"/>
        <v>3128.5920000000001</v>
      </c>
      <c r="KFS54" s="7">
        <f t="shared" si="922"/>
        <v>3128.5920000000001</v>
      </c>
      <c r="KFT54" s="7">
        <f t="shared" si="922"/>
        <v>3128.5920000000001</v>
      </c>
      <c r="KFU54" s="7">
        <f t="shared" si="922"/>
        <v>3128.5920000000001</v>
      </c>
      <c r="KFV54" s="7">
        <f t="shared" si="922"/>
        <v>3128.5920000000001</v>
      </c>
      <c r="KFW54" s="7">
        <f t="shared" si="922"/>
        <v>3128.5920000000001</v>
      </c>
      <c r="KFX54" s="7">
        <f t="shared" si="922"/>
        <v>3128.5920000000001</v>
      </c>
      <c r="KFY54" s="7">
        <f t="shared" si="922"/>
        <v>3128.5920000000001</v>
      </c>
      <c r="KFZ54" s="7">
        <f t="shared" si="922"/>
        <v>3128.5920000000001</v>
      </c>
      <c r="KGA54" s="7">
        <f t="shared" si="922"/>
        <v>3128.5920000000001</v>
      </c>
      <c r="KGB54" s="7">
        <f t="shared" si="922"/>
        <v>3128.5920000000001</v>
      </c>
      <c r="KGC54" s="7">
        <f t="shared" si="922"/>
        <v>3128.5920000000001</v>
      </c>
      <c r="KGD54" s="7">
        <f t="shared" si="922"/>
        <v>3128.5920000000001</v>
      </c>
      <c r="KGE54" s="7">
        <f t="shared" si="922"/>
        <v>3128.5920000000001</v>
      </c>
      <c r="KGF54" s="7">
        <f t="shared" si="922"/>
        <v>3128.5920000000001</v>
      </c>
      <c r="KGG54" s="7">
        <f t="shared" si="922"/>
        <v>3128.5920000000001</v>
      </c>
      <c r="KGH54" s="7">
        <f t="shared" ref="KGH54:KIS54" si="923">KGH49+KGG54</f>
        <v>3128.5920000000001</v>
      </c>
      <c r="KGI54" s="7">
        <f t="shared" si="923"/>
        <v>3128.5920000000001</v>
      </c>
      <c r="KGJ54" s="7">
        <f t="shared" si="923"/>
        <v>3128.5920000000001</v>
      </c>
      <c r="KGK54" s="7">
        <f t="shared" si="923"/>
        <v>3128.5920000000001</v>
      </c>
      <c r="KGL54" s="7">
        <f t="shared" si="923"/>
        <v>3128.5920000000001</v>
      </c>
      <c r="KGM54" s="7">
        <f t="shared" si="923"/>
        <v>3128.5920000000001</v>
      </c>
      <c r="KGN54" s="7">
        <f t="shared" si="923"/>
        <v>3128.5920000000001</v>
      </c>
      <c r="KGO54" s="7">
        <f t="shared" si="923"/>
        <v>3128.5920000000001</v>
      </c>
      <c r="KGP54" s="7">
        <f t="shared" si="923"/>
        <v>3128.5920000000001</v>
      </c>
      <c r="KGQ54" s="7">
        <f t="shared" si="923"/>
        <v>3128.5920000000001</v>
      </c>
      <c r="KGR54" s="7">
        <f t="shared" si="923"/>
        <v>3128.5920000000001</v>
      </c>
      <c r="KGS54" s="7">
        <f t="shared" si="923"/>
        <v>3128.5920000000001</v>
      </c>
      <c r="KGT54" s="7">
        <f t="shared" si="923"/>
        <v>3128.5920000000001</v>
      </c>
      <c r="KGU54" s="7">
        <f t="shared" si="923"/>
        <v>3128.5920000000001</v>
      </c>
      <c r="KGV54" s="7">
        <f t="shared" si="923"/>
        <v>3128.5920000000001</v>
      </c>
      <c r="KGW54" s="7">
        <f t="shared" si="923"/>
        <v>3128.5920000000001</v>
      </c>
      <c r="KGX54" s="7">
        <f t="shared" si="923"/>
        <v>3128.5920000000001</v>
      </c>
      <c r="KGY54" s="7">
        <f t="shared" si="923"/>
        <v>3128.5920000000001</v>
      </c>
      <c r="KGZ54" s="7">
        <f t="shared" si="923"/>
        <v>3128.5920000000001</v>
      </c>
      <c r="KHA54" s="7">
        <f t="shared" si="923"/>
        <v>3128.5920000000001</v>
      </c>
      <c r="KHB54" s="7">
        <f t="shared" si="923"/>
        <v>3128.5920000000001</v>
      </c>
      <c r="KHC54" s="7">
        <f t="shared" si="923"/>
        <v>3128.5920000000001</v>
      </c>
      <c r="KHD54" s="7">
        <f t="shared" si="923"/>
        <v>3128.5920000000001</v>
      </c>
      <c r="KHE54" s="7">
        <f t="shared" si="923"/>
        <v>3128.5920000000001</v>
      </c>
      <c r="KHF54" s="7">
        <f t="shared" si="923"/>
        <v>3128.5920000000001</v>
      </c>
      <c r="KHG54" s="7">
        <f t="shared" si="923"/>
        <v>3128.5920000000001</v>
      </c>
      <c r="KHH54" s="7">
        <f t="shared" si="923"/>
        <v>3128.5920000000001</v>
      </c>
      <c r="KHI54" s="7">
        <f t="shared" si="923"/>
        <v>3128.5920000000001</v>
      </c>
      <c r="KHJ54" s="7">
        <f t="shared" si="923"/>
        <v>3128.5920000000001</v>
      </c>
      <c r="KHK54" s="7">
        <f t="shared" si="923"/>
        <v>3128.5920000000001</v>
      </c>
      <c r="KHL54" s="7">
        <f t="shared" si="923"/>
        <v>3128.5920000000001</v>
      </c>
      <c r="KHM54" s="7">
        <f t="shared" si="923"/>
        <v>3128.5920000000001</v>
      </c>
      <c r="KHN54" s="7">
        <f t="shared" si="923"/>
        <v>3128.5920000000001</v>
      </c>
      <c r="KHO54" s="7">
        <f t="shared" si="923"/>
        <v>3128.5920000000001</v>
      </c>
      <c r="KHP54" s="7">
        <f t="shared" si="923"/>
        <v>3128.5920000000001</v>
      </c>
      <c r="KHQ54" s="7">
        <f t="shared" si="923"/>
        <v>3128.5920000000001</v>
      </c>
      <c r="KHR54" s="7">
        <f t="shared" si="923"/>
        <v>3128.5920000000001</v>
      </c>
      <c r="KHS54" s="7">
        <f t="shared" si="923"/>
        <v>3128.5920000000001</v>
      </c>
      <c r="KHT54" s="7">
        <f t="shared" si="923"/>
        <v>3128.5920000000001</v>
      </c>
      <c r="KHU54" s="7">
        <f t="shared" si="923"/>
        <v>3128.5920000000001</v>
      </c>
      <c r="KHV54" s="7">
        <f t="shared" si="923"/>
        <v>3128.5920000000001</v>
      </c>
      <c r="KHW54" s="7">
        <f t="shared" si="923"/>
        <v>3128.5920000000001</v>
      </c>
      <c r="KHX54" s="7">
        <f t="shared" si="923"/>
        <v>3128.5920000000001</v>
      </c>
      <c r="KHY54" s="7">
        <f t="shared" si="923"/>
        <v>3128.5920000000001</v>
      </c>
      <c r="KHZ54" s="7">
        <f t="shared" si="923"/>
        <v>3128.5920000000001</v>
      </c>
      <c r="KIA54" s="7">
        <f t="shared" si="923"/>
        <v>3128.5920000000001</v>
      </c>
      <c r="KIB54" s="7">
        <f t="shared" si="923"/>
        <v>3128.5920000000001</v>
      </c>
      <c r="KIC54" s="7">
        <f t="shared" si="923"/>
        <v>3128.5920000000001</v>
      </c>
      <c r="KID54" s="7">
        <f t="shared" si="923"/>
        <v>3128.5920000000001</v>
      </c>
      <c r="KIE54" s="7">
        <f t="shared" si="923"/>
        <v>3128.5920000000001</v>
      </c>
      <c r="KIF54" s="7">
        <f t="shared" si="923"/>
        <v>3128.5920000000001</v>
      </c>
      <c r="KIG54" s="7">
        <f t="shared" si="923"/>
        <v>3128.5920000000001</v>
      </c>
      <c r="KIH54" s="7">
        <f t="shared" si="923"/>
        <v>3128.5920000000001</v>
      </c>
      <c r="KII54" s="7">
        <f t="shared" si="923"/>
        <v>3128.5920000000001</v>
      </c>
      <c r="KIJ54" s="7">
        <f t="shared" si="923"/>
        <v>3128.5920000000001</v>
      </c>
      <c r="KIK54" s="7">
        <f t="shared" si="923"/>
        <v>3128.5920000000001</v>
      </c>
      <c r="KIL54" s="7">
        <f t="shared" si="923"/>
        <v>3128.5920000000001</v>
      </c>
      <c r="KIM54" s="7">
        <f t="shared" si="923"/>
        <v>3128.5920000000001</v>
      </c>
      <c r="KIN54" s="7">
        <f t="shared" si="923"/>
        <v>3128.5920000000001</v>
      </c>
      <c r="KIO54" s="7">
        <f t="shared" si="923"/>
        <v>3128.5920000000001</v>
      </c>
      <c r="KIP54" s="7">
        <f t="shared" si="923"/>
        <v>3128.5920000000001</v>
      </c>
      <c r="KIQ54" s="7">
        <f t="shared" si="923"/>
        <v>3128.5920000000001</v>
      </c>
      <c r="KIR54" s="7">
        <f t="shared" si="923"/>
        <v>3128.5920000000001</v>
      </c>
      <c r="KIS54" s="7">
        <f t="shared" si="923"/>
        <v>3128.5920000000001</v>
      </c>
      <c r="KIT54" s="7">
        <f t="shared" ref="KIT54:KLE54" si="924">KIT49+KIS54</f>
        <v>3128.5920000000001</v>
      </c>
      <c r="KIU54" s="7">
        <f t="shared" si="924"/>
        <v>3128.5920000000001</v>
      </c>
      <c r="KIV54" s="7">
        <f t="shared" si="924"/>
        <v>3128.5920000000001</v>
      </c>
      <c r="KIW54" s="7">
        <f t="shared" si="924"/>
        <v>3128.5920000000001</v>
      </c>
      <c r="KIX54" s="7">
        <f t="shared" si="924"/>
        <v>3128.5920000000001</v>
      </c>
      <c r="KIY54" s="7">
        <f t="shared" si="924"/>
        <v>3128.5920000000001</v>
      </c>
      <c r="KIZ54" s="7">
        <f t="shared" si="924"/>
        <v>3128.5920000000001</v>
      </c>
      <c r="KJA54" s="7">
        <f t="shared" si="924"/>
        <v>3128.5920000000001</v>
      </c>
      <c r="KJB54" s="7">
        <f t="shared" si="924"/>
        <v>3128.5920000000001</v>
      </c>
      <c r="KJC54" s="7">
        <f t="shared" si="924"/>
        <v>3128.5920000000001</v>
      </c>
      <c r="KJD54" s="7">
        <f t="shared" si="924"/>
        <v>3128.5920000000001</v>
      </c>
      <c r="KJE54" s="7">
        <f t="shared" si="924"/>
        <v>3128.5920000000001</v>
      </c>
      <c r="KJF54" s="7">
        <f t="shared" si="924"/>
        <v>3128.5920000000001</v>
      </c>
      <c r="KJG54" s="7">
        <f t="shared" si="924"/>
        <v>3128.5920000000001</v>
      </c>
      <c r="KJH54" s="7">
        <f t="shared" si="924"/>
        <v>3128.5920000000001</v>
      </c>
      <c r="KJI54" s="7">
        <f t="shared" si="924"/>
        <v>3128.5920000000001</v>
      </c>
      <c r="KJJ54" s="7">
        <f t="shared" si="924"/>
        <v>3128.5920000000001</v>
      </c>
      <c r="KJK54" s="7">
        <f t="shared" si="924"/>
        <v>3128.5920000000001</v>
      </c>
      <c r="KJL54" s="7">
        <f t="shared" si="924"/>
        <v>3128.5920000000001</v>
      </c>
      <c r="KJM54" s="7">
        <f t="shared" si="924"/>
        <v>3128.5920000000001</v>
      </c>
      <c r="KJN54" s="7">
        <f t="shared" si="924"/>
        <v>3128.5920000000001</v>
      </c>
      <c r="KJO54" s="7">
        <f t="shared" si="924"/>
        <v>3128.5920000000001</v>
      </c>
      <c r="KJP54" s="7">
        <f t="shared" si="924"/>
        <v>3128.5920000000001</v>
      </c>
      <c r="KJQ54" s="7">
        <f t="shared" si="924"/>
        <v>3128.5920000000001</v>
      </c>
      <c r="KJR54" s="7">
        <f t="shared" si="924"/>
        <v>3128.5920000000001</v>
      </c>
      <c r="KJS54" s="7">
        <f t="shared" si="924"/>
        <v>3128.5920000000001</v>
      </c>
      <c r="KJT54" s="7">
        <f t="shared" si="924"/>
        <v>3128.5920000000001</v>
      </c>
      <c r="KJU54" s="7">
        <f t="shared" si="924"/>
        <v>3128.5920000000001</v>
      </c>
      <c r="KJV54" s="7">
        <f t="shared" si="924"/>
        <v>3128.5920000000001</v>
      </c>
      <c r="KJW54" s="7">
        <f t="shared" si="924"/>
        <v>3128.5920000000001</v>
      </c>
      <c r="KJX54" s="7">
        <f t="shared" si="924"/>
        <v>3128.5920000000001</v>
      </c>
      <c r="KJY54" s="7">
        <f t="shared" si="924"/>
        <v>3128.5920000000001</v>
      </c>
      <c r="KJZ54" s="7">
        <f t="shared" si="924"/>
        <v>3128.5920000000001</v>
      </c>
      <c r="KKA54" s="7">
        <f t="shared" si="924"/>
        <v>3128.5920000000001</v>
      </c>
      <c r="KKB54" s="7">
        <f t="shared" si="924"/>
        <v>3128.5920000000001</v>
      </c>
      <c r="KKC54" s="7">
        <f t="shared" si="924"/>
        <v>3128.5920000000001</v>
      </c>
      <c r="KKD54" s="7">
        <f t="shared" si="924"/>
        <v>3128.5920000000001</v>
      </c>
      <c r="KKE54" s="7">
        <f t="shared" si="924"/>
        <v>3128.5920000000001</v>
      </c>
      <c r="KKF54" s="7">
        <f t="shared" si="924"/>
        <v>3128.5920000000001</v>
      </c>
      <c r="KKG54" s="7">
        <f t="shared" si="924"/>
        <v>3128.5920000000001</v>
      </c>
      <c r="KKH54" s="7">
        <f t="shared" si="924"/>
        <v>3128.5920000000001</v>
      </c>
      <c r="KKI54" s="7">
        <f t="shared" si="924"/>
        <v>3128.5920000000001</v>
      </c>
      <c r="KKJ54" s="7">
        <f t="shared" si="924"/>
        <v>3128.5920000000001</v>
      </c>
      <c r="KKK54" s="7">
        <f t="shared" si="924"/>
        <v>3128.5920000000001</v>
      </c>
      <c r="KKL54" s="7">
        <f t="shared" si="924"/>
        <v>3128.5920000000001</v>
      </c>
      <c r="KKM54" s="7">
        <f t="shared" si="924"/>
        <v>3128.5920000000001</v>
      </c>
      <c r="KKN54" s="7">
        <f t="shared" si="924"/>
        <v>3128.5920000000001</v>
      </c>
      <c r="KKO54" s="7">
        <f t="shared" si="924"/>
        <v>3128.5920000000001</v>
      </c>
      <c r="KKP54" s="7">
        <f t="shared" si="924"/>
        <v>3128.5920000000001</v>
      </c>
      <c r="KKQ54" s="7">
        <f t="shared" si="924"/>
        <v>3128.5920000000001</v>
      </c>
      <c r="KKR54" s="7">
        <f t="shared" si="924"/>
        <v>3128.5920000000001</v>
      </c>
      <c r="KKS54" s="7">
        <f t="shared" si="924"/>
        <v>3128.5920000000001</v>
      </c>
      <c r="KKT54" s="7">
        <f t="shared" si="924"/>
        <v>3128.5920000000001</v>
      </c>
      <c r="KKU54" s="7">
        <f t="shared" si="924"/>
        <v>3128.5920000000001</v>
      </c>
      <c r="KKV54" s="7">
        <f t="shared" si="924"/>
        <v>3128.5920000000001</v>
      </c>
      <c r="KKW54" s="7">
        <f t="shared" si="924"/>
        <v>3128.5920000000001</v>
      </c>
      <c r="KKX54" s="7">
        <f t="shared" si="924"/>
        <v>3128.5920000000001</v>
      </c>
      <c r="KKY54" s="7">
        <f t="shared" si="924"/>
        <v>3128.5920000000001</v>
      </c>
      <c r="KKZ54" s="7">
        <f t="shared" si="924"/>
        <v>3128.5920000000001</v>
      </c>
      <c r="KLA54" s="7">
        <f t="shared" si="924"/>
        <v>3128.5920000000001</v>
      </c>
      <c r="KLB54" s="7">
        <f t="shared" si="924"/>
        <v>3128.5920000000001</v>
      </c>
      <c r="KLC54" s="7">
        <f t="shared" si="924"/>
        <v>3128.5920000000001</v>
      </c>
      <c r="KLD54" s="7">
        <f t="shared" si="924"/>
        <v>3128.5920000000001</v>
      </c>
      <c r="KLE54" s="7">
        <f t="shared" si="924"/>
        <v>3128.5920000000001</v>
      </c>
      <c r="KLF54" s="7">
        <f t="shared" ref="KLF54:KNQ54" si="925">KLF49+KLE54</f>
        <v>3128.5920000000001</v>
      </c>
      <c r="KLG54" s="7">
        <f t="shared" si="925"/>
        <v>3128.5920000000001</v>
      </c>
      <c r="KLH54" s="7">
        <f t="shared" si="925"/>
        <v>3128.5920000000001</v>
      </c>
      <c r="KLI54" s="7">
        <f t="shared" si="925"/>
        <v>3128.5920000000001</v>
      </c>
      <c r="KLJ54" s="7">
        <f t="shared" si="925"/>
        <v>3128.5920000000001</v>
      </c>
      <c r="KLK54" s="7">
        <f t="shared" si="925"/>
        <v>3128.5920000000001</v>
      </c>
      <c r="KLL54" s="7">
        <f t="shared" si="925"/>
        <v>3128.5920000000001</v>
      </c>
      <c r="KLM54" s="7">
        <f t="shared" si="925"/>
        <v>3128.5920000000001</v>
      </c>
      <c r="KLN54" s="7">
        <f t="shared" si="925"/>
        <v>3128.5920000000001</v>
      </c>
      <c r="KLO54" s="7">
        <f t="shared" si="925"/>
        <v>3128.5920000000001</v>
      </c>
      <c r="KLP54" s="7">
        <f t="shared" si="925"/>
        <v>3128.5920000000001</v>
      </c>
      <c r="KLQ54" s="7">
        <f t="shared" si="925"/>
        <v>3128.5920000000001</v>
      </c>
      <c r="KLR54" s="7">
        <f t="shared" si="925"/>
        <v>3128.5920000000001</v>
      </c>
      <c r="KLS54" s="7">
        <f t="shared" si="925"/>
        <v>3128.5920000000001</v>
      </c>
      <c r="KLT54" s="7">
        <f t="shared" si="925"/>
        <v>3128.5920000000001</v>
      </c>
      <c r="KLU54" s="7">
        <f t="shared" si="925"/>
        <v>3128.5920000000001</v>
      </c>
      <c r="KLV54" s="7">
        <f t="shared" si="925"/>
        <v>3128.5920000000001</v>
      </c>
      <c r="KLW54" s="7">
        <f t="shared" si="925"/>
        <v>3128.5920000000001</v>
      </c>
      <c r="KLX54" s="7">
        <f t="shared" si="925"/>
        <v>3128.5920000000001</v>
      </c>
      <c r="KLY54" s="7">
        <f t="shared" si="925"/>
        <v>3128.5920000000001</v>
      </c>
      <c r="KLZ54" s="7">
        <f t="shared" si="925"/>
        <v>3128.5920000000001</v>
      </c>
      <c r="KMA54" s="7">
        <f t="shared" si="925"/>
        <v>3128.5920000000001</v>
      </c>
      <c r="KMB54" s="7">
        <f t="shared" si="925"/>
        <v>3128.5920000000001</v>
      </c>
      <c r="KMC54" s="7">
        <f t="shared" si="925"/>
        <v>3128.5920000000001</v>
      </c>
      <c r="KMD54" s="7">
        <f t="shared" si="925"/>
        <v>3128.5920000000001</v>
      </c>
      <c r="KME54" s="7">
        <f t="shared" si="925"/>
        <v>3128.5920000000001</v>
      </c>
      <c r="KMF54" s="7">
        <f t="shared" si="925"/>
        <v>3128.5920000000001</v>
      </c>
      <c r="KMG54" s="7">
        <f t="shared" si="925"/>
        <v>3128.5920000000001</v>
      </c>
      <c r="KMH54" s="7">
        <f t="shared" si="925"/>
        <v>3128.5920000000001</v>
      </c>
      <c r="KMI54" s="7">
        <f t="shared" si="925"/>
        <v>3128.5920000000001</v>
      </c>
      <c r="KMJ54" s="7">
        <f t="shared" si="925"/>
        <v>3128.5920000000001</v>
      </c>
      <c r="KMK54" s="7">
        <f t="shared" si="925"/>
        <v>3128.5920000000001</v>
      </c>
      <c r="KML54" s="7">
        <f t="shared" si="925"/>
        <v>3128.5920000000001</v>
      </c>
      <c r="KMM54" s="7">
        <f t="shared" si="925"/>
        <v>3128.5920000000001</v>
      </c>
      <c r="KMN54" s="7">
        <f t="shared" si="925"/>
        <v>3128.5920000000001</v>
      </c>
      <c r="KMO54" s="7">
        <f t="shared" si="925"/>
        <v>3128.5920000000001</v>
      </c>
      <c r="KMP54" s="7">
        <f t="shared" si="925"/>
        <v>3128.5920000000001</v>
      </c>
      <c r="KMQ54" s="7">
        <f t="shared" si="925"/>
        <v>3128.5920000000001</v>
      </c>
      <c r="KMR54" s="7">
        <f t="shared" si="925"/>
        <v>3128.5920000000001</v>
      </c>
      <c r="KMS54" s="7">
        <f t="shared" si="925"/>
        <v>3128.5920000000001</v>
      </c>
      <c r="KMT54" s="7">
        <f t="shared" si="925"/>
        <v>3128.5920000000001</v>
      </c>
      <c r="KMU54" s="7">
        <f t="shared" si="925"/>
        <v>3128.5920000000001</v>
      </c>
      <c r="KMV54" s="7">
        <f t="shared" si="925"/>
        <v>3128.5920000000001</v>
      </c>
      <c r="KMW54" s="7">
        <f t="shared" si="925"/>
        <v>3128.5920000000001</v>
      </c>
      <c r="KMX54" s="7">
        <f t="shared" si="925"/>
        <v>3128.5920000000001</v>
      </c>
      <c r="KMY54" s="7">
        <f t="shared" si="925"/>
        <v>3128.5920000000001</v>
      </c>
      <c r="KMZ54" s="7">
        <f t="shared" si="925"/>
        <v>3128.5920000000001</v>
      </c>
      <c r="KNA54" s="7">
        <f t="shared" si="925"/>
        <v>3128.5920000000001</v>
      </c>
      <c r="KNB54" s="7">
        <f t="shared" si="925"/>
        <v>3128.5920000000001</v>
      </c>
      <c r="KNC54" s="7">
        <f t="shared" si="925"/>
        <v>3128.5920000000001</v>
      </c>
      <c r="KND54" s="7">
        <f t="shared" si="925"/>
        <v>3128.5920000000001</v>
      </c>
      <c r="KNE54" s="7">
        <f t="shared" si="925"/>
        <v>3128.5920000000001</v>
      </c>
      <c r="KNF54" s="7">
        <f t="shared" si="925"/>
        <v>3128.5920000000001</v>
      </c>
      <c r="KNG54" s="7">
        <f t="shared" si="925"/>
        <v>3128.5920000000001</v>
      </c>
      <c r="KNH54" s="7">
        <f t="shared" si="925"/>
        <v>3128.5920000000001</v>
      </c>
      <c r="KNI54" s="7">
        <f t="shared" si="925"/>
        <v>3128.5920000000001</v>
      </c>
      <c r="KNJ54" s="7">
        <f t="shared" si="925"/>
        <v>3128.5920000000001</v>
      </c>
      <c r="KNK54" s="7">
        <f t="shared" si="925"/>
        <v>3128.5920000000001</v>
      </c>
      <c r="KNL54" s="7">
        <f t="shared" si="925"/>
        <v>3128.5920000000001</v>
      </c>
      <c r="KNM54" s="7">
        <f t="shared" si="925"/>
        <v>3128.5920000000001</v>
      </c>
      <c r="KNN54" s="7">
        <f t="shared" si="925"/>
        <v>3128.5920000000001</v>
      </c>
      <c r="KNO54" s="7">
        <f t="shared" si="925"/>
        <v>3128.5920000000001</v>
      </c>
      <c r="KNP54" s="7">
        <f t="shared" si="925"/>
        <v>3128.5920000000001</v>
      </c>
      <c r="KNQ54" s="7">
        <f t="shared" si="925"/>
        <v>3128.5920000000001</v>
      </c>
      <c r="KNR54" s="7">
        <f t="shared" ref="KNR54:KQC54" si="926">KNR49+KNQ54</f>
        <v>3128.5920000000001</v>
      </c>
      <c r="KNS54" s="7">
        <f t="shared" si="926"/>
        <v>3128.5920000000001</v>
      </c>
      <c r="KNT54" s="7">
        <f t="shared" si="926"/>
        <v>3128.5920000000001</v>
      </c>
      <c r="KNU54" s="7">
        <f t="shared" si="926"/>
        <v>3128.5920000000001</v>
      </c>
      <c r="KNV54" s="7">
        <f t="shared" si="926"/>
        <v>3128.5920000000001</v>
      </c>
      <c r="KNW54" s="7">
        <f t="shared" si="926"/>
        <v>3128.5920000000001</v>
      </c>
      <c r="KNX54" s="7">
        <f t="shared" si="926"/>
        <v>3128.5920000000001</v>
      </c>
      <c r="KNY54" s="7">
        <f t="shared" si="926"/>
        <v>3128.5920000000001</v>
      </c>
      <c r="KNZ54" s="7">
        <f t="shared" si="926"/>
        <v>3128.5920000000001</v>
      </c>
      <c r="KOA54" s="7">
        <f t="shared" si="926"/>
        <v>3128.5920000000001</v>
      </c>
      <c r="KOB54" s="7">
        <f t="shared" si="926"/>
        <v>3128.5920000000001</v>
      </c>
      <c r="KOC54" s="7">
        <f t="shared" si="926"/>
        <v>3128.5920000000001</v>
      </c>
      <c r="KOD54" s="7">
        <f t="shared" si="926"/>
        <v>3128.5920000000001</v>
      </c>
      <c r="KOE54" s="7">
        <f t="shared" si="926"/>
        <v>3128.5920000000001</v>
      </c>
      <c r="KOF54" s="7">
        <f t="shared" si="926"/>
        <v>3128.5920000000001</v>
      </c>
      <c r="KOG54" s="7">
        <f t="shared" si="926"/>
        <v>3128.5920000000001</v>
      </c>
      <c r="KOH54" s="7">
        <f t="shared" si="926"/>
        <v>3128.5920000000001</v>
      </c>
      <c r="KOI54" s="7">
        <f t="shared" si="926"/>
        <v>3128.5920000000001</v>
      </c>
      <c r="KOJ54" s="7">
        <f t="shared" si="926"/>
        <v>3128.5920000000001</v>
      </c>
      <c r="KOK54" s="7">
        <f t="shared" si="926"/>
        <v>3128.5920000000001</v>
      </c>
      <c r="KOL54" s="7">
        <f t="shared" si="926"/>
        <v>3128.5920000000001</v>
      </c>
      <c r="KOM54" s="7">
        <f t="shared" si="926"/>
        <v>3128.5920000000001</v>
      </c>
      <c r="KON54" s="7">
        <f t="shared" si="926"/>
        <v>3128.5920000000001</v>
      </c>
      <c r="KOO54" s="7">
        <f t="shared" si="926"/>
        <v>3128.5920000000001</v>
      </c>
      <c r="KOP54" s="7">
        <f t="shared" si="926"/>
        <v>3128.5920000000001</v>
      </c>
      <c r="KOQ54" s="7">
        <f t="shared" si="926"/>
        <v>3128.5920000000001</v>
      </c>
      <c r="KOR54" s="7">
        <f t="shared" si="926"/>
        <v>3128.5920000000001</v>
      </c>
      <c r="KOS54" s="7">
        <f t="shared" si="926"/>
        <v>3128.5920000000001</v>
      </c>
      <c r="KOT54" s="7">
        <f t="shared" si="926"/>
        <v>3128.5920000000001</v>
      </c>
      <c r="KOU54" s="7">
        <f t="shared" si="926"/>
        <v>3128.5920000000001</v>
      </c>
      <c r="KOV54" s="7">
        <f t="shared" si="926"/>
        <v>3128.5920000000001</v>
      </c>
      <c r="KOW54" s="7">
        <f t="shared" si="926"/>
        <v>3128.5920000000001</v>
      </c>
      <c r="KOX54" s="7">
        <f t="shared" si="926"/>
        <v>3128.5920000000001</v>
      </c>
      <c r="KOY54" s="7">
        <f t="shared" si="926"/>
        <v>3128.5920000000001</v>
      </c>
      <c r="KOZ54" s="7">
        <f t="shared" si="926"/>
        <v>3128.5920000000001</v>
      </c>
      <c r="KPA54" s="7">
        <f t="shared" si="926"/>
        <v>3128.5920000000001</v>
      </c>
      <c r="KPB54" s="7">
        <f t="shared" si="926"/>
        <v>3128.5920000000001</v>
      </c>
      <c r="KPC54" s="7">
        <f t="shared" si="926"/>
        <v>3128.5920000000001</v>
      </c>
      <c r="KPD54" s="7">
        <f t="shared" si="926"/>
        <v>3128.5920000000001</v>
      </c>
      <c r="KPE54" s="7">
        <f t="shared" si="926"/>
        <v>3128.5920000000001</v>
      </c>
      <c r="KPF54" s="7">
        <f t="shared" si="926"/>
        <v>3128.5920000000001</v>
      </c>
      <c r="KPG54" s="7">
        <f t="shared" si="926"/>
        <v>3128.5920000000001</v>
      </c>
      <c r="KPH54" s="7">
        <f t="shared" si="926"/>
        <v>3128.5920000000001</v>
      </c>
      <c r="KPI54" s="7">
        <f t="shared" si="926"/>
        <v>3128.5920000000001</v>
      </c>
      <c r="KPJ54" s="7">
        <f t="shared" si="926"/>
        <v>3128.5920000000001</v>
      </c>
      <c r="KPK54" s="7">
        <f t="shared" si="926"/>
        <v>3128.5920000000001</v>
      </c>
      <c r="KPL54" s="7">
        <f t="shared" si="926"/>
        <v>3128.5920000000001</v>
      </c>
      <c r="KPM54" s="7">
        <f t="shared" si="926"/>
        <v>3128.5920000000001</v>
      </c>
      <c r="KPN54" s="7">
        <f t="shared" si="926"/>
        <v>3128.5920000000001</v>
      </c>
      <c r="KPO54" s="7">
        <f t="shared" si="926"/>
        <v>3128.5920000000001</v>
      </c>
      <c r="KPP54" s="7">
        <f t="shared" si="926"/>
        <v>3128.5920000000001</v>
      </c>
      <c r="KPQ54" s="7">
        <f t="shared" si="926"/>
        <v>3128.5920000000001</v>
      </c>
      <c r="KPR54" s="7">
        <f t="shared" si="926"/>
        <v>3128.5920000000001</v>
      </c>
      <c r="KPS54" s="7">
        <f t="shared" si="926"/>
        <v>3128.5920000000001</v>
      </c>
      <c r="KPT54" s="7">
        <f t="shared" si="926"/>
        <v>3128.5920000000001</v>
      </c>
      <c r="KPU54" s="7">
        <f t="shared" si="926"/>
        <v>3128.5920000000001</v>
      </c>
      <c r="KPV54" s="7">
        <f t="shared" si="926"/>
        <v>3128.5920000000001</v>
      </c>
      <c r="KPW54" s="7">
        <f t="shared" si="926"/>
        <v>3128.5920000000001</v>
      </c>
      <c r="KPX54" s="7">
        <f t="shared" si="926"/>
        <v>3128.5920000000001</v>
      </c>
      <c r="KPY54" s="7">
        <f t="shared" si="926"/>
        <v>3128.5920000000001</v>
      </c>
      <c r="KPZ54" s="7">
        <f t="shared" si="926"/>
        <v>3128.5920000000001</v>
      </c>
      <c r="KQA54" s="7">
        <f t="shared" si="926"/>
        <v>3128.5920000000001</v>
      </c>
      <c r="KQB54" s="7">
        <f t="shared" si="926"/>
        <v>3128.5920000000001</v>
      </c>
      <c r="KQC54" s="7">
        <f t="shared" si="926"/>
        <v>3128.5920000000001</v>
      </c>
      <c r="KQD54" s="7">
        <f t="shared" ref="KQD54:KSO54" si="927">KQD49+KQC54</f>
        <v>3128.5920000000001</v>
      </c>
      <c r="KQE54" s="7">
        <f t="shared" si="927"/>
        <v>3128.5920000000001</v>
      </c>
      <c r="KQF54" s="7">
        <f t="shared" si="927"/>
        <v>3128.5920000000001</v>
      </c>
      <c r="KQG54" s="7">
        <f t="shared" si="927"/>
        <v>3128.5920000000001</v>
      </c>
      <c r="KQH54" s="7">
        <f t="shared" si="927"/>
        <v>3128.5920000000001</v>
      </c>
      <c r="KQI54" s="7">
        <f t="shared" si="927"/>
        <v>3128.5920000000001</v>
      </c>
      <c r="KQJ54" s="7">
        <f t="shared" si="927"/>
        <v>3128.5920000000001</v>
      </c>
      <c r="KQK54" s="7">
        <f t="shared" si="927"/>
        <v>3128.5920000000001</v>
      </c>
      <c r="KQL54" s="7">
        <f t="shared" si="927"/>
        <v>3128.5920000000001</v>
      </c>
      <c r="KQM54" s="7">
        <f t="shared" si="927"/>
        <v>3128.5920000000001</v>
      </c>
      <c r="KQN54" s="7">
        <f t="shared" si="927"/>
        <v>3128.5920000000001</v>
      </c>
      <c r="KQO54" s="7">
        <f t="shared" si="927"/>
        <v>3128.5920000000001</v>
      </c>
      <c r="KQP54" s="7">
        <f t="shared" si="927"/>
        <v>3128.5920000000001</v>
      </c>
      <c r="KQQ54" s="7">
        <f t="shared" si="927"/>
        <v>3128.5920000000001</v>
      </c>
      <c r="KQR54" s="7">
        <f t="shared" si="927"/>
        <v>3128.5920000000001</v>
      </c>
      <c r="KQS54" s="7">
        <f t="shared" si="927"/>
        <v>3128.5920000000001</v>
      </c>
      <c r="KQT54" s="7">
        <f t="shared" si="927"/>
        <v>3128.5920000000001</v>
      </c>
      <c r="KQU54" s="7">
        <f t="shared" si="927"/>
        <v>3128.5920000000001</v>
      </c>
      <c r="KQV54" s="7">
        <f t="shared" si="927"/>
        <v>3128.5920000000001</v>
      </c>
      <c r="KQW54" s="7">
        <f t="shared" si="927"/>
        <v>3128.5920000000001</v>
      </c>
      <c r="KQX54" s="7">
        <f t="shared" si="927"/>
        <v>3128.5920000000001</v>
      </c>
      <c r="KQY54" s="7">
        <f t="shared" si="927"/>
        <v>3128.5920000000001</v>
      </c>
      <c r="KQZ54" s="7">
        <f t="shared" si="927"/>
        <v>3128.5920000000001</v>
      </c>
      <c r="KRA54" s="7">
        <f t="shared" si="927"/>
        <v>3128.5920000000001</v>
      </c>
      <c r="KRB54" s="7">
        <f t="shared" si="927"/>
        <v>3128.5920000000001</v>
      </c>
      <c r="KRC54" s="7">
        <f t="shared" si="927"/>
        <v>3128.5920000000001</v>
      </c>
      <c r="KRD54" s="7">
        <f t="shared" si="927"/>
        <v>3128.5920000000001</v>
      </c>
      <c r="KRE54" s="7">
        <f t="shared" si="927"/>
        <v>3128.5920000000001</v>
      </c>
      <c r="KRF54" s="7">
        <f t="shared" si="927"/>
        <v>3128.5920000000001</v>
      </c>
      <c r="KRG54" s="7">
        <f t="shared" si="927"/>
        <v>3128.5920000000001</v>
      </c>
      <c r="KRH54" s="7">
        <f t="shared" si="927"/>
        <v>3128.5920000000001</v>
      </c>
      <c r="KRI54" s="7">
        <f t="shared" si="927"/>
        <v>3128.5920000000001</v>
      </c>
      <c r="KRJ54" s="7">
        <f t="shared" si="927"/>
        <v>3128.5920000000001</v>
      </c>
      <c r="KRK54" s="7">
        <f t="shared" si="927"/>
        <v>3128.5920000000001</v>
      </c>
      <c r="KRL54" s="7">
        <f t="shared" si="927"/>
        <v>3128.5920000000001</v>
      </c>
      <c r="KRM54" s="7">
        <f t="shared" si="927"/>
        <v>3128.5920000000001</v>
      </c>
      <c r="KRN54" s="7">
        <f t="shared" si="927"/>
        <v>3128.5920000000001</v>
      </c>
      <c r="KRO54" s="7">
        <f t="shared" si="927"/>
        <v>3128.5920000000001</v>
      </c>
      <c r="KRP54" s="7">
        <f t="shared" si="927"/>
        <v>3128.5920000000001</v>
      </c>
      <c r="KRQ54" s="7">
        <f t="shared" si="927"/>
        <v>3128.5920000000001</v>
      </c>
      <c r="KRR54" s="7">
        <f t="shared" si="927"/>
        <v>3128.5920000000001</v>
      </c>
      <c r="KRS54" s="7">
        <f t="shared" si="927"/>
        <v>3128.5920000000001</v>
      </c>
      <c r="KRT54" s="7">
        <f t="shared" si="927"/>
        <v>3128.5920000000001</v>
      </c>
      <c r="KRU54" s="7">
        <f t="shared" si="927"/>
        <v>3128.5920000000001</v>
      </c>
      <c r="KRV54" s="7">
        <f t="shared" si="927"/>
        <v>3128.5920000000001</v>
      </c>
      <c r="KRW54" s="7">
        <f t="shared" si="927"/>
        <v>3128.5920000000001</v>
      </c>
      <c r="KRX54" s="7">
        <f t="shared" si="927"/>
        <v>3128.5920000000001</v>
      </c>
      <c r="KRY54" s="7">
        <f t="shared" si="927"/>
        <v>3128.5920000000001</v>
      </c>
      <c r="KRZ54" s="7">
        <f t="shared" si="927"/>
        <v>3128.5920000000001</v>
      </c>
      <c r="KSA54" s="7">
        <f t="shared" si="927"/>
        <v>3128.5920000000001</v>
      </c>
      <c r="KSB54" s="7">
        <f t="shared" si="927"/>
        <v>3128.5920000000001</v>
      </c>
      <c r="KSC54" s="7">
        <f t="shared" si="927"/>
        <v>3128.5920000000001</v>
      </c>
      <c r="KSD54" s="7">
        <f t="shared" si="927"/>
        <v>3128.5920000000001</v>
      </c>
      <c r="KSE54" s="7">
        <f t="shared" si="927"/>
        <v>3128.5920000000001</v>
      </c>
      <c r="KSF54" s="7">
        <f t="shared" si="927"/>
        <v>3128.5920000000001</v>
      </c>
      <c r="KSG54" s="7">
        <f t="shared" si="927"/>
        <v>3128.5920000000001</v>
      </c>
      <c r="KSH54" s="7">
        <f t="shared" si="927"/>
        <v>3128.5920000000001</v>
      </c>
      <c r="KSI54" s="7">
        <f t="shared" si="927"/>
        <v>3128.5920000000001</v>
      </c>
      <c r="KSJ54" s="7">
        <f t="shared" si="927"/>
        <v>3128.5920000000001</v>
      </c>
      <c r="KSK54" s="7">
        <f t="shared" si="927"/>
        <v>3128.5920000000001</v>
      </c>
      <c r="KSL54" s="7">
        <f t="shared" si="927"/>
        <v>3128.5920000000001</v>
      </c>
      <c r="KSM54" s="7">
        <f t="shared" si="927"/>
        <v>3128.5920000000001</v>
      </c>
      <c r="KSN54" s="7">
        <f t="shared" si="927"/>
        <v>3128.5920000000001</v>
      </c>
      <c r="KSO54" s="7">
        <f t="shared" si="927"/>
        <v>3128.5920000000001</v>
      </c>
      <c r="KSP54" s="7">
        <f t="shared" ref="KSP54:KVA54" si="928">KSP49+KSO54</f>
        <v>3128.5920000000001</v>
      </c>
      <c r="KSQ54" s="7">
        <f t="shared" si="928"/>
        <v>3128.5920000000001</v>
      </c>
      <c r="KSR54" s="7">
        <f t="shared" si="928"/>
        <v>3128.5920000000001</v>
      </c>
      <c r="KSS54" s="7">
        <f t="shared" si="928"/>
        <v>3128.5920000000001</v>
      </c>
      <c r="KST54" s="7">
        <f t="shared" si="928"/>
        <v>3128.5920000000001</v>
      </c>
      <c r="KSU54" s="7">
        <f t="shared" si="928"/>
        <v>3128.5920000000001</v>
      </c>
      <c r="KSV54" s="7">
        <f t="shared" si="928"/>
        <v>3128.5920000000001</v>
      </c>
      <c r="KSW54" s="7">
        <f t="shared" si="928"/>
        <v>3128.5920000000001</v>
      </c>
      <c r="KSX54" s="7">
        <f t="shared" si="928"/>
        <v>3128.5920000000001</v>
      </c>
      <c r="KSY54" s="7">
        <f t="shared" si="928"/>
        <v>3128.5920000000001</v>
      </c>
      <c r="KSZ54" s="7">
        <f t="shared" si="928"/>
        <v>3128.5920000000001</v>
      </c>
      <c r="KTA54" s="7">
        <f t="shared" si="928"/>
        <v>3128.5920000000001</v>
      </c>
      <c r="KTB54" s="7">
        <f t="shared" si="928"/>
        <v>3128.5920000000001</v>
      </c>
      <c r="KTC54" s="7">
        <f t="shared" si="928"/>
        <v>3128.5920000000001</v>
      </c>
      <c r="KTD54" s="7">
        <f t="shared" si="928"/>
        <v>3128.5920000000001</v>
      </c>
      <c r="KTE54" s="7">
        <f t="shared" si="928"/>
        <v>3128.5920000000001</v>
      </c>
      <c r="KTF54" s="7">
        <f t="shared" si="928"/>
        <v>3128.5920000000001</v>
      </c>
      <c r="KTG54" s="7">
        <f t="shared" si="928"/>
        <v>3128.5920000000001</v>
      </c>
      <c r="KTH54" s="7">
        <f t="shared" si="928"/>
        <v>3128.5920000000001</v>
      </c>
      <c r="KTI54" s="7">
        <f t="shared" si="928"/>
        <v>3128.5920000000001</v>
      </c>
      <c r="KTJ54" s="7">
        <f t="shared" si="928"/>
        <v>3128.5920000000001</v>
      </c>
      <c r="KTK54" s="7">
        <f t="shared" si="928"/>
        <v>3128.5920000000001</v>
      </c>
      <c r="KTL54" s="7">
        <f t="shared" si="928"/>
        <v>3128.5920000000001</v>
      </c>
      <c r="KTM54" s="7">
        <f t="shared" si="928"/>
        <v>3128.5920000000001</v>
      </c>
      <c r="KTN54" s="7">
        <f t="shared" si="928"/>
        <v>3128.5920000000001</v>
      </c>
      <c r="KTO54" s="7">
        <f t="shared" si="928"/>
        <v>3128.5920000000001</v>
      </c>
      <c r="KTP54" s="7">
        <f t="shared" si="928"/>
        <v>3128.5920000000001</v>
      </c>
      <c r="KTQ54" s="7">
        <f t="shared" si="928"/>
        <v>3128.5920000000001</v>
      </c>
      <c r="KTR54" s="7">
        <f t="shared" si="928"/>
        <v>3128.5920000000001</v>
      </c>
      <c r="KTS54" s="7">
        <f t="shared" si="928"/>
        <v>3128.5920000000001</v>
      </c>
      <c r="KTT54" s="7">
        <f t="shared" si="928"/>
        <v>3128.5920000000001</v>
      </c>
      <c r="KTU54" s="7">
        <f t="shared" si="928"/>
        <v>3128.5920000000001</v>
      </c>
      <c r="KTV54" s="7">
        <f t="shared" si="928"/>
        <v>3128.5920000000001</v>
      </c>
      <c r="KTW54" s="7">
        <f t="shared" si="928"/>
        <v>3128.5920000000001</v>
      </c>
      <c r="KTX54" s="7">
        <f t="shared" si="928"/>
        <v>3128.5920000000001</v>
      </c>
      <c r="KTY54" s="7">
        <f t="shared" si="928"/>
        <v>3128.5920000000001</v>
      </c>
      <c r="KTZ54" s="7">
        <f t="shared" si="928"/>
        <v>3128.5920000000001</v>
      </c>
      <c r="KUA54" s="7">
        <f t="shared" si="928"/>
        <v>3128.5920000000001</v>
      </c>
      <c r="KUB54" s="7">
        <f t="shared" si="928"/>
        <v>3128.5920000000001</v>
      </c>
      <c r="KUC54" s="7">
        <f t="shared" si="928"/>
        <v>3128.5920000000001</v>
      </c>
      <c r="KUD54" s="7">
        <f t="shared" si="928"/>
        <v>3128.5920000000001</v>
      </c>
      <c r="KUE54" s="7">
        <f t="shared" si="928"/>
        <v>3128.5920000000001</v>
      </c>
      <c r="KUF54" s="7">
        <f t="shared" si="928"/>
        <v>3128.5920000000001</v>
      </c>
      <c r="KUG54" s="7">
        <f t="shared" si="928"/>
        <v>3128.5920000000001</v>
      </c>
      <c r="KUH54" s="7">
        <f t="shared" si="928"/>
        <v>3128.5920000000001</v>
      </c>
      <c r="KUI54" s="7">
        <f t="shared" si="928"/>
        <v>3128.5920000000001</v>
      </c>
      <c r="KUJ54" s="7">
        <f t="shared" si="928"/>
        <v>3128.5920000000001</v>
      </c>
      <c r="KUK54" s="7">
        <f t="shared" si="928"/>
        <v>3128.5920000000001</v>
      </c>
      <c r="KUL54" s="7">
        <f t="shared" si="928"/>
        <v>3128.5920000000001</v>
      </c>
      <c r="KUM54" s="7">
        <f t="shared" si="928"/>
        <v>3128.5920000000001</v>
      </c>
      <c r="KUN54" s="7">
        <f t="shared" si="928"/>
        <v>3128.5920000000001</v>
      </c>
      <c r="KUO54" s="7">
        <f t="shared" si="928"/>
        <v>3128.5920000000001</v>
      </c>
      <c r="KUP54" s="7">
        <f t="shared" si="928"/>
        <v>3128.5920000000001</v>
      </c>
      <c r="KUQ54" s="7">
        <f t="shared" si="928"/>
        <v>3128.5920000000001</v>
      </c>
      <c r="KUR54" s="7">
        <f t="shared" si="928"/>
        <v>3128.5920000000001</v>
      </c>
      <c r="KUS54" s="7">
        <f t="shared" si="928"/>
        <v>3128.5920000000001</v>
      </c>
      <c r="KUT54" s="7">
        <f t="shared" si="928"/>
        <v>3128.5920000000001</v>
      </c>
      <c r="KUU54" s="7">
        <f t="shared" si="928"/>
        <v>3128.5920000000001</v>
      </c>
      <c r="KUV54" s="7">
        <f t="shared" si="928"/>
        <v>3128.5920000000001</v>
      </c>
      <c r="KUW54" s="7">
        <f t="shared" si="928"/>
        <v>3128.5920000000001</v>
      </c>
      <c r="KUX54" s="7">
        <f t="shared" si="928"/>
        <v>3128.5920000000001</v>
      </c>
      <c r="KUY54" s="7">
        <f t="shared" si="928"/>
        <v>3128.5920000000001</v>
      </c>
      <c r="KUZ54" s="7">
        <f t="shared" si="928"/>
        <v>3128.5920000000001</v>
      </c>
      <c r="KVA54" s="7">
        <f t="shared" si="928"/>
        <v>3128.5920000000001</v>
      </c>
      <c r="KVB54" s="7">
        <f t="shared" ref="KVB54:KXM54" si="929">KVB49+KVA54</f>
        <v>3128.5920000000001</v>
      </c>
      <c r="KVC54" s="7">
        <f t="shared" si="929"/>
        <v>3128.5920000000001</v>
      </c>
      <c r="KVD54" s="7">
        <f t="shared" si="929"/>
        <v>3128.5920000000001</v>
      </c>
      <c r="KVE54" s="7">
        <f t="shared" si="929"/>
        <v>3128.5920000000001</v>
      </c>
      <c r="KVF54" s="7">
        <f t="shared" si="929"/>
        <v>3128.5920000000001</v>
      </c>
      <c r="KVG54" s="7">
        <f t="shared" si="929"/>
        <v>3128.5920000000001</v>
      </c>
      <c r="KVH54" s="7">
        <f t="shared" si="929"/>
        <v>3128.5920000000001</v>
      </c>
      <c r="KVI54" s="7">
        <f t="shared" si="929"/>
        <v>3128.5920000000001</v>
      </c>
      <c r="KVJ54" s="7">
        <f t="shared" si="929"/>
        <v>3128.5920000000001</v>
      </c>
      <c r="KVK54" s="7">
        <f t="shared" si="929"/>
        <v>3128.5920000000001</v>
      </c>
      <c r="KVL54" s="7">
        <f t="shared" si="929"/>
        <v>3128.5920000000001</v>
      </c>
      <c r="KVM54" s="7">
        <f t="shared" si="929"/>
        <v>3128.5920000000001</v>
      </c>
      <c r="KVN54" s="7">
        <f t="shared" si="929"/>
        <v>3128.5920000000001</v>
      </c>
      <c r="KVO54" s="7">
        <f t="shared" si="929"/>
        <v>3128.5920000000001</v>
      </c>
      <c r="KVP54" s="7">
        <f t="shared" si="929"/>
        <v>3128.5920000000001</v>
      </c>
      <c r="KVQ54" s="7">
        <f t="shared" si="929"/>
        <v>3128.5920000000001</v>
      </c>
      <c r="KVR54" s="7">
        <f t="shared" si="929"/>
        <v>3128.5920000000001</v>
      </c>
      <c r="KVS54" s="7">
        <f t="shared" si="929"/>
        <v>3128.5920000000001</v>
      </c>
      <c r="KVT54" s="7">
        <f t="shared" si="929"/>
        <v>3128.5920000000001</v>
      </c>
      <c r="KVU54" s="7">
        <f t="shared" si="929"/>
        <v>3128.5920000000001</v>
      </c>
      <c r="KVV54" s="7">
        <f t="shared" si="929"/>
        <v>3128.5920000000001</v>
      </c>
      <c r="KVW54" s="7">
        <f t="shared" si="929"/>
        <v>3128.5920000000001</v>
      </c>
      <c r="KVX54" s="7">
        <f t="shared" si="929"/>
        <v>3128.5920000000001</v>
      </c>
      <c r="KVY54" s="7">
        <f t="shared" si="929"/>
        <v>3128.5920000000001</v>
      </c>
      <c r="KVZ54" s="7">
        <f t="shared" si="929"/>
        <v>3128.5920000000001</v>
      </c>
      <c r="KWA54" s="7">
        <f t="shared" si="929"/>
        <v>3128.5920000000001</v>
      </c>
      <c r="KWB54" s="7">
        <f t="shared" si="929"/>
        <v>3128.5920000000001</v>
      </c>
      <c r="KWC54" s="7">
        <f t="shared" si="929"/>
        <v>3128.5920000000001</v>
      </c>
      <c r="KWD54" s="7">
        <f t="shared" si="929"/>
        <v>3128.5920000000001</v>
      </c>
      <c r="KWE54" s="7">
        <f t="shared" si="929"/>
        <v>3128.5920000000001</v>
      </c>
      <c r="KWF54" s="7">
        <f t="shared" si="929"/>
        <v>3128.5920000000001</v>
      </c>
      <c r="KWG54" s="7">
        <f t="shared" si="929"/>
        <v>3128.5920000000001</v>
      </c>
      <c r="KWH54" s="7">
        <f t="shared" si="929"/>
        <v>3128.5920000000001</v>
      </c>
      <c r="KWI54" s="7">
        <f t="shared" si="929"/>
        <v>3128.5920000000001</v>
      </c>
      <c r="KWJ54" s="7">
        <f t="shared" si="929"/>
        <v>3128.5920000000001</v>
      </c>
      <c r="KWK54" s="7">
        <f t="shared" si="929"/>
        <v>3128.5920000000001</v>
      </c>
      <c r="KWL54" s="7">
        <f t="shared" si="929"/>
        <v>3128.5920000000001</v>
      </c>
      <c r="KWM54" s="7">
        <f t="shared" si="929"/>
        <v>3128.5920000000001</v>
      </c>
      <c r="KWN54" s="7">
        <f t="shared" si="929"/>
        <v>3128.5920000000001</v>
      </c>
      <c r="KWO54" s="7">
        <f t="shared" si="929"/>
        <v>3128.5920000000001</v>
      </c>
      <c r="KWP54" s="7">
        <f t="shared" si="929"/>
        <v>3128.5920000000001</v>
      </c>
      <c r="KWQ54" s="7">
        <f t="shared" si="929"/>
        <v>3128.5920000000001</v>
      </c>
      <c r="KWR54" s="7">
        <f t="shared" si="929"/>
        <v>3128.5920000000001</v>
      </c>
      <c r="KWS54" s="7">
        <f t="shared" si="929"/>
        <v>3128.5920000000001</v>
      </c>
      <c r="KWT54" s="7">
        <f t="shared" si="929"/>
        <v>3128.5920000000001</v>
      </c>
      <c r="KWU54" s="7">
        <f t="shared" si="929"/>
        <v>3128.5920000000001</v>
      </c>
      <c r="KWV54" s="7">
        <f t="shared" si="929"/>
        <v>3128.5920000000001</v>
      </c>
      <c r="KWW54" s="7">
        <f t="shared" si="929"/>
        <v>3128.5920000000001</v>
      </c>
      <c r="KWX54" s="7">
        <f t="shared" si="929"/>
        <v>3128.5920000000001</v>
      </c>
      <c r="KWY54" s="7">
        <f t="shared" si="929"/>
        <v>3128.5920000000001</v>
      </c>
      <c r="KWZ54" s="7">
        <f t="shared" si="929"/>
        <v>3128.5920000000001</v>
      </c>
      <c r="KXA54" s="7">
        <f t="shared" si="929"/>
        <v>3128.5920000000001</v>
      </c>
      <c r="KXB54" s="7">
        <f t="shared" si="929"/>
        <v>3128.5920000000001</v>
      </c>
      <c r="KXC54" s="7">
        <f t="shared" si="929"/>
        <v>3128.5920000000001</v>
      </c>
      <c r="KXD54" s="7">
        <f t="shared" si="929"/>
        <v>3128.5920000000001</v>
      </c>
      <c r="KXE54" s="7">
        <f t="shared" si="929"/>
        <v>3128.5920000000001</v>
      </c>
      <c r="KXF54" s="7">
        <f t="shared" si="929"/>
        <v>3128.5920000000001</v>
      </c>
      <c r="KXG54" s="7">
        <f t="shared" si="929"/>
        <v>3128.5920000000001</v>
      </c>
      <c r="KXH54" s="7">
        <f t="shared" si="929"/>
        <v>3128.5920000000001</v>
      </c>
      <c r="KXI54" s="7">
        <f t="shared" si="929"/>
        <v>3128.5920000000001</v>
      </c>
      <c r="KXJ54" s="7">
        <f t="shared" si="929"/>
        <v>3128.5920000000001</v>
      </c>
      <c r="KXK54" s="7">
        <f t="shared" si="929"/>
        <v>3128.5920000000001</v>
      </c>
      <c r="KXL54" s="7">
        <f t="shared" si="929"/>
        <v>3128.5920000000001</v>
      </c>
      <c r="KXM54" s="7">
        <f t="shared" si="929"/>
        <v>3128.5920000000001</v>
      </c>
      <c r="KXN54" s="7">
        <f t="shared" ref="KXN54:KZY54" si="930">KXN49+KXM54</f>
        <v>3128.5920000000001</v>
      </c>
      <c r="KXO54" s="7">
        <f t="shared" si="930"/>
        <v>3128.5920000000001</v>
      </c>
      <c r="KXP54" s="7">
        <f t="shared" si="930"/>
        <v>3128.5920000000001</v>
      </c>
      <c r="KXQ54" s="7">
        <f t="shared" si="930"/>
        <v>3128.5920000000001</v>
      </c>
      <c r="KXR54" s="7">
        <f t="shared" si="930"/>
        <v>3128.5920000000001</v>
      </c>
      <c r="KXS54" s="7">
        <f t="shared" si="930"/>
        <v>3128.5920000000001</v>
      </c>
      <c r="KXT54" s="7">
        <f t="shared" si="930"/>
        <v>3128.5920000000001</v>
      </c>
      <c r="KXU54" s="7">
        <f t="shared" si="930"/>
        <v>3128.5920000000001</v>
      </c>
      <c r="KXV54" s="7">
        <f t="shared" si="930"/>
        <v>3128.5920000000001</v>
      </c>
      <c r="KXW54" s="7">
        <f t="shared" si="930"/>
        <v>3128.5920000000001</v>
      </c>
      <c r="KXX54" s="7">
        <f t="shared" si="930"/>
        <v>3128.5920000000001</v>
      </c>
      <c r="KXY54" s="7">
        <f t="shared" si="930"/>
        <v>3128.5920000000001</v>
      </c>
      <c r="KXZ54" s="7">
        <f t="shared" si="930"/>
        <v>3128.5920000000001</v>
      </c>
      <c r="KYA54" s="7">
        <f t="shared" si="930"/>
        <v>3128.5920000000001</v>
      </c>
      <c r="KYB54" s="7">
        <f t="shared" si="930"/>
        <v>3128.5920000000001</v>
      </c>
      <c r="KYC54" s="7">
        <f t="shared" si="930"/>
        <v>3128.5920000000001</v>
      </c>
      <c r="KYD54" s="7">
        <f t="shared" si="930"/>
        <v>3128.5920000000001</v>
      </c>
      <c r="KYE54" s="7">
        <f t="shared" si="930"/>
        <v>3128.5920000000001</v>
      </c>
      <c r="KYF54" s="7">
        <f t="shared" si="930"/>
        <v>3128.5920000000001</v>
      </c>
      <c r="KYG54" s="7">
        <f t="shared" si="930"/>
        <v>3128.5920000000001</v>
      </c>
      <c r="KYH54" s="7">
        <f t="shared" si="930"/>
        <v>3128.5920000000001</v>
      </c>
      <c r="KYI54" s="7">
        <f t="shared" si="930"/>
        <v>3128.5920000000001</v>
      </c>
      <c r="KYJ54" s="7">
        <f t="shared" si="930"/>
        <v>3128.5920000000001</v>
      </c>
      <c r="KYK54" s="7">
        <f t="shared" si="930"/>
        <v>3128.5920000000001</v>
      </c>
      <c r="KYL54" s="7">
        <f t="shared" si="930"/>
        <v>3128.5920000000001</v>
      </c>
      <c r="KYM54" s="7">
        <f t="shared" si="930"/>
        <v>3128.5920000000001</v>
      </c>
      <c r="KYN54" s="7">
        <f t="shared" si="930"/>
        <v>3128.5920000000001</v>
      </c>
      <c r="KYO54" s="7">
        <f t="shared" si="930"/>
        <v>3128.5920000000001</v>
      </c>
      <c r="KYP54" s="7">
        <f t="shared" si="930"/>
        <v>3128.5920000000001</v>
      </c>
      <c r="KYQ54" s="7">
        <f t="shared" si="930"/>
        <v>3128.5920000000001</v>
      </c>
      <c r="KYR54" s="7">
        <f t="shared" si="930"/>
        <v>3128.5920000000001</v>
      </c>
      <c r="KYS54" s="7">
        <f t="shared" si="930"/>
        <v>3128.5920000000001</v>
      </c>
      <c r="KYT54" s="7">
        <f t="shared" si="930"/>
        <v>3128.5920000000001</v>
      </c>
      <c r="KYU54" s="7">
        <f t="shared" si="930"/>
        <v>3128.5920000000001</v>
      </c>
      <c r="KYV54" s="7">
        <f t="shared" si="930"/>
        <v>3128.5920000000001</v>
      </c>
      <c r="KYW54" s="7">
        <f t="shared" si="930"/>
        <v>3128.5920000000001</v>
      </c>
      <c r="KYX54" s="7">
        <f t="shared" si="930"/>
        <v>3128.5920000000001</v>
      </c>
      <c r="KYY54" s="7">
        <f t="shared" si="930"/>
        <v>3128.5920000000001</v>
      </c>
      <c r="KYZ54" s="7">
        <f t="shared" si="930"/>
        <v>3128.5920000000001</v>
      </c>
      <c r="KZA54" s="7">
        <f t="shared" si="930"/>
        <v>3128.5920000000001</v>
      </c>
      <c r="KZB54" s="7">
        <f t="shared" si="930"/>
        <v>3128.5920000000001</v>
      </c>
      <c r="KZC54" s="7">
        <f t="shared" si="930"/>
        <v>3128.5920000000001</v>
      </c>
      <c r="KZD54" s="7">
        <f t="shared" si="930"/>
        <v>3128.5920000000001</v>
      </c>
      <c r="KZE54" s="7">
        <f t="shared" si="930"/>
        <v>3128.5920000000001</v>
      </c>
      <c r="KZF54" s="7">
        <f t="shared" si="930"/>
        <v>3128.5920000000001</v>
      </c>
      <c r="KZG54" s="7">
        <f t="shared" si="930"/>
        <v>3128.5920000000001</v>
      </c>
      <c r="KZH54" s="7">
        <f t="shared" si="930"/>
        <v>3128.5920000000001</v>
      </c>
      <c r="KZI54" s="7">
        <f t="shared" si="930"/>
        <v>3128.5920000000001</v>
      </c>
      <c r="KZJ54" s="7">
        <f t="shared" si="930"/>
        <v>3128.5920000000001</v>
      </c>
      <c r="KZK54" s="7">
        <f t="shared" si="930"/>
        <v>3128.5920000000001</v>
      </c>
      <c r="KZL54" s="7">
        <f t="shared" si="930"/>
        <v>3128.5920000000001</v>
      </c>
      <c r="KZM54" s="7">
        <f t="shared" si="930"/>
        <v>3128.5920000000001</v>
      </c>
      <c r="KZN54" s="7">
        <f t="shared" si="930"/>
        <v>3128.5920000000001</v>
      </c>
      <c r="KZO54" s="7">
        <f t="shared" si="930"/>
        <v>3128.5920000000001</v>
      </c>
      <c r="KZP54" s="7">
        <f t="shared" si="930"/>
        <v>3128.5920000000001</v>
      </c>
      <c r="KZQ54" s="7">
        <f t="shared" si="930"/>
        <v>3128.5920000000001</v>
      </c>
      <c r="KZR54" s="7">
        <f t="shared" si="930"/>
        <v>3128.5920000000001</v>
      </c>
      <c r="KZS54" s="7">
        <f t="shared" si="930"/>
        <v>3128.5920000000001</v>
      </c>
      <c r="KZT54" s="7">
        <f t="shared" si="930"/>
        <v>3128.5920000000001</v>
      </c>
      <c r="KZU54" s="7">
        <f t="shared" si="930"/>
        <v>3128.5920000000001</v>
      </c>
      <c r="KZV54" s="7">
        <f t="shared" si="930"/>
        <v>3128.5920000000001</v>
      </c>
      <c r="KZW54" s="7">
        <f t="shared" si="930"/>
        <v>3128.5920000000001</v>
      </c>
      <c r="KZX54" s="7">
        <f t="shared" si="930"/>
        <v>3128.5920000000001</v>
      </c>
      <c r="KZY54" s="7">
        <f t="shared" si="930"/>
        <v>3128.5920000000001</v>
      </c>
      <c r="KZZ54" s="7">
        <f t="shared" ref="KZZ54:LCK54" si="931">KZZ49+KZY54</f>
        <v>3128.5920000000001</v>
      </c>
      <c r="LAA54" s="7">
        <f t="shared" si="931"/>
        <v>3128.5920000000001</v>
      </c>
      <c r="LAB54" s="7">
        <f t="shared" si="931"/>
        <v>3128.5920000000001</v>
      </c>
      <c r="LAC54" s="7">
        <f t="shared" si="931"/>
        <v>3128.5920000000001</v>
      </c>
      <c r="LAD54" s="7">
        <f t="shared" si="931"/>
        <v>3128.5920000000001</v>
      </c>
      <c r="LAE54" s="7">
        <f t="shared" si="931"/>
        <v>3128.5920000000001</v>
      </c>
      <c r="LAF54" s="7">
        <f t="shared" si="931"/>
        <v>3128.5920000000001</v>
      </c>
      <c r="LAG54" s="7">
        <f t="shared" si="931"/>
        <v>3128.5920000000001</v>
      </c>
      <c r="LAH54" s="7">
        <f t="shared" si="931"/>
        <v>3128.5920000000001</v>
      </c>
      <c r="LAI54" s="7">
        <f t="shared" si="931"/>
        <v>3128.5920000000001</v>
      </c>
      <c r="LAJ54" s="7">
        <f t="shared" si="931"/>
        <v>3128.5920000000001</v>
      </c>
      <c r="LAK54" s="7">
        <f t="shared" si="931"/>
        <v>3128.5920000000001</v>
      </c>
      <c r="LAL54" s="7">
        <f t="shared" si="931"/>
        <v>3128.5920000000001</v>
      </c>
      <c r="LAM54" s="7">
        <f t="shared" si="931"/>
        <v>3128.5920000000001</v>
      </c>
      <c r="LAN54" s="7">
        <f t="shared" si="931"/>
        <v>3128.5920000000001</v>
      </c>
      <c r="LAO54" s="7">
        <f t="shared" si="931"/>
        <v>3128.5920000000001</v>
      </c>
      <c r="LAP54" s="7">
        <f t="shared" si="931"/>
        <v>3128.5920000000001</v>
      </c>
      <c r="LAQ54" s="7">
        <f t="shared" si="931"/>
        <v>3128.5920000000001</v>
      </c>
      <c r="LAR54" s="7">
        <f t="shared" si="931"/>
        <v>3128.5920000000001</v>
      </c>
      <c r="LAS54" s="7">
        <f t="shared" si="931"/>
        <v>3128.5920000000001</v>
      </c>
      <c r="LAT54" s="7">
        <f t="shared" si="931"/>
        <v>3128.5920000000001</v>
      </c>
      <c r="LAU54" s="7">
        <f t="shared" si="931"/>
        <v>3128.5920000000001</v>
      </c>
      <c r="LAV54" s="7">
        <f t="shared" si="931"/>
        <v>3128.5920000000001</v>
      </c>
      <c r="LAW54" s="7">
        <f t="shared" si="931"/>
        <v>3128.5920000000001</v>
      </c>
      <c r="LAX54" s="7">
        <f t="shared" si="931"/>
        <v>3128.5920000000001</v>
      </c>
      <c r="LAY54" s="7">
        <f t="shared" si="931"/>
        <v>3128.5920000000001</v>
      </c>
      <c r="LAZ54" s="7">
        <f t="shared" si="931"/>
        <v>3128.5920000000001</v>
      </c>
      <c r="LBA54" s="7">
        <f t="shared" si="931"/>
        <v>3128.5920000000001</v>
      </c>
      <c r="LBB54" s="7">
        <f t="shared" si="931"/>
        <v>3128.5920000000001</v>
      </c>
      <c r="LBC54" s="7">
        <f t="shared" si="931"/>
        <v>3128.5920000000001</v>
      </c>
      <c r="LBD54" s="7">
        <f t="shared" si="931"/>
        <v>3128.5920000000001</v>
      </c>
      <c r="LBE54" s="7">
        <f t="shared" si="931"/>
        <v>3128.5920000000001</v>
      </c>
      <c r="LBF54" s="7">
        <f t="shared" si="931"/>
        <v>3128.5920000000001</v>
      </c>
      <c r="LBG54" s="7">
        <f t="shared" si="931"/>
        <v>3128.5920000000001</v>
      </c>
      <c r="LBH54" s="7">
        <f t="shared" si="931"/>
        <v>3128.5920000000001</v>
      </c>
      <c r="LBI54" s="7">
        <f t="shared" si="931"/>
        <v>3128.5920000000001</v>
      </c>
      <c r="LBJ54" s="7">
        <f t="shared" si="931"/>
        <v>3128.5920000000001</v>
      </c>
      <c r="LBK54" s="7">
        <f t="shared" si="931"/>
        <v>3128.5920000000001</v>
      </c>
      <c r="LBL54" s="7">
        <f t="shared" si="931"/>
        <v>3128.5920000000001</v>
      </c>
      <c r="LBM54" s="7">
        <f t="shared" si="931"/>
        <v>3128.5920000000001</v>
      </c>
      <c r="LBN54" s="7">
        <f t="shared" si="931"/>
        <v>3128.5920000000001</v>
      </c>
      <c r="LBO54" s="7">
        <f t="shared" si="931"/>
        <v>3128.5920000000001</v>
      </c>
      <c r="LBP54" s="7">
        <f t="shared" si="931"/>
        <v>3128.5920000000001</v>
      </c>
      <c r="LBQ54" s="7">
        <f t="shared" si="931"/>
        <v>3128.5920000000001</v>
      </c>
      <c r="LBR54" s="7">
        <f t="shared" si="931"/>
        <v>3128.5920000000001</v>
      </c>
      <c r="LBS54" s="7">
        <f t="shared" si="931"/>
        <v>3128.5920000000001</v>
      </c>
      <c r="LBT54" s="7">
        <f t="shared" si="931"/>
        <v>3128.5920000000001</v>
      </c>
      <c r="LBU54" s="7">
        <f t="shared" si="931"/>
        <v>3128.5920000000001</v>
      </c>
      <c r="LBV54" s="7">
        <f t="shared" si="931"/>
        <v>3128.5920000000001</v>
      </c>
      <c r="LBW54" s="7">
        <f t="shared" si="931"/>
        <v>3128.5920000000001</v>
      </c>
      <c r="LBX54" s="7">
        <f t="shared" si="931"/>
        <v>3128.5920000000001</v>
      </c>
      <c r="LBY54" s="7">
        <f t="shared" si="931"/>
        <v>3128.5920000000001</v>
      </c>
      <c r="LBZ54" s="7">
        <f t="shared" si="931"/>
        <v>3128.5920000000001</v>
      </c>
      <c r="LCA54" s="7">
        <f t="shared" si="931"/>
        <v>3128.5920000000001</v>
      </c>
      <c r="LCB54" s="7">
        <f t="shared" si="931"/>
        <v>3128.5920000000001</v>
      </c>
      <c r="LCC54" s="7">
        <f t="shared" si="931"/>
        <v>3128.5920000000001</v>
      </c>
      <c r="LCD54" s="7">
        <f t="shared" si="931"/>
        <v>3128.5920000000001</v>
      </c>
      <c r="LCE54" s="7">
        <f t="shared" si="931"/>
        <v>3128.5920000000001</v>
      </c>
      <c r="LCF54" s="7">
        <f t="shared" si="931"/>
        <v>3128.5920000000001</v>
      </c>
      <c r="LCG54" s="7">
        <f t="shared" si="931"/>
        <v>3128.5920000000001</v>
      </c>
      <c r="LCH54" s="7">
        <f t="shared" si="931"/>
        <v>3128.5920000000001</v>
      </c>
      <c r="LCI54" s="7">
        <f t="shared" si="931"/>
        <v>3128.5920000000001</v>
      </c>
      <c r="LCJ54" s="7">
        <f t="shared" si="931"/>
        <v>3128.5920000000001</v>
      </c>
      <c r="LCK54" s="7">
        <f t="shared" si="931"/>
        <v>3128.5920000000001</v>
      </c>
      <c r="LCL54" s="7">
        <f t="shared" ref="LCL54:LEW54" si="932">LCL49+LCK54</f>
        <v>3128.5920000000001</v>
      </c>
      <c r="LCM54" s="7">
        <f t="shared" si="932"/>
        <v>3128.5920000000001</v>
      </c>
      <c r="LCN54" s="7">
        <f t="shared" si="932"/>
        <v>3128.5920000000001</v>
      </c>
      <c r="LCO54" s="7">
        <f t="shared" si="932"/>
        <v>3128.5920000000001</v>
      </c>
      <c r="LCP54" s="7">
        <f t="shared" si="932"/>
        <v>3128.5920000000001</v>
      </c>
      <c r="LCQ54" s="7">
        <f t="shared" si="932"/>
        <v>3128.5920000000001</v>
      </c>
      <c r="LCR54" s="7">
        <f t="shared" si="932"/>
        <v>3128.5920000000001</v>
      </c>
      <c r="LCS54" s="7">
        <f t="shared" si="932"/>
        <v>3128.5920000000001</v>
      </c>
      <c r="LCT54" s="7">
        <f t="shared" si="932"/>
        <v>3128.5920000000001</v>
      </c>
      <c r="LCU54" s="7">
        <f t="shared" si="932"/>
        <v>3128.5920000000001</v>
      </c>
      <c r="LCV54" s="7">
        <f t="shared" si="932"/>
        <v>3128.5920000000001</v>
      </c>
      <c r="LCW54" s="7">
        <f t="shared" si="932"/>
        <v>3128.5920000000001</v>
      </c>
      <c r="LCX54" s="7">
        <f t="shared" si="932"/>
        <v>3128.5920000000001</v>
      </c>
      <c r="LCY54" s="7">
        <f t="shared" si="932"/>
        <v>3128.5920000000001</v>
      </c>
      <c r="LCZ54" s="7">
        <f t="shared" si="932"/>
        <v>3128.5920000000001</v>
      </c>
      <c r="LDA54" s="7">
        <f t="shared" si="932"/>
        <v>3128.5920000000001</v>
      </c>
      <c r="LDB54" s="7">
        <f t="shared" si="932"/>
        <v>3128.5920000000001</v>
      </c>
      <c r="LDC54" s="7">
        <f t="shared" si="932"/>
        <v>3128.5920000000001</v>
      </c>
      <c r="LDD54" s="7">
        <f t="shared" si="932"/>
        <v>3128.5920000000001</v>
      </c>
      <c r="LDE54" s="7">
        <f t="shared" si="932"/>
        <v>3128.5920000000001</v>
      </c>
      <c r="LDF54" s="7">
        <f t="shared" si="932"/>
        <v>3128.5920000000001</v>
      </c>
      <c r="LDG54" s="7">
        <f t="shared" si="932"/>
        <v>3128.5920000000001</v>
      </c>
      <c r="LDH54" s="7">
        <f t="shared" si="932"/>
        <v>3128.5920000000001</v>
      </c>
      <c r="LDI54" s="7">
        <f t="shared" si="932"/>
        <v>3128.5920000000001</v>
      </c>
      <c r="LDJ54" s="7">
        <f t="shared" si="932"/>
        <v>3128.5920000000001</v>
      </c>
      <c r="LDK54" s="7">
        <f t="shared" si="932"/>
        <v>3128.5920000000001</v>
      </c>
      <c r="LDL54" s="7">
        <f t="shared" si="932"/>
        <v>3128.5920000000001</v>
      </c>
      <c r="LDM54" s="7">
        <f t="shared" si="932"/>
        <v>3128.5920000000001</v>
      </c>
      <c r="LDN54" s="7">
        <f t="shared" si="932"/>
        <v>3128.5920000000001</v>
      </c>
      <c r="LDO54" s="7">
        <f t="shared" si="932"/>
        <v>3128.5920000000001</v>
      </c>
      <c r="LDP54" s="7">
        <f t="shared" si="932"/>
        <v>3128.5920000000001</v>
      </c>
      <c r="LDQ54" s="7">
        <f t="shared" si="932"/>
        <v>3128.5920000000001</v>
      </c>
      <c r="LDR54" s="7">
        <f t="shared" si="932"/>
        <v>3128.5920000000001</v>
      </c>
      <c r="LDS54" s="7">
        <f t="shared" si="932"/>
        <v>3128.5920000000001</v>
      </c>
      <c r="LDT54" s="7">
        <f t="shared" si="932"/>
        <v>3128.5920000000001</v>
      </c>
      <c r="LDU54" s="7">
        <f t="shared" si="932"/>
        <v>3128.5920000000001</v>
      </c>
      <c r="LDV54" s="7">
        <f t="shared" si="932"/>
        <v>3128.5920000000001</v>
      </c>
      <c r="LDW54" s="7">
        <f t="shared" si="932"/>
        <v>3128.5920000000001</v>
      </c>
      <c r="LDX54" s="7">
        <f t="shared" si="932"/>
        <v>3128.5920000000001</v>
      </c>
      <c r="LDY54" s="7">
        <f t="shared" si="932"/>
        <v>3128.5920000000001</v>
      </c>
      <c r="LDZ54" s="7">
        <f t="shared" si="932"/>
        <v>3128.5920000000001</v>
      </c>
      <c r="LEA54" s="7">
        <f t="shared" si="932"/>
        <v>3128.5920000000001</v>
      </c>
      <c r="LEB54" s="7">
        <f t="shared" si="932"/>
        <v>3128.5920000000001</v>
      </c>
      <c r="LEC54" s="7">
        <f t="shared" si="932"/>
        <v>3128.5920000000001</v>
      </c>
      <c r="LED54" s="7">
        <f t="shared" si="932"/>
        <v>3128.5920000000001</v>
      </c>
      <c r="LEE54" s="7">
        <f t="shared" si="932"/>
        <v>3128.5920000000001</v>
      </c>
      <c r="LEF54" s="7">
        <f t="shared" si="932"/>
        <v>3128.5920000000001</v>
      </c>
      <c r="LEG54" s="7">
        <f t="shared" si="932"/>
        <v>3128.5920000000001</v>
      </c>
      <c r="LEH54" s="7">
        <f t="shared" si="932"/>
        <v>3128.5920000000001</v>
      </c>
      <c r="LEI54" s="7">
        <f t="shared" si="932"/>
        <v>3128.5920000000001</v>
      </c>
      <c r="LEJ54" s="7">
        <f t="shared" si="932"/>
        <v>3128.5920000000001</v>
      </c>
      <c r="LEK54" s="7">
        <f t="shared" si="932"/>
        <v>3128.5920000000001</v>
      </c>
      <c r="LEL54" s="7">
        <f t="shared" si="932"/>
        <v>3128.5920000000001</v>
      </c>
      <c r="LEM54" s="7">
        <f t="shared" si="932"/>
        <v>3128.5920000000001</v>
      </c>
      <c r="LEN54" s="7">
        <f t="shared" si="932"/>
        <v>3128.5920000000001</v>
      </c>
      <c r="LEO54" s="7">
        <f t="shared" si="932"/>
        <v>3128.5920000000001</v>
      </c>
      <c r="LEP54" s="7">
        <f t="shared" si="932"/>
        <v>3128.5920000000001</v>
      </c>
      <c r="LEQ54" s="7">
        <f t="shared" si="932"/>
        <v>3128.5920000000001</v>
      </c>
      <c r="LER54" s="7">
        <f t="shared" si="932"/>
        <v>3128.5920000000001</v>
      </c>
      <c r="LES54" s="7">
        <f t="shared" si="932"/>
        <v>3128.5920000000001</v>
      </c>
      <c r="LET54" s="7">
        <f t="shared" si="932"/>
        <v>3128.5920000000001</v>
      </c>
      <c r="LEU54" s="7">
        <f t="shared" si="932"/>
        <v>3128.5920000000001</v>
      </c>
      <c r="LEV54" s="7">
        <f t="shared" si="932"/>
        <v>3128.5920000000001</v>
      </c>
      <c r="LEW54" s="7">
        <f t="shared" si="932"/>
        <v>3128.5920000000001</v>
      </c>
      <c r="LEX54" s="7">
        <f t="shared" ref="LEX54:LHI54" si="933">LEX49+LEW54</f>
        <v>3128.5920000000001</v>
      </c>
      <c r="LEY54" s="7">
        <f t="shared" si="933"/>
        <v>3128.5920000000001</v>
      </c>
      <c r="LEZ54" s="7">
        <f t="shared" si="933"/>
        <v>3128.5920000000001</v>
      </c>
      <c r="LFA54" s="7">
        <f t="shared" si="933"/>
        <v>3128.5920000000001</v>
      </c>
      <c r="LFB54" s="7">
        <f t="shared" si="933"/>
        <v>3128.5920000000001</v>
      </c>
      <c r="LFC54" s="7">
        <f t="shared" si="933"/>
        <v>3128.5920000000001</v>
      </c>
      <c r="LFD54" s="7">
        <f t="shared" si="933"/>
        <v>3128.5920000000001</v>
      </c>
      <c r="LFE54" s="7">
        <f t="shared" si="933"/>
        <v>3128.5920000000001</v>
      </c>
      <c r="LFF54" s="7">
        <f t="shared" si="933"/>
        <v>3128.5920000000001</v>
      </c>
      <c r="LFG54" s="7">
        <f t="shared" si="933"/>
        <v>3128.5920000000001</v>
      </c>
      <c r="LFH54" s="7">
        <f t="shared" si="933"/>
        <v>3128.5920000000001</v>
      </c>
      <c r="LFI54" s="7">
        <f t="shared" si="933"/>
        <v>3128.5920000000001</v>
      </c>
      <c r="LFJ54" s="7">
        <f t="shared" si="933"/>
        <v>3128.5920000000001</v>
      </c>
      <c r="LFK54" s="7">
        <f t="shared" si="933"/>
        <v>3128.5920000000001</v>
      </c>
      <c r="LFL54" s="7">
        <f t="shared" si="933"/>
        <v>3128.5920000000001</v>
      </c>
      <c r="LFM54" s="7">
        <f t="shared" si="933"/>
        <v>3128.5920000000001</v>
      </c>
      <c r="LFN54" s="7">
        <f t="shared" si="933"/>
        <v>3128.5920000000001</v>
      </c>
      <c r="LFO54" s="7">
        <f t="shared" si="933"/>
        <v>3128.5920000000001</v>
      </c>
      <c r="LFP54" s="7">
        <f t="shared" si="933"/>
        <v>3128.5920000000001</v>
      </c>
      <c r="LFQ54" s="7">
        <f t="shared" si="933"/>
        <v>3128.5920000000001</v>
      </c>
      <c r="LFR54" s="7">
        <f t="shared" si="933"/>
        <v>3128.5920000000001</v>
      </c>
      <c r="LFS54" s="7">
        <f t="shared" si="933"/>
        <v>3128.5920000000001</v>
      </c>
      <c r="LFT54" s="7">
        <f t="shared" si="933"/>
        <v>3128.5920000000001</v>
      </c>
      <c r="LFU54" s="7">
        <f t="shared" si="933"/>
        <v>3128.5920000000001</v>
      </c>
      <c r="LFV54" s="7">
        <f t="shared" si="933"/>
        <v>3128.5920000000001</v>
      </c>
      <c r="LFW54" s="7">
        <f t="shared" si="933"/>
        <v>3128.5920000000001</v>
      </c>
      <c r="LFX54" s="7">
        <f t="shared" si="933"/>
        <v>3128.5920000000001</v>
      </c>
      <c r="LFY54" s="7">
        <f t="shared" si="933"/>
        <v>3128.5920000000001</v>
      </c>
      <c r="LFZ54" s="7">
        <f t="shared" si="933"/>
        <v>3128.5920000000001</v>
      </c>
      <c r="LGA54" s="7">
        <f t="shared" si="933"/>
        <v>3128.5920000000001</v>
      </c>
      <c r="LGB54" s="7">
        <f t="shared" si="933"/>
        <v>3128.5920000000001</v>
      </c>
      <c r="LGC54" s="7">
        <f t="shared" si="933"/>
        <v>3128.5920000000001</v>
      </c>
      <c r="LGD54" s="7">
        <f t="shared" si="933"/>
        <v>3128.5920000000001</v>
      </c>
      <c r="LGE54" s="7">
        <f t="shared" si="933"/>
        <v>3128.5920000000001</v>
      </c>
      <c r="LGF54" s="7">
        <f t="shared" si="933"/>
        <v>3128.5920000000001</v>
      </c>
      <c r="LGG54" s="7">
        <f t="shared" si="933"/>
        <v>3128.5920000000001</v>
      </c>
      <c r="LGH54" s="7">
        <f t="shared" si="933"/>
        <v>3128.5920000000001</v>
      </c>
      <c r="LGI54" s="7">
        <f t="shared" si="933"/>
        <v>3128.5920000000001</v>
      </c>
      <c r="LGJ54" s="7">
        <f t="shared" si="933"/>
        <v>3128.5920000000001</v>
      </c>
      <c r="LGK54" s="7">
        <f t="shared" si="933"/>
        <v>3128.5920000000001</v>
      </c>
      <c r="LGL54" s="7">
        <f t="shared" si="933"/>
        <v>3128.5920000000001</v>
      </c>
      <c r="LGM54" s="7">
        <f t="shared" si="933"/>
        <v>3128.5920000000001</v>
      </c>
      <c r="LGN54" s="7">
        <f t="shared" si="933"/>
        <v>3128.5920000000001</v>
      </c>
      <c r="LGO54" s="7">
        <f t="shared" si="933"/>
        <v>3128.5920000000001</v>
      </c>
      <c r="LGP54" s="7">
        <f t="shared" si="933"/>
        <v>3128.5920000000001</v>
      </c>
      <c r="LGQ54" s="7">
        <f t="shared" si="933"/>
        <v>3128.5920000000001</v>
      </c>
      <c r="LGR54" s="7">
        <f t="shared" si="933"/>
        <v>3128.5920000000001</v>
      </c>
      <c r="LGS54" s="7">
        <f t="shared" si="933"/>
        <v>3128.5920000000001</v>
      </c>
      <c r="LGT54" s="7">
        <f t="shared" si="933"/>
        <v>3128.5920000000001</v>
      </c>
      <c r="LGU54" s="7">
        <f t="shared" si="933"/>
        <v>3128.5920000000001</v>
      </c>
      <c r="LGV54" s="7">
        <f t="shared" si="933"/>
        <v>3128.5920000000001</v>
      </c>
      <c r="LGW54" s="7">
        <f t="shared" si="933"/>
        <v>3128.5920000000001</v>
      </c>
      <c r="LGX54" s="7">
        <f t="shared" si="933"/>
        <v>3128.5920000000001</v>
      </c>
      <c r="LGY54" s="7">
        <f t="shared" si="933"/>
        <v>3128.5920000000001</v>
      </c>
      <c r="LGZ54" s="7">
        <f t="shared" si="933"/>
        <v>3128.5920000000001</v>
      </c>
      <c r="LHA54" s="7">
        <f t="shared" si="933"/>
        <v>3128.5920000000001</v>
      </c>
      <c r="LHB54" s="7">
        <f t="shared" si="933"/>
        <v>3128.5920000000001</v>
      </c>
      <c r="LHC54" s="7">
        <f t="shared" si="933"/>
        <v>3128.5920000000001</v>
      </c>
      <c r="LHD54" s="7">
        <f t="shared" si="933"/>
        <v>3128.5920000000001</v>
      </c>
      <c r="LHE54" s="7">
        <f t="shared" si="933"/>
        <v>3128.5920000000001</v>
      </c>
      <c r="LHF54" s="7">
        <f t="shared" si="933"/>
        <v>3128.5920000000001</v>
      </c>
      <c r="LHG54" s="7">
        <f t="shared" si="933"/>
        <v>3128.5920000000001</v>
      </c>
      <c r="LHH54" s="7">
        <f t="shared" si="933"/>
        <v>3128.5920000000001</v>
      </c>
      <c r="LHI54" s="7">
        <f t="shared" si="933"/>
        <v>3128.5920000000001</v>
      </c>
      <c r="LHJ54" s="7">
        <f t="shared" ref="LHJ54:LJU54" si="934">LHJ49+LHI54</f>
        <v>3128.5920000000001</v>
      </c>
      <c r="LHK54" s="7">
        <f t="shared" si="934"/>
        <v>3128.5920000000001</v>
      </c>
      <c r="LHL54" s="7">
        <f t="shared" si="934"/>
        <v>3128.5920000000001</v>
      </c>
      <c r="LHM54" s="7">
        <f t="shared" si="934"/>
        <v>3128.5920000000001</v>
      </c>
      <c r="LHN54" s="7">
        <f t="shared" si="934"/>
        <v>3128.5920000000001</v>
      </c>
      <c r="LHO54" s="7">
        <f t="shared" si="934"/>
        <v>3128.5920000000001</v>
      </c>
      <c r="LHP54" s="7">
        <f t="shared" si="934"/>
        <v>3128.5920000000001</v>
      </c>
      <c r="LHQ54" s="7">
        <f t="shared" si="934"/>
        <v>3128.5920000000001</v>
      </c>
      <c r="LHR54" s="7">
        <f t="shared" si="934"/>
        <v>3128.5920000000001</v>
      </c>
      <c r="LHS54" s="7">
        <f t="shared" si="934"/>
        <v>3128.5920000000001</v>
      </c>
      <c r="LHT54" s="7">
        <f t="shared" si="934"/>
        <v>3128.5920000000001</v>
      </c>
      <c r="LHU54" s="7">
        <f t="shared" si="934"/>
        <v>3128.5920000000001</v>
      </c>
      <c r="LHV54" s="7">
        <f t="shared" si="934"/>
        <v>3128.5920000000001</v>
      </c>
      <c r="LHW54" s="7">
        <f t="shared" si="934"/>
        <v>3128.5920000000001</v>
      </c>
      <c r="LHX54" s="7">
        <f t="shared" si="934"/>
        <v>3128.5920000000001</v>
      </c>
      <c r="LHY54" s="7">
        <f t="shared" si="934"/>
        <v>3128.5920000000001</v>
      </c>
      <c r="LHZ54" s="7">
        <f t="shared" si="934"/>
        <v>3128.5920000000001</v>
      </c>
      <c r="LIA54" s="7">
        <f t="shared" si="934"/>
        <v>3128.5920000000001</v>
      </c>
      <c r="LIB54" s="7">
        <f t="shared" si="934"/>
        <v>3128.5920000000001</v>
      </c>
      <c r="LIC54" s="7">
        <f t="shared" si="934"/>
        <v>3128.5920000000001</v>
      </c>
      <c r="LID54" s="7">
        <f t="shared" si="934"/>
        <v>3128.5920000000001</v>
      </c>
      <c r="LIE54" s="7">
        <f t="shared" si="934"/>
        <v>3128.5920000000001</v>
      </c>
      <c r="LIF54" s="7">
        <f t="shared" si="934"/>
        <v>3128.5920000000001</v>
      </c>
      <c r="LIG54" s="7">
        <f t="shared" si="934"/>
        <v>3128.5920000000001</v>
      </c>
      <c r="LIH54" s="7">
        <f t="shared" si="934"/>
        <v>3128.5920000000001</v>
      </c>
      <c r="LII54" s="7">
        <f t="shared" si="934"/>
        <v>3128.5920000000001</v>
      </c>
      <c r="LIJ54" s="7">
        <f t="shared" si="934"/>
        <v>3128.5920000000001</v>
      </c>
      <c r="LIK54" s="7">
        <f t="shared" si="934"/>
        <v>3128.5920000000001</v>
      </c>
      <c r="LIL54" s="7">
        <f t="shared" si="934"/>
        <v>3128.5920000000001</v>
      </c>
      <c r="LIM54" s="7">
        <f t="shared" si="934"/>
        <v>3128.5920000000001</v>
      </c>
      <c r="LIN54" s="7">
        <f t="shared" si="934"/>
        <v>3128.5920000000001</v>
      </c>
      <c r="LIO54" s="7">
        <f t="shared" si="934"/>
        <v>3128.5920000000001</v>
      </c>
      <c r="LIP54" s="7">
        <f t="shared" si="934"/>
        <v>3128.5920000000001</v>
      </c>
      <c r="LIQ54" s="7">
        <f t="shared" si="934"/>
        <v>3128.5920000000001</v>
      </c>
      <c r="LIR54" s="7">
        <f t="shared" si="934"/>
        <v>3128.5920000000001</v>
      </c>
      <c r="LIS54" s="7">
        <f t="shared" si="934"/>
        <v>3128.5920000000001</v>
      </c>
      <c r="LIT54" s="7">
        <f t="shared" si="934"/>
        <v>3128.5920000000001</v>
      </c>
      <c r="LIU54" s="7">
        <f t="shared" si="934"/>
        <v>3128.5920000000001</v>
      </c>
      <c r="LIV54" s="7">
        <f t="shared" si="934"/>
        <v>3128.5920000000001</v>
      </c>
      <c r="LIW54" s="7">
        <f t="shared" si="934"/>
        <v>3128.5920000000001</v>
      </c>
      <c r="LIX54" s="7">
        <f t="shared" si="934"/>
        <v>3128.5920000000001</v>
      </c>
      <c r="LIY54" s="7">
        <f t="shared" si="934"/>
        <v>3128.5920000000001</v>
      </c>
      <c r="LIZ54" s="7">
        <f t="shared" si="934"/>
        <v>3128.5920000000001</v>
      </c>
      <c r="LJA54" s="7">
        <f t="shared" si="934"/>
        <v>3128.5920000000001</v>
      </c>
      <c r="LJB54" s="7">
        <f t="shared" si="934"/>
        <v>3128.5920000000001</v>
      </c>
      <c r="LJC54" s="7">
        <f t="shared" si="934"/>
        <v>3128.5920000000001</v>
      </c>
      <c r="LJD54" s="7">
        <f t="shared" si="934"/>
        <v>3128.5920000000001</v>
      </c>
      <c r="LJE54" s="7">
        <f t="shared" si="934"/>
        <v>3128.5920000000001</v>
      </c>
      <c r="LJF54" s="7">
        <f t="shared" si="934"/>
        <v>3128.5920000000001</v>
      </c>
      <c r="LJG54" s="7">
        <f t="shared" si="934"/>
        <v>3128.5920000000001</v>
      </c>
      <c r="LJH54" s="7">
        <f t="shared" si="934"/>
        <v>3128.5920000000001</v>
      </c>
      <c r="LJI54" s="7">
        <f t="shared" si="934"/>
        <v>3128.5920000000001</v>
      </c>
      <c r="LJJ54" s="7">
        <f t="shared" si="934"/>
        <v>3128.5920000000001</v>
      </c>
      <c r="LJK54" s="7">
        <f t="shared" si="934"/>
        <v>3128.5920000000001</v>
      </c>
      <c r="LJL54" s="7">
        <f t="shared" si="934"/>
        <v>3128.5920000000001</v>
      </c>
      <c r="LJM54" s="7">
        <f t="shared" si="934"/>
        <v>3128.5920000000001</v>
      </c>
      <c r="LJN54" s="7">
        <f t="shared" si="934"/>
        <v>3128.5920000000001</v>
      </c>
      <c r="LJO54" s="7">
        <f t="shared" si="934"/>
        <v>3128.5920000000001</v>
      </c>
      <c r="LJP54" s="7">
        <f t="shared" si="934"/>
        <v>3128.5920000000001</v>
      </c>
      <c r="LJQ54" s="7">
        <f t="shared" si="934"/>
        <v>3128.5920000000001</v>
      </c>
      <c r="LJR54" s="7">
        <f t="shared" si="934"/>
        <v>3128.5920000000001</v>
      </c>
      <c r="LJS54" s="7">
        <f t="shared" si="934"/>
        <v>3128.5920000000001</v>
      </c>
      <c r="LJT54" s="7">
        <f t="shared" si="934"/>
        <v>3128.5920000000001</v>
      </c>
      <c r="LJU54" s="7">
        <f t="shared" si="934"/>
        <v>3128.5920000000001</v>
      </c>
      <c r="LJV54" s="7">
        <f t="shared" ref="LJV54:LMG54" si="935">LJV49+LJU54</f>
        <v>3128.5920000000001</v>
      </c>
      <c r="LJW54" s="7">
        <f t="shared" si="935"/>
        <v>3128.5920000000001</v>
      </c>
      <c r="LJX54" s="7">
        <f t="shared" si="935"/>
        <v>3128.5920000000001</v>
      </c>
      <c r="LJY54" s="7">
        <f t="shared" si="935"/>
        <v>3128.5920000000001</v>
      </c>
      <c r="LJZ54" s="7">
        <f t="shared" si="935"/>
        <v>3128.5920000000001</v>
      </c>
      <c r="LKA54" s="7">
        <f t="shared" si="935"/>
        <v>3128.5920000000001</v>
      </c>
      <c r="LKB54" s="7">
        <f t="shared" si="935"/>
        <v>3128.5920000000001</v>
      </c>
      <c r="LKC54" s="7">
        <f t="shared" si="935"/>
        <v>3128.5920000000001</v>
      </c>
      <c r="LKD54" s="7">
        <f t="shared" si="935"/>
        <v>3128.5920000000001</v>
      </c>
      <c r="LKE54" s="7">
        <f t="shared" si="935"/>
        <v>3128.5920000000001</v>
      </c>
      <c r="LKF54" s="7">
        <f t="shared" si="935"/>
        <v>3128.5920000000001</v>
      </c>
      <c r="LKG54" s="7">
        <f t="shared" si="935"/>
        <v>3128.5920000000001</v>
      </c>
      <c r="LKH54" s="7">
        <f t="shared" si="935"/>
        <v>3128.5920000000001</v>
      </c>
      <c r="LKI54" s="7">
        <f t="shared" si="935"/>
        <v>3128.5920000000001</v>
      </c>
      <c r="LKJ54" s="7">
        <f t="shared" si="935"/>
        <v>3128.5920000000001</v>
      </c>
      <c r="LKK54" s="7">
        <f t="shared" si="935"/>
        <v>3128.5920000000001</v>
      </c>
      <c r="LKL54" s="7">
        <f t="shared" si="935"/>
        <v>3128.5920000000001</v>
      </c>
      <c r="LKM54" s="7">
        <f t="shared" si="935"/>
        <v>3128.5920000000001</v>
      </c>
      <c r="LKN54" s="7">
        <f t="shared" si="935"/>
        <v>3128.5920000000001</v>
      </c>
      <c r="LKO54" s="7">
        <f t="shared" si="935"/>
        <v>3128.5920000000001</v>
      </c>
      <c r="LKP54" s="7">
        <f t="shared" si="935"/>
        <v>3128.5920000000001</v>
      </c>
      <c r="LKQ54" s="7">
        <f t="shared" si="935"/>
        <v>3128.5920000000001</v>
      </c>
      <c r="LKR54" s="7">
        <f t="shared" si="935"/>
        <v>3128.5920000000001</v>
      </c>
      <c r="LKS54" s="7">
        <f t="shared" si="935"/>
        <v>3128.5920000000001</v>
      </c>
      <c r="LKT54" s="7">
        <f t="shared" si="935"/>
        <v>3128.5920000000001</v>
      </c>
      <c r="LKU54" s="7">
        <f t="shared" si="935"/>
        <v>3128.5920000000001</v>
      </c>
      <c r="LKV54" s="7">
        <f t="shared" si="935"/>
        <v>3128.5920000000001</v>
      </c>
      <c r="LKW54" s="7">
        <f t="shared" si="935"/>
        <v>3128.5920000000001</v>
      </c>
      <c r="LKX54" s="7">
        <f t="shared" si="935"/>
        <v>3128.5920000000001</v>
      </c>
      <c r="LKY54" s="7">
        <f t="shared" si="935"/>
        <v>3128.5920000000001</v>
      </c>
      <c r="LKZ54" s="7">
        <f t="shared" si="935"/>
        <v>3128.5920000000001</v>
      </c>
      <c r="LLA54" s="7">
        <f t="shared" si="935"/>
        <v>3128.5920000000001</v>
      </c>
      <c r="LLB54" s="7">
        <f t="shared" si="935"/>
        <v>3128.5920000000001</v>
      </c>
      <c r="LLC54" s="7">
        <f t="shared" si="935"/>
        <v>3128.5920000000001</v>
      </c>
      <c r="LLD54" s="7">
        <f t="shared" si="935"/>
        <v>3128.5920000000001</v>
      </c>
      <c r="LLE54" s="7">
        <f t="shared" si="935"/>
        <v>3128.5920000000001</v>
      </c>
      <c r="LLF54" s="7">
        <f t="shared" si="935"/>
        <v>3128.5920000000001</v>
      </c>
      <c r="LLG54" s="7">
        <f t="shared" si="935"/>
        <v>3128.5920000000001</v>
      </c>
      <c r="LLH54" s="7">
        <f t="shared" si="935"/>
        <v>3128.5920000000001</v>
      </c>
      <c r="LLI54" s="7">
        <f t="shared" si="935"/>
        <v>3128.5920000000001</v>
      </c>
      <c r="LLJ54" s="7">
        <f t="shared" si="935"/>
        <v>3128.5920000000001</v>
      </c>
      <c r="LLK54" s="7">
        <f t="shared" si="935"/>
        <v>3128.5920000000001</v>
      </c>
      <c r="LLL54" s="7">
        <f t="shared" si="935"/>
        <v>3128.5920000000001</v>
      </c>
      <c r="LLM54" s="7">
        <f t="shared" si="935"/>
        <v>3128.5920000000001</v>
      </c>
      <c r="LLN54" s="7">
        <f t="shared" si="935"/>
        <v>3128.5920000000001</v>
      </c>
      <c r="LLO54" s="7">
        <f t="shared" si="935"/>
        <v>3128.5920000000001</v>
      </c>
      <c r="LLP54" s="7">
        <f t="shared" si="935"/>
        <v>3128.5920000000001</v>
      </c>
      <c r="LLQ54" s="7">
        <f t="shared" si="935"/>
        <v>3128.5920000000001</v>
      </c>
      <c r="LLR54" s="7">
        <f t="shared" si="935"/>
        <v>3128.5920000000001</v>
      </c>
      <c r="LLS54" s="7">
        <f t="shared" si="935"/>
        <v>3128.5920000000001</v>
      </c>
      <c r="LLT54" s="7">
        <f t="shared" si="935"/>
        <v>3128.5920000000001</v>
      </c>
      <c r="LLU54" s="7">
        <f t="shared" si="935"/>
        <v>3128.5920000000001</v>
      </c>
      <c r="LLV54" s="7">
        <f t="shared" si="935"/>
        <v>3128.5920000000001</v>
      </c>
      <c r="LLW54" s="7">
        <f t="shared" si="935"/>
        <v>3128.5920000000001</v>
      </c>
      <c r="LLX54" s="7">
        <f t="shared" si="935"/>
        <v>3128.5920000000001</v>
      </c>
      <c r="LLY54" s="7">
        <f t="shared" si="935"/>
        <v>3128.5920000000001</v>
      </c>
      <c r="LLZ54" s="7">
        <f t="shared" si="935"/>
        <v>3128.5920000000001</v>
      </c>
      <c r="LMA54" s="7">
        <f t="shared" si="935"/>
        <v>3128.5920000000001</v>
      </c>
      <c r="LMB54" s="7">
        <f t="shared" si="935"/>
        <v>3128.5920000000001</v>
      </c>
      <c r="LMC54" s="7">
        <f t="shared" si="935"/>
        <v>3128.5920000000001</v>
      </c>
      <c r="LMD54" s="7">
        <f t="shared" si="935"/>
        <v>3128.5920000000001</v>
      </c>
      <c r="LME54" s="7">
        <f t="shared" si="935"/>
        <v>3128.5920000000001</v>
      </c>
      <c r="LMF54" s="7">
        <f t="shared" si="935"/>
        <v>3128.5920000000001</v>
      </c>
      <c r="LMG54" s="7">
        <f t="shared" si="935"/>
        <v>3128.5920000000001</v>
      </c>
      <c r="LMH54" s="7">
        <f t="shared" ref="LMH54:LOS54" si="936">LMH49+LMG54</f>
        <v>3128.5920000000001</v>
      </c>
      <c r="LMI54" s="7">
        <f t="shared" si="936"/>
        <v>3128.5920000000001</v>
      </c>
      <c r="LMJ54" s="7">
        <f t="shared" si="936"/>
        <v>3128.5920000000001</v>
      </c>
      <c r="LMK54" s="7">
        <f t="shared" si="936"/>
        <v>3128.5920000000001</v>
      </c>
      <c r="LML54" s="7">
        <f t="shared" si="936"/>
        <v>3128.5920000000001</v>
      </c>
      <c r="LMM54" s="7">
        <f t="shared" si="936"/>
        <v>3128.5920000000001</v>
      </c>
      <c r="LMN54" s="7">
        <f t="shared" si="936"/>
        <v>3128.5920000000001</v>
      </c>
      <c r="LMO54" s="7">
        <f t="shared" si="936"/>
        <v>3128.5920000000001</v>
      </c>
      <c r="LMP54" s="7">
        <f t="shared" si="936"/>
        <v>3128.5920000000001</v>
      </c>
      <c r="LMQ54" s="7">
        <f t="shared" si="936"/>
        <v>3128.5920000000001</v>
      </c>
      <c r="LMR54" s="7">
        <f t="shared" si="936"/>
        <v>3128.5920000000001</v>
      </c>
      <c r="LMS54" s="7">
        <f t="shared" si="936"/>
        <v>3128.5920000000001</v>
      </c>
      <c r="LMT54" s="7">
        <f t="shared" si="936"/>
        <v>3128.5920000000001</v>
      </c>
      <c r="LMU54" s="7">
        <f t="shared" si="936"/>
        <v>3128.5920000000001</v>
      </c>
      <c r="LMV54" s="7">
        <f t="shared" si="936"/>
        <v>3128.5920000000001</v>
      </c>
      <c r="LMW54" s="7">
        <f t="shared" si="936"/>
        <v>3128.5920000000001</v>
      </c>
      <c r="LMX54" s="7">
        <f t="shared" si="936"/>
        <v>3128.5920000000001</v>
      </c>
      <c r="LMY54" s="7">
        <f t="shared" si="936"/>
        <v>3128.5920000000001</v>
      </c>
      <c r="LMZ54" s="7">
        <f t="shared" si="936"/>
        <v>3128.5920000000001</v>
      </c>
      <c r="LNA54" s="7">
        <f t="shared" si="936"/>
        <v>3128.5920000000001</v>
      </c>
      <c r="LNB54" s="7">
        <f t="shared" si="936"/>
        <v>3128.5920000000001</v>
      </c>
      <c r="LNC54" s="7">
        <f t="shared" si="936"/>
        <v>3128.5920000000001</v>
      </c>
      <c r="LND54" s="7">
        <f t="shared" si="936"/>
        <v>3128.5920000000001</v>
      </c>
      <c r="LNE54" s="7">
        <f t="shared" si="936"/>
        <v>3128.5920000000001</v>
      </c>
      <c r="LNF54" s="7">
        <f t="shared" si="936"/>
        <v>3128.5920000000001</v>
      </c>
      <c r="LNG54" s="7">
        <f t="shared" si="936"/>
        <v>3128.5920000000001</v>
      </c>
      <c r="LNH54" s="7">
        <f t="shared" si="936"/>
        <v>3128.5920000000001</v>
      </c>
      <c r="LNI54" s="7">
        <f t="shared" si="936"/>
        <v>3128.5920000000001</v>
      </c>
      <c r="LNJ54" s="7">
        <f t="shared" si="936"/>
        <v>3128.5920000000001</v>
      </c>
      <c r="LNK54" s="7">
        <f t="shared" si="936"/>
        <v>3128.5920000000001</v>
      </c>
      <c r="LNL54" s="7">
        <f t="shared" si="936"/>
        <v>3128.5920000000001</v>
      </c>
      <c r="LNM54" s="7">
        <f t="shared" si="936"/>
        <v>3128.5920000000001</v>
      </c>
      <c r="LNN54" s="7">
        <f t="shared" si="936"/>
        <v>3128.5920000000001</v>
      </c>
      <c r="LNO54" s="7">
        <f t="shared" si="936"/>
        <v>3128.5920000000001</v>
      </c>
      <c r="LNP54" s="7">
        <f t="shared" si="936"/>
        <v>3128.5920000000001</v>
      </c>
      <c r="LNQ54" s="7">
        <f t="shared" si="936"/>
        <v>3128.5920000000001</v>
      </c>
      <c r="LNR54" s="7">
        <f t="shared" si="936"/>
        <v>3128.5920000000001</v>
      </c>
      <c r="LNS54" s="7">
        <f t="shared" si="936"/>
        <v>3128.5920000000001</v>
      </c>
      <c r="LNT54" s="7">
        <f t="shared" si="936"/>
        <v>3128.5920000000001</v>
      </c>
      <c r="LNU54" s="7">
        <f t="shared" si="936"/>
        <v>3128.5920000000001</v>
      </c>
      <c r="LNV54" s="7">
        <f t="shared" si="936"/>
        <v>3128.5920000000001</v>
      </c>
      <c r="LNW54" s="7">
        <f t="shared" si="936"/>
        <v>3128.5920000000001</v>
      </c>
      <c r="LNX54" s="7">
        <f t="shared" si="936"/>
        <v>3128.5920000000001</v>
      </c>
      <c r="LNY54" s="7">
        <f t="shared" si="936"/>
        <v>3128.5920000000001</v>
      </c>
      <c r="LNZ54" s="7">
        <f t="shared" si="936"/>
        <v>3128.5920000000001</v>
      </c>
      <c r="LOA54" s="7">
        <f t="shared" si="936"/>
        <v>3128.5920000000001</v>
      </c>
      <c r="LOB54" s="7">
        <f t="shared" si="936"/>
        <v>3128.5920000000001</v>
      </c>
      <c r="LOC54" s="7">
        <f t="shared" si="936"/>
        <v>3128.5920000000001</v>
      </c>
      <c r="LOD54" s="7">
        <f t="shared" si="936"/>
        <v>3128.5920000000001</v>
      </c>
      <c r="LOE54" s="7">
        <f t="shared" si="936"/>
        <v>3128.5920000000001</v>
      </c>
      <c r="LOF54" s="7">
        <f t="shared" si="936"/>
        <v>3128.5920000000001</v>
      </c>
      <c r="LOG54" s="7">
        <f t="shared" si="936"/>
        <v>3128.5920000000001</v>
      </c>
      <c r="LOH54" s="7">
        <f t="shared" si="936"/>
        <v>3128.5920000000001</v>
      </c>
      <c r="LOI54" s="7">
        <f t="shared" si="936"/>
        <v>3128.5920000000001</v>
      </c>
      <c r="LOJ54" s="7">
        <f t="shared" si="936"/>
        <v>3128.5920000000001</v>
      </c>
      <c r="LOK54" s="7">
        <f t="shared" si="936"/>
        <v>3128.5920000000001</v>
      </c>
      <c r="LOL54" s="7">
        <f t="shared" si="936"/>
        <v>3128.5920000000001</v>
      </c>
      <c r="LOM54" s="7">
        <f t="shared" si="936"/>
        <v>3128.5920000000001</v>
      </c>
      <c r="LON54" s="7">
        <f t="shared" si="936"/>
        <v>3128.5920000000001</v>
      </c>
      <c r="LOO54" s="7">
        <f t="shared" si="936"/>
        <v>3128.5920000000001</v>
      </c>
      <c r="LOP54" s="7">
        <f t="shared" si="936"/>
        <v>3128.5920000000001</v>
      </c>
      <c r="LOQ54" s="7">
        <f t="shared" si="936"/>
        <v>3128.5920000000001</v>
      </c>
      <c r="LOR54" s="7">
        <f t="shared" si="936"/>
        <v>3128.5920000000001</v>
      </c>
      <c r="LOS54" s="7">
        <f t="shared" si="936"/>
        <v>3128.5920000000001</v>
      </c>
      <c r="LOT54" s="7">
        <f t="shared" ref="LOT54:LRE54" si="937">LOT49+LOS54</f>
        <v>3128.5920000000001</v>
      </c>
      <c r="LOU54" s="7">
        <f t="shared" si="937"/>
        <v>3128.5920000000001</v>
      </c>
      <c r="LOV54" s="7">
        <f t="shared" si="937"/>
        <v>3128.5920000000001</v>
      </c>
      <c r="LOW54" s="7">
        <f t="shared" si="937"/>
        <v>3128.5920000000001</v>
      </c>
      <c r="LOX54" s="7">
        <f t="shared" si="937"/>
        <v>3128.5920000000001</v>
      </c>
      <c r="LOY54" s="7">
        <f t="shared" si="937"/>
        <v>3128.5920000000001</v>
      </c>
      <c r="LOZ54" s="7">
        <f t="shared" si="937"/>
        <v>3128.5920000000001</v>
      </c>
      <c r="LPA54" s="7">
        <f t="shared" si="937"/>
        <v>3128.5920000000001</v>
      </c>
      <c r="LPB54" s="7">
        <f t="shared" si="937"/>
        <v>3128.5920000000001</v>
      </c>
      <c r="LPC54" s="7">
        <f t="shared" si="937"/>
        <v>3128.5920000000001</v>
      </c>
      <c r="LPD54" s="7">
        <f t="shared" si="937"/>
        <v>3128.5920000000001</v>
      </c>
      <c r="LPE54" s="7">
        <f t="shared" si="937"/>
        <v>3128.5920000000001</v>
      </c>
      <c r="LPF54" s="7">
        <f t="shared" si="937"/>
        <v>3128.5920000000001</v>
      </c>
      <c r="LPG54" s="7">
        <f t="shared" si="937"/>
        <v>3128.5920000000001</v>
      </c>
      <c r="LPH54" s="7">
        <f t="shared" si="937"/>
        <v>3128.5920000000001</v>
      </c>
      <c r="LPI54" s="7">
        <f t="shared" si="937"/>
        <v>3128.5920000000001</v>
      </c>
      <c r="LPJ54" s="7">
        <f t="shared" si="937"/>
        <v>3128.5920000000001</v>
      </c>
      <c r="LPK54" s="7">
        <f t="shared" si="937"/>
        <v>3128.5920000000001</v>
      </c>
      <c r="LPL54" s="7">
        <f t="shared" si="937"/>
        <v>3128.5920000000001</v>
      </c>
      <c r="LPM54" s="7">
        <f t="shared" si="937"/>
        <v>3128.5920000000001</v>
      </c>
      <c r="LPN54" s="7">
        <f t="shared" si="937"/>
        <v>3128.5920000000001</v>
      </c>
      <c r="LPO54" s="7">
        <f t="shared" si="937"/>
        <v>3128.5920000000001</v>
      </c>
      <c r="LPP54" s="7">
        <f t="shared" si="937"/>
        <v>3128.5920000000001</v>
      </c>
      <c r="LPQ54" s="7">
        <f t="shared" si="937"/>
        <v>3128.5920000000001</v>
      </c>
      <c r="LPR54" s="7">
        <f t="shared" si="937"/>
        <v>3128.5920000000001</v>
      </c>
      <c r="LPS54" s="7">
        <f t="shared" si="937"/>
        <v>3128.5920000000001</v>
      </c>
      <c r="LPT54" s="7">
        <f t="shared" si="937"/>
        <v>3128.5920000000001</v>
      </c>
      <c r="LPU54" s="7">
        <f t="shared" si="937"/>
        <v>3128.5920000000001</v>
      </c>
      <c r="LPV54" s="7">
        <f t="shared" si="937"/>
        <v>3128.5920000000001</v>
      </c>
      <c r="LPW54" s="7">
        <f t="shared" si="937"/>
        <v>3128.5920000000001</v>
      </c>
      <c r="LPX54" s="7">
        <f t="shared" si="937"/>
        <v>3128.5920000000001</v>
      </c>
      <c r="LPY54" s="7">
        <f t="shared" si="937"/>
        <v>3128.5920000000001</v>
      </c>
      <c r="LPZ54" s="7">
        <f t="shared" si="937"/>
        <v>3128.5920000000001</v>
      </c>
      <c r="LQA54" s="7">
        <f t="shared" si="937"/>
        <v>3128.5920000000001</v>
      </c>
      <c r="LQB54" s="7">
        <f t="shared" si="937"/>
        <v>3128.5920000000001</v>
      </c>
      <c r="LQC54" s="7">
        <f t="shared" si="937"/>
        <v>3128.5920000000001</v>
      </c>
      <c r="LQD54" s="7">
        <f t="shared" si="937"/>
        <v>3128.5920000000001</v>
      </c>
      <c r="LQE54" s="7">
        <f t="shared" si="937"/>
        <v>3128.5920000000001</v>
      </c>
      <c r="LQF54" s="7">
        <f t="shared" si="937"/>
        <v>3128.5920000000001</v>
      </c>
      <c r="LQG54" s="7">
        <f t="shared" si="937"/>
        <v>3128.5920000000001</v>
      </c>
      <c r="LQH54" s="7">
        <f t="shared" si="937"/>
        <v>3128.5920000000001</v>
      </c>
      <c r="LQI54" s="7">
        <f t="shared" si="937"/>
        <v>3128.5920000000001</v>
      </c>
      <c r="LQJ54" s="7">
        <f t="shared" si="937"/>
        <v>3128.5920000000001</v>
      </c>
      <c r="LQK54" s="7">
        <f t="shared" si="937"/>
        <v>3128.5920000000001</v>
      </c>
      <c r="LQL54" s="7">
        <f t="shared" si="937"/>
        <v>3128.5920000000001</v>
      </c>
      <c r="LQM54" s="7">
        <f t="shared" si="937"/>
        <v>3128.5920000000001</v>
      </c>
      <c r="LQN54" s="7">
        <f t="shared" si="937"/>
        <v>3128.5920000000001</v>
      </c>
      <c r="LQO54" s="7">
        <f t="shared" si="937"/>
        <v>3128.5920000000001</v>
      </c>
      <c r="LQP54" s="7">
        <f t="shared" si="937"/>
        <v>3128.5920000000001</v>
      </c>
      <c r="LQQ54" s="7">
        <f t="shared" si="937"/>
        <v>3128.5920000000001</v>
      </c>
      <c r="LQR54" s="7">
        <f t="shared" si="937"/>
        <v>3128.5920000000001</v>
      </c>
      <c r="LQS54" s="7">
        <f t="shared" si="937"/>
        <v>3128.5920000000001</v>
      </c>
      <c r="LQT54" s="7">
        <f t="shared" si="937"/>
        <v>3128.5920000000001</v>
      </c>
      <c r="LQU54" s="7">
        <f t="shared" si="937"/>
        <v>3128.5920000000001</v>
      </c>
      <c r="LQV54" s="7">
        <f t="shared" si="937"/>
        <v>3128.5920000000001</v>
      </c>
      <c r="LQW54" s="7">
        <f t="shared" si="937"/>
        <v>3128.5920000000001</v>
      </c>
      <c r="LQX54" s="7">
        <f t="shared" si="937"/>
        <v>3128.5920000000001</v>
      </c>
      <c r="LQY54" s="7">
        <f t="shared" si="937"/>
        <v>3128.5920000000001</v>
      </c>
      <c r="LQZ54" s="7">
        <f t="shared" si="937"/>
        <v>3128.5920000000001</v>
      </c>
      <c r="LRA54" s="7">
        <f t="shared" si="937"/>
        <v>3128.5920000000001</v>
      </c>
      <c r="LRB54" s="7">
        <f t="shared" si="937"/>
        <v>3128.5920000000001</v>
      </c>
      <c r="LRC54" s="7">
        <f t="shared" si="937"/>
        <v>3128.5920000000001</v>
      </c>
      <c r="LRD54" s="7">
        <f t="shared" si="937"/>
        <v>3128.5920000000001</v>
      </c>
      <c r="LRE54" s="7">
        <f t="shared" si="937"/>
        <v>3128.5920000000001</v>
      </c>
      <c r="LRF54" s="7">
        <f t="shared" ref="LRF54:LTQ54" si="938">LRF49+LRE54</f>
        <v>3128.5920000000001</v>
      </c>
      <c r="LRG54" s="7">
        <f t="shared" si="938"/>
        <v>3128.5920000000001</v>
      </c>
      <c r="LRH54" s="7">
        <f t="shared" si="938"/>
        <v>3128.5920000000001</v>
      </c>
      <c r="LRI54" s="7">
        <f t="shared" si="938"/>
        <v>3128.5920000000001</v>
      </c>
      <c r="LRJ54" s="7">
        <f t="shared" si="938"/>
        <v>3128.5920000000001</v>
      </c>
      <c r="LRK54" s="7">
        <f t="shared" si="938"/>
        <v>3128.5920000000001</v>
      </c>
      <c r="LRL54" s="7">
        <f t="shared" si="938"/>
        <v>3128.5920000000001</v>
      </c>
      <c r="LRM54" s="7">
        <f t="shared" si="938"/>
        <v>3128.5920000000001</v>
      </c>
      <c r="LRN54" s="7">
        <f t="shared" si="938"/>
        <v>3128.5920000000001</v>
      </c>
      <c r="LRO54" s="7">
        <f t="shared" si="938"/>
        <v>3128.5920000000001</v>
      </c>
      <c r="LRP54" s="7">
        <f t="shared" si="938"/>
        <v>3128.5920000000001</v>
      </c>
      <c r="LRQ54" s="7">
        <f t="shared" si="938"/>
        <v>3128.5920000000001</v>
      </c>
      <c r="LRR54" s="7">
        <f t="shared" si="938"/>
        <v>3128.5920000000001</v>
      </c>
      <c r="LRS54" s="7">
        <f t="shared" si="938"/>
        <v>3128.5920000000001</v>
      </c>
      <c r="LRT54" s="7">
        <f t="shared" si="938"/>
        <v>3128.5920000000001</v>
      </c>
      <c r="LRU54" s="7">
        <f t="shared" si="938"/>
        <v>3128.5920000000001</v>
      </c>
      <c r="LRV54" s="7">
        <f t="shared" si="938"/>
        <v>3128.5920000000001</v>
      </c>
      <c r="LRW54" s="7">
        <f t="shared" si="938"/>
        <v>3128.5920000000001</v>
      </c>
      <c r="LRX54" s="7">
        <f t="shared" si="938"/>
        <v>3128.5920000000001</v>
      </c>
      <c r="LRY54" s="7">
        <f t="shared" si="938"/>
        <v>3128.5920000000001</v>
      </c>
      <c r="LRZ54" s="7">
        <f t="shared" si="938"/>
        <v>3128.5920000000001</v>
      </c>
      <c r="LSA54" s="7">
        <f t="shared" si="938"/>
        <v>3128.5920000000001</v>
      </c>
      <c r="LSB54" s="7">
        <f t="shared" si="938"/>
        <v>3128.5920000000001</v>
      </c>
      <c r="LSC54" s="7">
        <f t="shared" si="938"/>
        <v>3128.5920000000001</v>
      </c>
      <c r="LSD54" s="7">
        <f t="shared" si="938"/>
        <v>3128.5920000000001</v>
      </c>
      <c r="LSE54" s="7">
        <f t="shared" si="938"/>
        <v>3128.5920000000001</v>
      </c>
      <c r="LSF54" s="7">
        <f t="shared" si="938"/>
        <v>3128.5920000000001</v>
      </c>
      <c r="LSG54" s="7">
        <f t="shared" si="938"/>
        <v>3128.5920000000001</v>
      </c>
      <c r="LSH54" s="7">
        <f t="shared" si="938"/>
        <v>3128.5920000000001</v>
      </c>
      <c r="LSI54" s="7">
        <f t="shared" si="938"/>
        <v>3128.5920000000001</v>
      </c>
      <c r="LSJ54" s="7">
        <f t="shared" si="938"/>
        <v>3128.5920000000001</v>
      </c>
      <c r="LSK54" s="7">
        <f t="shared" si="938"/>
        <v>3128.5920000000001</v>
      </c>
      <c r="LSL54" s="7">
        <f t="shared" si="938"/>
        <v>3128.5920000000001</v>
      </c>
      <c r="LSM54" s="7">
        <f t="shared" si="938"/>
        <v>3128.5920000000001</v>
      </c>
      <c r="LSN54" s="7">
        <f t="shared" si="938"/>
        <v>3128.5920000000001</v>
      </c>
      <c r="LSO54" s="7">
        <f t="shared" si="938"/>
        <v>3128.5920000000001</v>
      </c>
      <c r="LSP54" s="7">
        <f t="shared" si="938"/>
        <v>3128.5920000000001</v>
      </c>
      <c r="LSQ54" s="7">
        <f t="shared" si="938"/>
        <v>3128.5920000000001</v>
      </c>
      <c r="LSR54" s="7">
        <f t="shared" si="938"/>
        <v>3128.5920000000001</v>
      </c>
      <c r="LSS54" s="7">
        <f t="shared" si="938"/>
        <v>3128.5920000000001</v>
      </c>
      <c r="LST54" s="7">
        <f t="shared" si="938"/>
        <v>3128.5920000000001</v>
      </c>
      <c r="LSU54" s="7">
        <f t="shared" si="938"/>
        <v>3128.5920000000001</v>
      </c>
      <c r="LSV54" s="7">
        <f t="shared" si="938"/>
        <v>3128.5920000000001</v>
      </c>
      <c r="LSW54" s="7">
        <f t="shared" si="938"/>
        <v>3128.5920000000001</v>
      </c>
      <c r="LSX54" s="7">
        <f t="shared" si="938"/>
        <v>3128.5920000000001</v>
      </c>
      <c r="LSY54" s="7">
        <f t="shared" si="938"/>
        <v>3128.5920000000001</v>
      </c>
      <c r="LSZ54" s="7">
        <f t="shared" si="938"/>
        <v>3128.5920000000001</v>
      </c>
      <c r="LTA54" s="7">
        <f t="shared" si="938"/>
        <v>3128.5920000000001</v>
      </c>
      <c r="LTB54" s="7">
        <f t="shared" si="938"/>
        <v>3128.5920000000001</v>
      </c>
      <c r="LTC54" s="7">
        <f t="shared" si="938"/>
        <v>3128.5920000000001</v>
      </c>
      <c r="LTD54" s="7">
        <f t="shared" si="938"/>
        <v>3128.5920000000001</v>
      </c>
      <c r="LTE54" s="7">
        <f t="shared" si="938"/>
        <v>3128.5920000000001</v>
      </c>
      <c r="LTF54" s="7">
        <f t="shared" si="938"/>
        <v>3128.5920000000001</v>
      </c>
      <c r="LTG54" s="7">
        <f t="shared" si="938"/>
        <v>3128.5920000000001</v>
      </c>
      <c r="LTH54" s="7">
        <f t="shared" si="938"/>
        <v>3128.5920000000001</v>
      </c>
      <c r="LTI54" s="7">
        <f t="shared" si="938"/>
        <v>3128.5920000000001</v>
      </c>
      <c r="LTJ54" s="7">
        <f t="shared" si="938"/>
        <v>3128.5920000000001</v>
      </c>
      <c r="LTK54" s="7">
        <f t="shared" si="938"/>
        <v>3128.5920000000001</v>
      </c>
      <c r="LTL54" s="7">
        <f t="shared" si="938"/>
        <v>3128.5920000000001</v>
      </c>
      <c r="LTM54" s="7">
        <f t="shared" si="938"/>
        <v>3128.5920000000001</v>
      </c>
      <c r="LTN54" s="7">
        <f t="shared" si="938"/>
        <v>3128.5920000000001</v>
      </c>
      <c r="LTO54" s="7">
        <f t="shared" si="938"/>
        <v>3128.5920000000001</v>
      </c>
      <c r="LTP54" s="7">
        <f t="shared" si="938"/>
        <v>3128.5920000000001</v>
      </c>
      <c r="LTQ54" s="7">
        <f t="shared" si="938"/>
        <v>3128.5920000000001</v>
      </c>
      <c r="LTR54" s="7">
        <f t="shared" ref="LTR54:LWC54" si="939">LTR49+LTQ54</f>
        <v>3128.5920000000001</v>
      </c>
      <c r="LTS54" s="7">
        <f t="shared" si="939"/>
        <v>3128.5920000000001</v>
      </c>
      <c r="LTT54" s="7">
        <f t="shared" si="939"/>
        <v>3128.5920000000001</v>
      </c>
      <c r="LTU54" s="7">
        <f t="shared" si="939"/>
        <v>3128.5920000000001</v>
      </c>
      <c r="LTV54" s="7">
        <f t="shared" si="939"/>
        <v>3128.5920000000001</v>
      </c>
      <c r="LTW54" s="7">
        <f t="shared" si="939"/>
        <v>3128.5920000000001</v>
      </c>
      <c r="LTX54" s="7">
        <f t="shared" si="939"/>
        <v>3128.5920000000001</v>
      </c>
      <c r="LTY54" s="7">
        <f t="shared" si="939"/>
        <v>3128.5920000000001</v>
      </c>
      <c r="LTZ54" s="7">
        <f t="shared" si="939"/>
        <v>3128.5920000000001</v>
      </c>
      <c r="LUA54" s="7">
        <f t="shared" si="939"/>
        <v>3128.5920000000001</v>
      </c>
      <c r="LUB54" s="7">
        <f t="shared" si="939"/>
        <v>3128.5920000000001</v>
      </c>
      <c r="LUC54" s="7">
        <f t="shared" si="939"/>
        <v>3128.5920000000001</v>
      </c>
      <c r="LUD54" s="7">
        <f t="shared" si="939"/>
        <v>3128.5920000000001</v>
      </c>
      <c r="LUE54" s="7">
        <f t="shared" si="939"/>
        <v>3128.5920000000001</v>
      </c>
      <c r="LUF54" s="7">
        <f t="shared" si="939"/>
        <v>3128.5920000000001</v>
      </c>
      <c r="LUG54" s="7">
        <f t="shared" si="939"/>
        <v>3128.5920000000001</v>
      </c>
      <c r="LUH54" s="7">
        <f t="shared" si="939"/>
        <v>3128.5920000000001</v>
      </c>
      <c r="LUI54" s="7">
        <f t="shared" si="939"/>
        <v>3128.5920000000001</v>
      </c>
      <c r="LUJ54" s="7">
        <f t="shared" si="939"/>
        <v>3128.5920000000001</v>
      </c>
      <c r="LUK54" s="7">
        <f t="shared" si="939"/>
        <v>3128.5920000000001</v>
      </c>
      <c r="LUL54" s="7">
        <f t="shared" si="939"/>
        <v>3128.5920000000001</v>
      </c>
      <c r="LUM54" s="7">
        <f t="shared" si="939"/>
        <v>3128.5920000000001</v>
      </c>
      <c r="LUN54" s="7">
        <f t="shared" si="939"/>
        <v>3128.5920000000001</v>
      </c>
      <c r="LUO54" s="7">
        <f t="shared" si="939"/>
        <v>3128.5920000000001</v>
      </c>
      <c r="LUP54" s="7">
        <f t="shared" si="939"/>
        <v>3128.5920000000001</v>
      </c>
      <c r="LUQ54" s="7">
        <f t="shared" si="939"/>
        <v>3128.5920000000001</v>
      </c>
      <c r="LUR54" s="7">
        <f t="shared" si="939"/>
        <v>3128.5920000000001</v>
      </c>
      <c r="LUS54" s="7">
        <f t="shared" si="939"/>
        <v>3128.5920000000001</v>
      </c>
      <c r="LUT54" s="7">
        <f t="shared" si="939"/>
        <v>3128.5920000000001</v>
      </c>
      <c r="LUU54" s="7">
        <f t="shared" si="939"/>
        <v>3128.5920000000001</v>
      </c>
      <c r="LUV54" s="7">
        <f t="shared" si="939"/>
        <v>3128.5920000000001</v>
      </c>
      <c r="LUW54" s="7">
        <f t="shared" si="939"/>
        <v>3128.5920000000001</v>
      </c>
      <c r="LUX54" s="7">
        <f t="shared" si="939"/>
        <v>3128.5920000000001</v>
      </c>
      <c r="LUY54" s="7">
        <f t="shared" si="939"/>
        <v>3128.5920000000001</v>
      </c>
      <c r="LUZ54" s="7">
        <f t="shared" si="939"/>
        <v>3128.5920000000001</v>
      </c>
      <c r="LVA54" s="7">
        <f t="shared" si="939"/>
        <v>3128.5920000000001</v>
      </c>
      <c r="LVB54" s="7">
        <f t="shared" si="939"/>
        <v>3128.5920000000001</v>
      </c>
      <c r="LVC54" s="7">
        <f t="shared" si="939"/>
        <v>3128.5920000000001</v>
      </c>
      <c r="LVD54" s="7">
        <f t="shared" si="939"/>
        <v>3128.5920000000001</v>
      </c>
      <c r="LVE54" s="7">
        <f t="shared" si="939"/>
        <v>3128.5920000000001</v>
      </c>
      <c r="LVF54" s="7">
        <f t="shared" si="939"/>
        <v>3128.5920000000001</v>
      </c>
      <c r="LVG54" s="7">
        <f t="shared" si="939"/>
        <v>3128.5920000000001</v>
      </c>
      <c r="LVH54" s="7">
        <f t="shared" si="939"/>
        <v>3128.5920000000001</v>
      </c>
      <c r="LVI54" s="7">
        <f t="shared" si="939"/>
        <v>3128.5920000000001</v>
      </c>
      <c r="LVJ54" s="7">
        <f t="shared" si="939"/>
        <v>3128.5920000000001</v>
      </c>
      <c r="LVK54" s="7">
        <f t="shared" si="939"/>
        <v>3128.5920000000001</v>
      </c>
      <c r="LVL54" s="7">
        <f t="shared" si="939"/>
        <v>3128.5920000000001</v>
      </c>
      <c r="LVM54" s="7">
        <f t="shared" si="939"/>
        <v>3128.5920000000001</v>
      </c>
      <c r="LVN54" s="7">
        <f t="shared" si="939"/>
        <v>3128.5920000000001</v>
      </c>
      <c r="LVO54" s="7">
        <f t="shared" si="939"/>
        <v>3128.5920000000001</v>
      </c>
      <c r="LVP54" s="7">
        <f t="shared" si="939"/>
        <v>3128.5920000000001</v>
      </c>
      <c r="LVQ54" s="7">
        <f t="shared" si="939"/>
        <v>3128.5920000000001</v>
      </c>
      <c r="LVR54" s="7">
        <f t="shared" si="939"/>
        <v>3128.5920000000001</v>
      </c>
      <c r="LVS54" s="7">
        <f t="shared" si="939"/>
        <v>3128.5920000000001</v>
      </c>
      <c r="LVT54" s="7">
        <f t="shared" si="939"/>
        <v>3128.5920000000001</v>
      </c>
      <c r="LVU54" s="7">
        <f t="shared" si="939"/>
        <v>3128.5920000000001</v>
      </c>
      <c r="LVV54" s="7">
        <f t="shared" si="939"/>
        <v>3128.5920000000001</v>
      </c>
      <c r="LVW54" s="7">
        <f t="shared" si="939"/>
        <v>3128.5920000000001</v>
      </c>
      <c r="LVX54" s="7">
        <f t="shared" si="939"/>
        <v>3128.5920000000001</v>
      </c>
      <c r="LVY54" s="7">
        <f t="shared" si="939"/>
        <v>3128.5920000000001</v>
      </c>
      <c r="LVZ54" s="7">
        <f t="shared" si="939"/>
        <v>3128.5920000000001</v>
      </c>
      <c r="LWA54" s="7">
        <f t="shared" si="939"/>
        <v>3128.5920000000001</v>
      </c>
      <c r="LWB54" s="7">
        <f t="shared" si="939"/>
        <v>3128.5920000000001</v>
      </c>
      <c r="LWC54" s="7">
        <f t="shared" si="939"/>
        <v>3128.5920000000001</v>
      </c>
      <c r="LWD54" s="7">
        <f t="shared" ref="LWD54:LYO54" si="940">LWD49+LWC54</f>
        <v>3128.5920000000001</v>
      </c>
      <c r="LWE54" s="7">
        <f t="shared" si="940"/>
        <v>3128.5920000000001</v>
      </c>
      <c r="LWF54" s="7">
        <f t="shared" si="940"/>
        <v>3128.5920000000001</v>
      </c>
      <c r="LWG54" s="7">
        <f t="shared" si="940"/>
        <v>3128.5920000000001</v>
      </c>
      <c r="LWH54" s="7">
        <f t="shared" si="940"/>
        <v>3128.5920000000001</v>
      </c>
      <c r="LWI54" s="7">
        <f t="shared" si="940"/>
        <v>3128.5920000000001</v>
      </c>
      <c r="LWJ54" s="7">
        <f t="shared" si="940"/>
        <v>3128.5920000000001</v>
      </c>
      <c r="LWK54" s="7">
        <f t="shared" si="940"/>
        <v>3128.5920000000001</v>
      </c>
      <c r="LWL54" s="7">
        <f t="shared" si="940"/>
        <v>3128.5920000000001</v>
      </c>
      <c r="LWM54" s="7">
        <f t="shared" si="940"/>
        <v>3128.5920000000001</v>
      </c>
      <c r="LWN54" s="7">
        <f t="shared" si="940"/>
        <v>3128.5920000000001</v>
      </c>
      <c r="LWO54" s="7">
        <f t="shared" si="940"/>
        <v>3128.5920000000001</v>
      </c>
      <c r="LWP54" s="7">
        <f t="shared" si="940"/>
        <v>3128.5920000000001</v>
      </c>
      <c r="LWQ54" s="7">
        <f t="shared" si="940"/>
        <v>3128.5920000000001</v>
      </c>
      <c r="LWR54" s="7">
        <f t="shared" si="940"/>
        <v>3128.5920000000001</v>
      </c>
      <c r="LWS54" s="7">
        <f t="shared" si="940"/>
        <v>3128.5920000000001</v>
      </c>
      <c r="LWT54" s="7">
        <f t="shared" si="940"/>
        <v>3128.5920000000001</v>
      </c>
      <c r="LWU54" s="7">
        <f t="shared" si="940"/>
        <v>3128.5920000000001</v>
      </c>
      <c r="LWV54" s="7">
        <f t="shared" si="940"/>
        <v>3128.5920000000001</v>
      </c>
      <c r="LWW54" s="7">
        <f t="shared" si="940"/>
        <v>3128.5920000000001</v>
      </c>
      <c r="LWX54" s="7">
        <f t="shared" si="940"/>
        <v>3128.5920000000001</v>
      </c>
      <c r="LWY54" s="7">
        <f t="shared" si="940"/>
        <v>3128.5920000000001</v>
      </c>
      <c r="LWZ54" s="7">
        <f t="shared" si="940"/>
        <v>3128.5920000000001</v>
      </c>
      <c r="LXA54" s="7">
        <f t="shared" si="940"/>
        <v>3128.5920000000001</v>
      </c>
      <c r="LXB54" s="7">
        <f t="shared" si="940"/>
        <v>3128.5920000000001</v>
      </c>
      <c r="LXC54" s="7">
        <f t="shared" si="940"/>
        <v>3128.5920000000001</v>
      </c>
      <c r="LXD54" s="7">
        <f t="shared" si="940"/>
        <v>3128.5920000000001</v>
      </c>
      <c r="LXE54" s="7">
        <f t="shared" si="940"/>
        <v>3128.5920000000001</v>
      </c>
      <c r="LXF54" s="7">
        <f t="shared" si="940"/>
        <v>3128.5920000000001</v>
      </c>
      <c r="LXG54" s="7">
        <f t="shared" si="940"/>
        <v>3128.5920000000001</v>
      </c>
      <c r="LXH54" s="7">
        <f t="shared" si="940"/>
        <v>3128.5920000000001</v>
      </c>
      <c r="LXI54" s="7">
        <f t="shared" si="940"/>
        <v>3128.5920000000001</v>
      </c>
      <c r="LXJ54" s="7">
        <f t="shared" si="940"/>
        <v>3128.5920000000001</v>
      </c>
      <c r="LXK54" s="7">
        <f t="shared" si="940"/>
        <v>3128.5920000000001</v>
      </c>
      <c r="LXL54" s="7">
        <f t="shared" si="940"/>
        <v>3128.5920000000001</v>
      </c>
      <c r="LXM54" s="7">
        <f t="shared" si="940"/>
        <v>3128.5920000000001</v>
      </c>
      <c r="LXN54" s="7">
        <f t="shared" si="940"/>
        <v>3128.5920000000001</v>
      </c>
      <c r="LXO54" s="7">
        <f t="shared" si="940"/>
        <v>3128.5920000000001</v>
      </c>
      <c r="LXP54" s="7">
        <f t="shared" si="940"/>
        <v>3128.5920000000001</v>
      </c>
      <c r="LXQ54" s="7">
        <f t="shared" si="940"/>
        <v>3128.5920000000001</v>
      </c>
      <c r="LXR54" s="7">
        <f t="shared" si="940"/>
        <v>3128.5920000000001</v>
      </c>
      <c r="LXS54" s="7">
        <f t="shared" si="940"/>
        <v>3128.5920000000001</v>
      </c>
      <c r="LXT54" s="7">
        <f t="shared" si="940"/>
        <v>3128.5920000000001</v>
      </c>
      <c r="LXU54" s="7">
        <f t="shared" si="940"/>
        <v>3128.5920000000001</v>
      </c>
      <c r="LXV54" s="7">
        <f t="shared" si="940"/>
        <v>3128.5920000000001</v>
      </c>
      <c r="LXW54" s="7">
        <f t="shared" si="940"/>
        <v>3128.5920000000001</v>
      </c>
      <c r="LXX54" s="7">
        <f t="shared" si="940"/>
        <v>3128.5920000000001</v>
      </c>
      <c r="LXY54" s="7">
        <f t="shared" si="940"/>
        <v>3128.5920000000001</v>
      </c>
      <c r="LXZ54" s="7">
        <f t="shared" si="940"/>
        <v>3128.5920000000001</v>
      </c>
      <c r="LYA54" s="7">
        <f t="shared" si="940"/>
        <v>3128.5920000000001</v>
      </c>
      <c r="LYB54" s="7">
        <f t="shared" si="940"/>
        <v>3128.5920000000001</v>
      </c>
      <c r="LYC54" s="7">
        <f t="shared" si="940"/>
        <v>3128.5920000000001</v>
      </c>
      <c r="LYD54" s="7">
        <f t="shared" si="940"/>
        <v>3128.5920000000001</v>
      </c>
      <c r="LYE54" s="7">
        <f t="shared" si="940"/>
        <v>3128.5920000000001</v>
      </c>
      <c r="LYF54" s="7">
        <f t="shared" si="940"/>
        <v>3128.5920000000001</v>
      </c>
      <c r="LYG54" s="7">
        <f t="shared" si="940"/>
        <v>3128.5920000000001</v>
      </c>
      <c r="LYH54" s="7">
        <f t="shared" si="940"/>
        <v>3128.5920000000001</v>
      </c>
      <c r="LYI54" s="7">
        <f t="shared" si="940"/>
        <v>3128.5920000000001</v>
      </c>
      <c r="LYJ54" s="7">
        <f t="shared" si="940"/>
        <v>3128.5920000000001</v>
      </c>
      <c r="LYK54" s="7">
        <f t="shared" si="940"/>
        <v>3128.5920000000001</v>
      </c>
      <c r="LYL54" s="7">
        <f t="shared" si="940"/>
        <v>3128.5920000000001</v>
      </c>
      <c r="LYM54" s="7">
        <f t="shared" si="940"/>
        <v>3128.5920000000001</v>
      </c>
      <c r="LYN54" s="7">
        <f t="shared" si="940"/>
        <v>3128.5920000000001</v>
      </c>
      <c r="LYO54" s="7">
        <f t="shared" si="940"/>
        <v>3128.5920000000001</v>
      </c>
      <c r="LYP54" s="7">
        <f t="shared" ref="LYP54:MBA54" si="941">LYP49+LYO54</f>
        <v>3128.5920000000001</v>
      </c>
      <c r="LYQ54" s="7">
        <f t="shared" si="941"/>
        <v>3128.5920000000001</v>
      </c>
      <c r="LYR54" s="7">
        <f t="shared" si="941"/>
        <v>3128.5920000000001</v>
      </c>
      <c r="LYS54" s="7">
        <f t="shared" si="941"/>
        <v>3128.5920000000001</v>
      </c>
      <c r="LYT54" s="7">
        <f t="shared" si="941"/>
        <v>3128.5920000000001</v>
      </c>
      <c r="LYU54" s="7">
        <f t="shared" si="941"/>
        <v>3128.5920000000001</v>
      </c>
      <c r="LYV54" s="7">
        <f t="shared" si="941"/>
        <v>3128.5920000000001</v>
      </c>
      <c r="LYW54" s="7">
        <f t="shared" si="941"/>
        <v>3128.5920000000001</v>
      </c>
      <c r="LYX54" s="7">
        <f t="shared" si="941"/>
        <v>3128.5920000000001</v>
      </c>
      <c r="LYY54" s="7">
        <f t="shared" si="941"/>
        <v>3128.5920000000001</v>
      </c>
      <c r="LYZ54" s="7">
        <f t="shared" si="941"/>
        <v>3128.5920000000001</v>
      </c>
      <c r="LZA54" s="7">
        <f t="shared" si="941"/>
        <v>3128.5920000000001</v>
      </c>
      <c r="LZB54" s="7">
        <f t="shared" si="941"/>
        <v>3128.5920000000001</v>
      </c>
      <c r="LZC54" s="7">
        <f t="shared" si="941"/>
        <v>3128.5920000000001</v>
      </c>
      <c r="LZD54" s="7">
        <f t="shared" si="941"/>
        <v>3128.5920000000001</v>
      </c>
      <c r="LZE54" s="7">
        <f t="shared" si="941"/>
        <v>3128.5920000000001</v>
      </c>
      <c r="LZF54" s="7">
        <f t="shared" si="941"/>
        <v>3128.5920000000001</v>
      </c>
      <c r="LZG54" s="7">
        <f t="shared" si="941"/>
        <v>3128.5920000000001</v>
      </c>
      <c r="LZH54" s="7">
        <f t="shared" si="941"/>
        <v>3128.5920000000001</v>
      </c>
      <c r="LZI54" s="7">
        <f t="shared" si="941"/>
        <v>3128.5920000000001</v>
      </c>
      <c r="LZJ54" s="7">
        <f t="shared" si="941"/>
        <v>3128.5920000000001</v>
      </c>
      <c r="LZK54" s="7">
        <f t="shared" si="941"/>
        <v>3128.5920000000001</v>
      </c>
      <c r="LZL54" s="7">
        <f t="shared" si="941"/>
        <v>3128.5920000000001</v>
      </c>
      <c r="LZM54" s="7">
        <f t="shared" si="941"/>
        <v>3128.5920000000001</v>
      </c>
      <c r="LZN54" s="7">
        <f t="shared" si="941"/>
        <v>3128.5920000000001</v>
      </c>
      <c r="LZO54" s="7">
        <f t="shared" si="941"/>
        <v>3128.5920000000001</v>
      </c>
      <c r="LZP54" s="7">
        <f t="shared" si="941"/>
        <v>3128.5920000000001</v>
      </c>
      <c r="LZQ54" s="7">
        <f t="shared" si="941"/>
        <v>3128.5920000000001</v>
      </c>
      <c r="LZR54" s="7">
        <f t="shared" si="941"/>
        <v>3128.5920000000001</v>
      </c>
      <c r="LZS54" s="7">
        <f t="shared" si="941"/>
        <v>3128.5920000000001</v>
      </c>
      <c r="LZT54" s="7">
        <f t="shared" si="941"/>
        <v>3128.5920000000001</v>
      </c>
      <c r="LZU54" s="7">
        <f t="shared" si="941"/>
        <v>3128.5920000000001</v>
      </c>
      <c r="LZV54" s="7">
        <f t="shared" si="941"/>
        <v>3128.5920000000001</v>
      </c>
      <c r="LZW54" s="7">
        <f t="shared" si="941"/>
        <v>3128.5920000000001</v>
      </c>
      <c r="LZX54" s="7">
        <f t="shared" si="941"/>
        <v>3128.5920000000001</v>
      </c>
      <c r="LZY54" s="7">
        <f t="shared" si="941"/>
        <v>3128.5920000000001</v>
      </c>
      <c r="LZZ54" s="7">
        <f t="shared" si="941"/>
        <v>3128.5920000000001</v>
      </c>
      <c r="MAA54" s="7">
        <f t="shared" si="941"/>
        <v>3128.5920000000001</v>
      </c>
      <c r="MAB54" s="7">
        <f t="shared" si="941"/>
        <v>3128.5920000000001</v>
      </c>
      <c r="MAC54" s="7">
        <f t="shared" si="941"/>
        <v>3128.5920000000001</v>
      </c>
      <c r="MAD54" s="7">
        <f t="shared" si="941"/>
        <v>3128.5920000000001</v>
      </c>
      <c r="MAE54" s="7">
        <f t="shared" si="941"/>
        <v>3128.5920000000001</v>
      </c>
      <c r="MAF54" s="7">
        <f t="shared" si="941"/>
        <v>3128.5920000000001</v>
      </c>
      <c r="MAG54" s="7">
        <f t="shared" si="941"/>
        <v>3128.5920000000001</v>
      </c>
      <c r="MAH54" s="7">
        <f t="shared" si="941"/>
        <v>3128.5920000000001</v>
      </c>
      <c r="MAI54" s="7">
        <f t="shared" si="941"/>
        <v>3128.5920000000001</v>
      </c>
      <c r="MAJ54" s="7">
        <f t="shared" si="941"/>
        <v>3128.5920000000001</v>
      </c>
      <c r="MAK54" s="7">
        <f t="shared" si="941"/>
        <v>3128.5920000000001</v>
      </c>
      <c r="MAL54" s="7">
        <f t="shared" si="941"/>
        <v>3128.5920000000001</v>
      </c>
      <c r="MAM54" s="7">
        <f t="shared" si="941"/>
        <v>3128.5920000000001</v>
      </c>
      <c r="MAN54" s="7">
        <f t="shared" si="941"/>
        <v>3128.5920000000001</v>
      </c>
      <c r="MAO54" s="7">
        <f t="shared" si="941"/>
        <v>3128.5920000000001</v>
      </c>
      <c r="MAP54" s="7">
        <f t="shared" si="941"/>
        <v>3128.5920000000001</v>
      </c>
      <c r="MAQ54" s="7">
        <f t="shared" si="941"/>
        <v>3128.5920000000001</v>
      </c>
      <c r="MAR54" s="7">
        <f t="shared" si="941"/>
        <v>3128.5920000000001</v>
      </c>
      <c r="MAS54" s="7">
        <f t="shared" si="941"/>
        <v>3128.5920000000001</v>
      </c>
      <c r="MAT54" s="7">
        <f t="shared" si="941"/>
        <v>3128.5920000000001</v>
      </c>
      <c r="MAU54" s="7">
        <f t="shared" si="941"/>
        <v>3128.5920000000001</v>
      </c>
      <c r="MAV54" s="7">
        <f t="shared" si="941"/>
        <v>3128.5920000000001</v>
      </c>
      <c r="MAW54" s="7">
        <f t="shared" si="941"/>
        <v>3128.5920000000001</v>
      </c>
      <c r="MAX54" s="7">
        <f t="shared" si="941"/>
        <v>3128.5920000000001</v>
      </c>
      <c r="MAY54" s="7">
        <f t="shared" si="941"/>
        <v>3128.5920000000001</v>
      </c>
      <c r="MAZ54" s="7">
        <f t="shared" si="941"/>
        <v>3128.5920000000001</v>
      </c>
      <c r="MBA54" s="7">
        <f t="shared" si="941"/>
        <v>3128.5920000000001</v>
      </c>
      <c r="MBB54" s="7">
        <f t="shared" ref="MBB54:MDM54" si="942">MBB49+MBA54</f>
        <v>3128.5920000000001</v>
      </c>
      <c r="MBC54" s="7">
        <f t="shared" si="942"/>
        <v>3128.5920000000001</v>
      </c>
      <c r="MBD54" s="7">
        <f t="shared" si="942"/>
        <v>3128.5920000000001</v>
      </c>
      <c r="MBE54" s="7">
        <f t="shared" si="942"/>
        <v>3128.5920000000001</v>
      </c>
      <c r="MBF54" s="7">
        <f t="shared" si="942"/>
        <v>3128.5920000000001</v>
      </c>
      <c r="MBG54" s="7">
        <f t="shared" si="942"/>
        <v>3128.5920000000001</v>
      </c>
      <c r="MBH54" s="7">
        <f t="shared" si="942"/>
        <v>3128.5920000000001</v>
      </c>
      <c r="MBI54" s="7">
        <f t="shared" si="942"/>
        <v>3128.5920000000001</v>
      </c>
      <c r="MBJ54" s="7">
        <f t="shared" si="942"/>
        <v>3128.5920000000001</v>
      </c>
      <c r="MBK54" s="7">
        <f t="shared" si="942"/>
        <v>3128.5920000000001</v>
      </c>
      <c r="MBL54" s="7">
        <f t="shared" si="942"/>
        <v>3128.5920000000001</v>
      </c>
      <c r="MBM54" s="7">
        <f t="shared" si="942"/>
        <v>3128.5920000000001</v>
      </c>
      <c r="MBN54" s="7">
        <f t="shared" si="942"/>
        <v>3128.5920000000001</v>
      </c>
      <c r="MBO54" s="7">
        <f t="shared" si="942"/>
        <v>3128.5920000000001</v>
      </c>
      <c r="MBP54" s="7">
        <f t="shared" si="942"/>
        <v>3128.5920000000001</v>
      </c>
      <c r="MBQ54" s="7">
        <f t="shared" si="942"/>
        <v>3128.5920000000001</v>
      </c>
      <c r="MBR54" s="7">
        <f t="shared" si="942"/>
        <v>3128.5920000000001</v>
      </c>
      <c r="MBS54" s="7">
        <f t="shared" si="942"/>
        <v>3128.5920000000001</v>
      </c>
      <c r="MBT54" s="7">
        <f t="shared" si="942"/>
        <v>3128.5920000000001</v>
      </c>
      <c r="MBU54" s="7">
        <f t="shared" si="942"/>
        <v>3128.5920000000001</v>
      </c>
      <c r="MBV54" s="7">
        <f t="shared" si="942"/>
        <v>3128.5920000000001</v>
      </c>
      <c r="MBW54" s="7">
        <f t="shared" si="942"/>
        <v>3128.5920000000001</v>
      </c>
      <c r="MBX54" s="7">
        <f t="shared" si="942"/>
        <v>3128.5920000000001</v>
      </c>
      <c r="MBY54" s="7">
        <f t="shared" si="942"/>
        <v>3128.5920000000001</v>
      </c>
      <c r="MBZ54" s="7">
        <f t="shared" si="942"/>
        <v>3128.5920000000001</v>
      </c>
      <c r="MCA54" s="7">
        <f t="shared" si="942"/>
        <v>3128.5920000000001</v>
      </c>
      <c r="MCB54" s="7">
        <f t="shared" si="942"/>
        <v>3128.5920000000001</v>
      </c>
      <c r="MCC54" s="7">
        <f t="shared" si="942"/>
        <v>3128.5920000000001</v>
      </c>
      <c r="MCD54" s="7">
        <f t="shared" si="942"/>
        <v>3128.5920000000001</v>
      </c>
      <c r="MCE54" s="7">
        <f t="shared" si="942"/>
        <v>3128.5920000000001</v>
      </c>
      <c r="MCF54" s="7">
        <f t="shared" si="942"/>
        <v>3128.5920000000001</v>
      </c>
      <c r="MCG54" s="7">
        <f t="shared" si="942"/>
        <v>3128.5920000000001</v>
      </c>
      <c r="MCH54" s="7">
        <f t="shared" si="942"/>
        <v>3128.5920000000001</v>
      </c>
      <c r="MCI54" s="7">
        <f t="shared" si="942"/>
        <v>3128.5920000000001</v>
      </c>
      <c r="MCJ54" s="7">
        <f t="shared" si="942"/>
        <v>3128.5920000000001</v>
      </c>
      <c r="MCK54" s="7">
        <f t="shared" si="942"/>
        <v>3128.5920000000001</v>
      </c>
      <c r="MCL54" s="7">
        <f t="shared" si="942"/>
        <v>3128.5920000000001</v>
      </c>
      <c r="MCM54" s="7">
        <f t="shared" si="942"/>
        <v>3128.5920000000001</v>
      </c>
      <c r="MCN54" s="7">
        <f t="shared" si="942"/>
        <v>3128.5920000000001</v>
      </c>
      <c r="MCO54" s="7">
        <f t="shared" si="942"/>
        <v>3128.5920000000001</v>
      </c>
      <c r="MCP54" s="7">
        <f t="shared" si="942"/>
        <v>3128.5920000000001</v>
      </c>
      <c r="MCQ54" s="7">
        <f t="shared" si="942"/>
        <v>3128.5920000000001</v>
      </c>
      <c r="MCR54" s="7">
        <f t="shared" si="942"/>
        <v>3128.5920000000001</v>
      </c>
      <c r="MCS54" s="7">
        <f t="shared" si="942"/>
        <v>3128.5920000000001</v>
      </c>
      <c r="MCT54" s="7">
        <f t="shared" si="942"/>
        <v>3128.5920000000001</v>
      </c>
      <c r="MCU54" s="7">
        <f t="shared" si="942"/>
        <v>3128.5920000000001</v>
      </c>
      <c r="MCV54" s="7">
        <f t="shared" si="942"/>
        <v>3128.5920000000001</v>
      </c>
      <c r="MCW54" s="7">
        <f t="shared" si="942"/>
        <v>3128.5920000000001</v>
      </c>
      <c r="MCX54" s="7">
        <f t="shared" si="942"/>
        <v>3128.5920000000001</v>
      </c>
      <c r="MCY54" s="7">
        <f t="shared" si="942"/>
        <v>3128.5920000000001</v>
      </c>
      <c r="MCZ54" s="7">
        <f t="shared" si="942"/>
        <v>3128.5920000000001</v>
      </c>
      <c r="MDA54" s="7">
        <f t="shared" si="942"/>
        <v>3128.5920000000001</v>
      </c>
      <c r="MDB54" s="7">
        <f t="shared" si="942"/>
        <v>3128.5920000000001</v>
      </c>
      <c r="MDC54" s="7">
        <f t="shared" si="942"/>
        <v>3128.5920000000001</v>
      </c>
      <c r="MDD54" s="7">
        <f t="shared" si="942"/>
        <v>3128.5920000000001</v>
      </c>
      <c r="MDE54" s="7">
        <f t="shared" si="942"/>
        <v>3128.5920000000001</v>
      </c>
      <c r="MDF54" s="7">
        <f t="shared" si="942"/>
        <v>3128.5920000000001</v>
      </c>
      <c r="MDG54" s="7">
        <f t="shared" si="942"/>
        <v>3128.5920000000001</v>
      </c>
      <c r="MDH54" s="7">
        <f t="shared" si="942"/>
        <v>3128.5920000000001</v>
      </c>
      <c r="MDI54" s="7">
        <f t="shared" si="942"/>
        <v>3128.5920000000001</v>
      </c>
      <c r="MDJ54" s="7">
        <f t="shared" si="942"/>
        <v>3128.5920000000001</v>
      </c>
      <c r="MDK54" s="7">
        <f t="shared" si="942"/>
        <v>3128.5920000000001</v>
      </c>
      <c r="MDL54" s="7">
        <f t="shared" si="942"/>
        <v>3128.5920000000001</v>
      </c>
      <c r="MDM54" s="7">
        <f t="shared" si="942"/>
        <v>3128.5920000000001</v>
      </c>
      <c r="MDN54" s="7">
        <f t="shared" ref="MDN54:MFY54" si="943">MDN49+MDM54</f>
        <v>3128.5920000000001</v>
      </c>
      <c r="MDO54" s="7">
        <f t="shared" si="943"/>
        <v>3128.5920000000001</v>
      </c>
      <c r="MDP54" s="7">
        <f t="shared" si="943"/>
        <v>3128.5920000000001</v>
      </c>
      <c r="MDQ54" s="7">
        <f t="shared" si="943"/>
        <v>3128.5920000000001</v>
      </c>
      <c r="MDR54" s="7">
        <f t="shared" si="943"/>
        <v>3128.5920000000001</v>
      </c>
      <c r="MDS54" s="7">
        <f t="shared" si="943"/>
        <v>3128.5920000000001</v>
      </c>
      <c r="MDT54" s="7">
        <f t="shared" si="943"/>
        <v>3128.5920000000001</v>
      </c>
      <c r="MDU54" s="7">
        <f t="shared" si="943"/>
        <v>3128.5920000000001</v>
      </c>
      <c r="MDV54" s="7">
        <f t="shared" si="943"/>
        <v>3128.5920000000001</v>
      </c>
      <c r="MDW54" s="7">
        <f t="shared" si="943"/>
        <v>3128.5920000000001</v>
      </c>
      <c r="MDX54" s="7">
        <f t="shared" si="943"/>
        <v>3128.5920000000001</v>
      </c>
      <c r="MDY54" s="7">
        <f t="shared" si="943"/>
        <v>3128.5920000000001</v>
      </c>
      <c r="MDZ54" s="7">
        <f t="shared" si="943"/>
        <v>3128.5920000000001</v>
      </c>
      <c r="MEA54" s="7">
        <f t="shared" si="943"/>
        <v>3128.5920000000001</v>
      </c>
      <c r="MEB54" s="7">
        <f t="shared" si="943"/>
        <v>3128.5920000000001</v>
      </c>
      <c r="MEC54" s="7">
        <f t="shared" si="943"/>
        <v>3128.5920000000001</v>
      </c>
      <c r="MED54" s="7">
        <f t="shared" si="943"/>
        <v>3128.5920000000001</v>
      </c>
      <c r="MEE54" s="7">
        <f t="shared" si="943"/>
        <v>3128.5920000000001</v>
      </c>
      <c r="MEF54" s="7">
        <f t="shared" si="943"/>
        <v>3128.5920000000001</v>
      </c>
      <c r="MEG54" s="7">
        <f t="shared" si="943"/>
        <v>3128.5920000000001</v>
      </c>
      <c r="MEH54" s="7">
        <f t="shared" si="943"/>
        <v>3128.5920000000001</v>
      </c>
      <c r="MEI54" s="7">
        <f t="shared" si="943"/>
        <v>3128.5920000000001</v>
      </c>
      <c r="MEJ54" s="7">
        <f t="shared" si="943"/>
        <v>3128.5920000000001</v>
      </c>
      <c r="MEK54" s="7">
        <f t="shared" si="943"/>
        <v>3128.5920000000001</v>
      </c>
      <c r="MEL54" s="7">
        <f t="shared" si="943"/>
        <v>3128.5920000000001</v>
      </c>
      <c r="MEM54" s="7">
        <f t="shared" si="943"/>
        <v>3128.5920000000001</v>
      </c>
      <c r="MEN54" s="7">
        <f t="shared" si="943"/>
        <v>3128.5920000000001</v>
      </c>
      <c r="MEO54" s="7">
        <f t="shared" si="943"/>
        <v>3128.5920000000001</v>
      </c>
      <c r="MEP54" s="7">
        <f t="shared" si="943"/>
        <v>3128.5920000000001</v>
      </c>
      <c r="MEQ54" s="7">
        <f t="shared" si="943"/>
        <v>3128.5920000000001</v>
      </c>
      <c r="MER54" s="7">
        <f t="shared" si="943"/>
        <v>3128.5920000000001</v>
      </c>
      <c r="MES54" s="7">
        <f t="shared" si="943"/>
        <v>3128.5920000000001</v>
      </c>
      <c r="MET54" s="7">
        <f t="shared" si="943"/>
        <v>3128.5920000000001</v>
      </c>
      <c r="MEU54" s="7">
        <f t="shared" si="943"/>
        <v>3128.5920000000001</v>
      </c>
      <c r="MEV54" s="7">
        <f t="shared" si="943"/>
        <v>3128.5920000000001</v>
      </c>
      <c r="MEW54" s="7">
        <f t="shared" si="943"/>
        <v>3128.5920000000001</v>
      </c>
      <c r="MEX54" s="7">
        <f t="shared" si="943"/>
        <v>3128.5920000000001</v>
      </c>
      <c r="MEY54" s="7">
        <f t="shared" si="943"/>
        <v>3128.5920000000001</v>
      </c>
      <c r="MEZ54" s="7">
        <f t="shared" si="943"/>
        <v>3128.5920000000001</v>
      </c>
      <c r="MFA54" s="7">
        <f t="shared" si="943"/>
        <v>3128.5920000000001</v>
      </c>
      <c r="MFB54" s="7">
        <f t="shared" si="943"/>
        <v>3128.5920000000001</v>
      </c>
      <c r="MFC54" s="7">
        <f t="shared" si="943"/>
        <v>3128.5920000000001</v>
      </c>
      <c r="MFD54" s="7">
        <f t="shared" si="943"/>
        <v>3128.5920000000001</v>
      </c>
      <c r="MFE54" s="7">
        <f t="shared" si="943"/>
        <v>3128.5920000000001</v>
      </c>
      <c r="MFF54" s="7">
        <f t="shared" si="943"/>
        <v>3128.5920000000001</v>
      </c>
      <c r="MFG54" s="7">
        <f t="shared" si="943"/>
        <v>3128.5920000000001</v>
      </c>
      <c r="MFH54" s="7">
        <f t="shared" si="943"/>
        <v>3128.5920000000001</v>
      </c>
      <c r="MFI54" s="7">
        <f t="shared" si="943"/>
        <v>3128.5920000000001</v>
      </c>
      <c r="MFJ54" s="7">
        <f t="shared" si="943"/>
        <v>3128.5920000000001</v>
      </c>
      <c r="MFK54" s="7">
        <f t="shared" si="943"/>
        <v>3128.5920000000001</v>
      </c>
      <c r="MFL54" s="7">
        <f t="shared" si="943"/>
        <v>3128.5920000000001</v>
      </c>
      <c r="MFM54" s="7">
        <f t="shared" si="943"/>
        <v>3128.5920000000001</v>
      </c>
      <c r="MFN54" s="7">
        <f t="shared" si="943"/>
        <v>3128.5920000000001</v>
      </c>
      <c r="MFO54" s="7">
        <f t="shared" si="943"/>
        <v>3128.5920000000001</v>
      </c>
      <c r="MFP54" s="7">
        <f t="shared" si="943"/>
        <v>3128.5920000000001</v>
      </c>
      <c r="MFQ54" s="7">
        <f t="shared" si="943"/>
        <v>3128.5920000000001</v>
      </c>
      <c r="MFR54" s="7">
        <f t="shared" si="943"/>
        <v>3128.5920000000001</v>
      </c>
      <c r="MFS54" s="7">
        <f t="shared" si="943"/>
        <v>3128.5920000000001</v>
      </c>
      <c r="MFT54" s="7">
        <f t="shared" si="943"/>
        <v>3128.5920000000001</v>
      </c>
      <c r="MFU54" s="7">
        <f t="shared" si="943"/>
        <v>3128.5920000000001</v>
      </c>
      <c r="MFV54" s="7">
        <f t="shared" si="943"/>
        <v>3128.5920000000001</v>
      </c>
      <c r="MFW54" s="7">
        <f t="shared" si="943"/>
        <v>3128.5920000000001</v>
      </c>
      <c r="MFX54" s="7">
        <f t="shared" si="943"/>
        <v>3128.5920000000001</v>
      </c>
      <c r="MFY54" s="7">
        <f t="shared" si="943"/>
        <v>3128.5920000000001</v>
      </c>
      <c r="MFZ54" s="7">
        <f t="shared" ref="MFZ54:MIK54" si="944">MFZ49+MFY54</f>
        <v>3128.5920000000001</v>
      </c>
      <c r="MGA54" s="7">
        <f t="shared" si="944"/>
        <v>3128.5920000000001</v>
      </c>
      <c r="MGB54" s="7">
        <f t="shared" si="944"/>
        <v>3128.5920000000001</v>
      </c>
      <c r="MGC54" s="7">
        <f t="shared" si="944"/>
        <v>3128.5920000000001</v>
      </c>
      <c r="MGD54" s="7">
        <f t="shared" si="944"/>
        <v>3128.5920000000001</v>
      </c>
      <c r="MGE54" s="7">
        <f t="shared" si="944"/>
        <v>3128.5920000000001</v>
      </c>
      <c r="MGF54" s="7">
        <f t="shared" si="944"/>
        <v>3128.5920000000001</v>
      </c>
      <c r="MGG54" s="7">
        <f t="shared" si="944"/>
        <v>3128.5920000000001</v>
      </c>
      <c r="MGH54" s="7">
        <f t="shared" si="944"/>
        <v>3128.5920000000001</v>
      </c>
      <c r="MGI54" s="7">
        <f t="shared" si="944"/>
        <v>3128.5920000000001</v>
      </c>
      <c r="MGJ54" s="7">
        <f t="shared" si="944"/>
        <v>3128.5920000000001</v>
      </c>
      <c r="MGK54" s="7">
        <f t="shared" si="944"/>
        <v>3128.5920000000001</v>
      </c>
      <c r="MGL54" s="7">
        <f t="shared" si="944"/>
        <v>3128.5920000000001</v>
      </c>
      <c r="MGM54" s="7">
        <f t="shared" si="944"/>
        <v>3128.5920000000001</v>
      </c>
      <c r="MGN54" s="7">
        <f t="shared" si="944"/>
        <v>3128.5920000000001</v>
      </c>
      <c r="MGO54" s="7">
        <f t="shared" si="944"/>
        <v>3128.5920000000001</v>
      </c>
      <c r="MGP54" s="7">
        <f t="shared" si="944"/>
        <v>3128.5920000000001</v>
      </c>
      <c r="MGQ54" s="7">
        <f t="shared" si="944"/>
        <v>3128.5920000000001</v>
      </c>
      <c r="MGR54" s="7">
        <f t="shared" si="944"/>
        <v>3128.5920000000001</v>
      </c>
      <c r="MGS54" s="7">
        <f t="shared" si="944"/>
        <v>3128.5920000000001</v>
      </c>
      <c r="MGT54" s="7">
        <f t="shared" si="944"/>
        <v>3128.5920000000001</v>
      </c>
      <c r="MGU54" s="7">
        <f t="shared" si="944"/>
        <v>3128.5920000000001</v>
      </c>
      <c r="MGV54" s="7">
        <f t="shared" si="944"/>
        <v>3128.5920000000001</v>
      </c>
      <c r="MGW54" s="7">
        <f t="shared" si="944"/>
        <v>3128.5920000000001</v>
      </c>
      <c r="MGX54" s="7">
        <f t="shared" si="944"/>
        <v>3128.5920000000001</v>
      </c>
      <c r="MGY54" s="7">
        <f t="shared" si="944"/>
        <v>3128.5920000000001</v>
      </c>
      <c r="MGZ54" s="7">
        <f t="shared" si="944"/>
        <v>3128.5920000000001</v>
      </c>
      <c r="MHA54" s="7">
        <f t="shared" si="944"/>
        <v>3128.5920000000001</v>
      </c>
      <c r="MHB54" s="7">
        <f t="shared" si="944"/>
        <v>3128.5920000000001</v>
      </c>
      <c r="MHC54" s="7">
        <f t="shared" si="944"/>
        <v>3128.5920000000001</v>
      </c>
      <c r="MHD54" s="7">
        <f t="shared" si="944"/>
        <v>3128.5920000000001</v>
      </c>
      <c r="MHE54" s="7">
        <f t="shared" si="944"/>
        <v>3128.5920000000001</v>
      </c>
      <c r="MHF54" s="7">
        <f t="shared" si="944"/>
        <v>3128.5920000000001</v>
      </c>
      <c r="MHG54" s="7">
        <f t="shared" si="944"/>
        <v>3128.5920000000001</v>
      </c>
      <c r="MHH54" s="7">
        <f t="shared" si="944"/>
        <v>3128.5920000000001</v>
      </c>
      <c r="MHI54" s="7">
        <f t="shared" si="944"/>
        <v>3128.5920000000001</v>
      </c>
      <c r="MHJ54" s="7">
        <f t="shared" si="944"/>
        <v>3128.5920000000001</v>
      </c>
      <c r="MHK54" s="7">
        <f t="shared" si="944"/>
        <v>3128.5920000000001</v>
      </c>
      <c r="MHL54" s="7">
        <f t="shared" si="944"/>
        <v>3128.5920000000001</v>
      </c>
      <c r="MHM54" s="7">
        <f t="shared" si="944"/>
        <v>3128.5920000000001</v>
      </c>
      <c r="MHN54" s="7">
        <f t="shared" si="944"/>
        <v>3128.5920000000001</v>
      </c>
      <c r="MHO54" s="7">
        <f t="shared" si="944"/>
        <v>3128.5920000000001</v>
      </c>
      <c r="MHP54" s="7">
        <f t="shared" si="944"/>
        <v>3128.5920000000001</v>
      </c>
      <c r="MHQ54" s="7">
        <f t="shared" si="944"/>
        <v>3128.5920000000001</v>
      </c>
      <c r="MHR54" s="7">
        <f t="shared" si="944"/>
        <v>3128.5920000000001</v>
      </c>
      <c r="MHS54" s="7">
        <f t="shared" si="944"/>
        <v>3128.5920000000001</v>
      </c>
      <c r="MHT54" s="7">
        <f t="shared" si="944"/>
        <v>3128.5920000000001</v>
      </c>
      <c r="MHU54" s="7">
        <f t="shared" si="944"/>
        <v>3128.5920000000001</v>
      </c>
      <c r="MHV54" s="7">
        <f t="shared" si="944"/>
        <v>3128.5920000000001</v>
      </c>
      <c r="MHW54" s="7">
        <f t="shared" si="944"/>
        <v>3128.5920000000001</v>
      </c>
      <c r="MHX54" s="7">
        <f t="shared" si="944"/>
        <v>3128.5920000000001</v>
      </c>
      <c r="MHY54" s="7">
        <f t="shared" si="944"/>
        <v>3128.5920000000001</v>
      </c>
      <c r="MHZ54" s="7">
        <f t="shared" si="944"/>
        <v>3128.5920000000001</v>
      </c>
      <c r="MIA54" s="7">
        <f t="shared" si="944"/>
        <v>3128.5920000000001</v>
      </c>
      <c r="MIB54" s="7">
        <f t="shared" si="944"/>
        <v>3128.5920000000001</v>
      </c>
      <c r="MIC54" s="7">
        <f t="shared" si="944"/>
        <v>3128.5920000000001</v>
      </c>
      <c r="MID54" s="7">
        <f t="shared" si="944"/>
        <v>3128.5920000000001</v>
      </c>
      <c r="MIE54" s="7">
        <f t="shared" si="944"/>
        <v>3128.5920000000001</v>
      </c>
      <c r="MIF54" s="7">
        <f t="shared" si="944"/>
        <v>3128.5920000000001</v>
      </c>
      <c r="MIG54" s="7">
        <f t="shared" si="944"/>
        <v>3128.5920000000001</v>
      </c>
      <c r="MIH54" s="7">
        <f t="shared" si="944"/>
        <v>3128.5920000000001</v>
      </c>
      <c r="MII54" s="7">
        <f t="shared" si="944"/>
        <v>3128.5920000000001</v>
      </c>
      <c r="MIJ54" s="7">
        <f t="shared" si="944"/>
        <v>3128.5920000000001</v>
      </c>
      <c r="MIK54" s="7">
        <f t="shared" si="944"/>
        <v>3128.5920000000001</v>
      </c>
      <c r="MIL54" s="7">
        <f t="shared" ref="MIL54:MKW54" si="945">MIL49+MIK54</f>
        <v>3128.5920000000001</v>
      </c>
      <c r="MIM54" s="7">
        <f t="shared" si="945"/>
        <v>3128.5920000000001</v>
      </c>
      <c r="MIN54" s="7">
        <f t="shared" si="945"/>
        <v>3128.5920000000001</v>
      </c>
      <c r="MIO54" s="7">
        <f t="shared" si="945"/>
        <v>3128.5920000000001</v>
      </c>
      <c r="MIP54" s="7">
        <f t="shared" si="945"/>
        <v>3128.5920000000001</v>
      </c>
      <c r="MIQ54" s="7">
        <f t="shared" si="945"/>
        <v>3128.5920000000001</v>
      </c>
      <c r="MIR54" s="7">
        <f t="shared" si="945"/>
        <v>3128.5920000000001</v>
      </c>
      <c r="MIS54" s="7">
        <f t="shared" si="945"/>
        <v>3128.5920000000001</v>
      </c>
      <c r="MIT54" s="7">
        <f t="shared" si="945"/>
        <v>3128.5920000000001</v>
      </c>
      <c r="MIU54" s="7">
        <f t="shared" si="945"/>
        <v>3128.5920000000001</v>
      </c>
      <c r="MIV54" s="7">
        <f t="shared" si="945"/>
        <v>3128.5920000000001</v>
      </c>
      <c r="MIW54" s="7">
        <f t="shared" si="945"/>
        <v>3128.5920000000001</v>
      </c>
      <c r="MIX54" s="7">
        <f t="shared" si="945"/>
        <v>3128.5920000000001</v>
      </c>
      <c r="MIY54" s="7">
        <f t="shared" si="945"/>
        <v>3128.5920000000001</v>
      </c>
      <c r="MIZ54" s="7">
        <f t="shared" si="945"/>
        <v>3128.5920000000001</v>
      </c>
      <c r="MJA54" s="7">
        <f t="shared" si="945"/>
        <v>3128.5920000000001</v>
      </c>
      <c r="MJB54" s="7">
        <f t="shared" si="945"/>
        <v>3128.5920000000001</v>
      </c>
      <c r="MJC54" s="7">
        <f t="shared" si="945"/>
        <v>3128.5920000000001</v>
      </c>
      <c r="MJD54" s="7">
        <f t="shared" si="945"/>
        <v>3128.5920000000001</v>
      </c>
      <c r="MJE54" s="7">
        <f t="shared" si="945"/>
        <v>3128.5920000000001</v>
      </c>
      <c r="MJF54" s="7">
        <f t="shared" si="945"/>
        <v>3128.5920000000001</v>
      </c>
      <c r="MJG54" s="7">
        <f t="shared" si="945"/>
        <v>3128.5920000000001</v>
      </c>
      <c r="MJH54" s="7">
        <f t="shared" si="945"/>
        <v>3128.5920000000001</v>
      </c>
      <c r="MJI54" s="7">
        <f t="shared" si="945"/>
        <v>3128.5920000000001</v>
      </c>
      <c r="MJJ54" s="7">
        <f t="shared" si="945"/>
        <v>3128.5920000000001</v>
      </c>
      <c r="MJK54" s="7">
        <f t="shared" si="945"/>
        <v>3128.5920000000001</v>
      </c>
      <c r="MJL54" s="7">
        <f t="shared" si="945"/>
        <v>3128.5920000000001</v>
      </c>
      <c r="MJM54" s="7">
        <f t="shared" si="945"/>
        <v>3128.5920000000001</v>
      </c>
      <c r="MJN54" s="7">
        <f t="shared" si="945"/>
        <v>3128.5920000000001</v>
      </c>
      <c r="MJO54" s="7">
        <f t="shared" si="945"/>
        <v>3128.5920000000001</v>
      </c>
      <c r="MJP54" s="7">
        <f t="shared" si="945"/>
        <v>3128.5920000000001</v>
      </c>
      <c r="MJQ54" s="7">
        <f t="shared" si="945"/>
        <v>3128.5920000000001</v>
      </c>
      <c r="MJR54" s="7">
        <f t="shared" si="945"/>
        <v>3128.5920000000001</v>
      </c>
      <c r="MJS54" s="7">
        <f t="shared" si="945"/>
        <v>3128.5920000000001</v>
      </c>
      <c r="MJT54" s="7">
        <f t="shared" si="945"/>
        <v>3128.5920000000001</v>
      </c>
      <c r="MJU54" s="7">
        <f t="shared" si="945"/>
        <v>3128.5920000000001</v>
      </c>
      <c r="MJV54" s="7">
        <f t="shared" si="945"/>
        <v>3128.5920000000001</v>
      </c>
      <c r="MJW54" s="7">
        <f t="shared" si="945"/>
        <v>3128.5920000000001</v>
      </c>
      <c r="MJX54" s="7">
        <f t="shared" si="945"/>
        <v>3128.5920000000001</v>
      </c>
      <c r="MJY54" s="7">
        <f t="shared" si="945"/>
        <v>3128.5920000000001</v>
      </c>
      <c r="MJZ54" s="7">
        <f t="shared" si="945"/>
        <v>3128.5920000000001</v>
      </c>
      <c r="MKA54" s="7">
        <f t="shared" si="945"/>
        <v>3128.5920000000001</v>
      </c>
      <c r="MKB54" s="7">
        <f t="shared" si="945"/>
        <v>3128.5920000000001</v>
      </c>
      <c r="MKC54" s="7">
        <f t="shared" si="945"/>
        <v>3128.5920000000001</v>
      </c>
      <c r="MKD54" s="7">
        <f t="shared" si="945"/>
        <v>3128.5920000000001</v>
      </c>
      <c r="MKE54" s="7">
        <f t="shared" si="945"/>
        <v>3128.5920000000001</v>
      </c>
      <c r="MKF54" s="7">
        <f t="shared" si="945"/>
        <v>3128.5920000000001</v>
      </c>
      <c r="MKG54" s="7">
        <f t="shared" si="945"/>
        <v>3128.5920000000001</v>
      </c>
      <c r="MKH54" s="7">
        <f t="shared" si="945"/>
        <v>3128.5920000000001</v>
      </c>
      <c r="MKI54" s="7">
        <f t="shared" si="945"/>
        <v>3128.5920000000001</v>
      </c>
      <c r="MKJ54" s="7">
        <f t="shared" si="945"/>
        <v>3128.5920000000001</v>
      </c>
      <c r="MKK54" s="7">
        <f t="shared" si="945"/>
        <v>3128.5920000000001</v>
      </c>
      <c r="MKL54" s="7">
        <f t="shared" si="945"/>
        <v>3128.5920000000001</v>
      </c>
      <c r="MKM54" s="7">
        <f t="shared" si="945"/>
        <v>3128.5920000000001</v>
      </c>
      <c r="MKN54" s="7">
        <f t="shared" si="945"/>
        <v>3128.5920000000001</v>
      </c>
      <c r="MKO54" s="7">
        <f t="shared" si="945"/>
        <v>3128.5920000000001</v>
      </c>
      <c r="MKP54" s="7">
        <f t="shared" si="945"/>
        <v>3128.5920000000001</v>
      </c>
      <c r="MKQ54" s="7">
        <f t="shared" si="945"/>
        <v>3128.5920000000001</v>
      </c>
      <c r="MKR54" s="7">
        <f t="shared" si="945"/>
        <v>3128.5920000000001</v>
      </c>
      <c r="MKS54" s="7">
        <f t="shared" si="945"/>
        <v>3128.5920000000001</v>
      </c>
      <c r="MKT54" s="7">
        <f t="shared" si="945"/>
        <v>3128.5920000000001</v>
      </c>
      <c r="MKU54" s="7">
        <f t="shared" si="945"/>
        <v>3128.5920000000001</v>
      </c>
      <c r="MKV54" s="7">
        <f t="shared" si="945"/>
        <v>3128.5920000000001</v>
      </c>
      <c r="MKW54" s="7">
        <f t="shared" si="945"/>
        <v>3128.5920000000001</v>
      </c>
      <c r="MKX54" s="7">
        <f t="shared" ref="MKX54:MNI54" si="946">MKX49+MKW54</f>
        <v>3128.5920000000001</v>
      </c>
      <c r="MKY54" s="7">
        <f t="shared" si="946"/>
        <v>3128.5920000000001</v>
      </c>
      <c r="MKZ54" s="7">
        <f t="shared" si="946"/>
        <v>3128.5920000000001</v>
      </c>
      <c r="MLA54" s="7">
        <f t="shared" si="946"/>
        <v>3128.5920000000001</v>
      </c>
      <c r="MLB54" s="7">
        <f t="shared" si="946"/>
        <v>3128.5920000000001</v>
      </c>
      <c r="MLC54" s="7">
        <f t="shared" si="946"/>
        <v>3128.5920000000001</v>
      </c>
      <c r="MLD54" s="7">
        <f t="shared" si="946"/>
        <v>3128.5920000000001</v>
      </c>
      <c r="MLE54" s="7">
        <f t="shared" si="946"/>
        <v>3128.5920000000001</v>
      </c>
      <c r="MLF54" s="7">
        <f t="shared" si="946"/>
        <v>3128.5920000000001</v>
      </c>
      <c r="MLG54" s="7">
        <f t="shared" si="946"/>
        <v>3128.5920000000001</v>
      </c>
      <c r="MLH54" s="7">
        <f t="shared" si="946"/>
        <v>3128.5920000000001</v>
      </c>
      <c r="MLI54" s="7">
        <f t="shared" si="946"/>
        <v>3128.5920000000001</v>
      </c>
      <c r="MLJ54" s="7">
        <f t="shared" si="946"/>
        <v>3128.5920000000001</v>
      </c>
      <c r="MLK54" s="7">
        <f t="shared" si="946"/>
        <v>3128.5920000000001</v>
      </c>
      <c r="MLL54" s="7">
        <f t="shared" si="946"/>
        <v>3128.5920000000001</v>
      </c>
      <c r="MLM54" s="7">
        <f t="shared" si="946"/>
        <v>3128.5920000000001</v>
      </c>
      <c r="MLN54" s="7">
        <f t="shared" si="946"/>
        <v>3128.5920000000001</v>
      </c>
      <c r="MLO54" s="7">
        <f t="shared" si="946"/>
        <v>3128.5920000000001</v>
      </c>
      <c r="MLP54" s="7">
        <f t="shared" si="946"/>
        <v>3128.5920000000001</v>
      </c>
      <c r="MLQ54" s="7">
        <f t="shared" si="946"/>
        <v>3128.5920000000001</v>
      </c>
      <c r="MLR54" s="7">
        <f t="shared" si="946"/>
        <v>3128.5920000000001</v>
      </c>
      <c r="MLS54" s="7">
        <f t="shared" si="946"/>
        <v>3128.5920000000001</v>
      </c>
      <c r="MLT54" s="7">
        <f t="shared" si="946"/>
        <v>3128.5920000000001</v>
      </c>
      <c r="MLU54" s="7">
        <f t="shared" si="946"/>
        <v>3128.5920000000001</v>
      </c>
      <c r="MLV54" s="7">
        <f t="shared" si="946"/>
        <v>3128.5920000000001</v>
      </c>
      <c r="MLW54" s="7">
        <f t="shared" si="946"/>
        <v>3128.5920000000001</v>
      </c>
      <c r="MLX54" s="7">
        <f t="shared" si="946"/>
        <v>3128.5920000000001</v>
      </c>
      <c r="MLY54" s="7">
        <f t="shared" si="946"/>
        <v>3128.5920000000001</v>
      </c>
      <c r="MLZ54" s="7">
        <f t="shared" si="946"/>
        <v>3128.5920000000001</v>
      </c>
      <c r="MMA54" s="7">
        <f t="shared" si="946"/>
        <v>3128.5920000000001</v>
      </c>
      <c r="MMB54" s="7">
        <f t="shared" si="946"/>
        <v>3128.5920000000001</v>
      </c>
      <c r="MMC54" s="7">
        <f t="shared" si="946"/>
        <v>3128.5920000000001</v>
      </c>
      <c r="MMD54" s="7">
        <f t="shared" si="946"/>
        <v>3128.5920000000001</v>
      </c>
      <c r="MME54" s="7">
        <f t="shared" si="946"/>
        <v>3128.5920000000001</v>
      </c>
      <c r="MMF54" s="7">
        <f t="shared" si="946"/>
        <v>3128.5920000000001</v>
      </c>
      <c r="MMG54" s="7">
        <f t="shared" si="946"/>
        <v>3128.5920000000001</v>
      </c>
      <c r="MMH54" s="7">
        <f t="shared" si="946"/>
        <v>3128.5920000000001</v>
      </c>
      <c r="MMI54" s="7">
        <f t="shared" si="946"/>
        <v>3128.5920000000001</v>
      </c>
      <c r="MMJ54" s="7">
        <f t="shared" si="946"/>
        <v>3128.5920000000001</v>
      </c>
      <c r="MMK54" s="7">
        <f t="shared" si="946"/>
        <v>3128.5920000000001</v>
      </c>
      <c r="MML54" s="7">
        <f t="shared" si="946"/>
        <v>3128.5920000000001</v>
      </c>
      <c r="MMM54" s="7">
        <f t="shared" si="946"/>
        <v>3128.5920000000001</v>
      </c>
      <c r="MMN54" s="7">
        <f t="shared" si="946"/>
        <v>3128.5920000000001</v>
      </c>
      <c r="MMO54" s="7">
        <f t="shared" si="946"/>
        <v>3128.5920000000001</v>
      </c>
      <c r="MMP54" s="7">
        <f t="shared" si="946"/>
        <v>3128.5920000000001</v>
      </c>
      <c r="MMQ54" s="7">
        <f t="shared" si="946"/>
        <v>3128.5920000000001</v>
      </c>
      <c r="MMR54" s="7">
        <f t="shared" si="946"/>
        <v>3128.5920000000001</v>
      </c>
      <c r="MMS54" s="7">
        <f t="shared" si="946"/>
        <v>3128.5920000000001</v>
      </c>
      <c r="MMT54" s="7">
        <f t="shared" si="946"/>
        <v>3128.5920000000001</v>
      </c>
      <c r="MMU54" s="7">
        <f t="shared" si="946"/>
        <v>3128.5920000000001</v>
      </c>
      <c r="MMV54" s="7">
        <f t="shared" si="946"/>
        <v>3128.5920000000001</v>
      </c>
      <c r="MMW54" s="7">
        <f t="shared" si="946"/>
        <v>3128.5920000000001</v>
      </c>
      <c r="MMX54" s="7">
        <f t="shared" si="946"/>
        <v>3128.5920000000001</v>
      </c>
      <c r="MMY54" s="7">
        <f t="shared" si="946"/>
        <v>3128.5920000000001</v>
      </c>
      <c r="MMZ54" s="7">
        <f t="shared" si="946"/>
        <v>3128.5920000000001</v>
      </c>
      <c r="MNA54" s="7">
        <f t="shared" si="946"/>
        <v>3128.5920000000001</v>
      </c>
      <c r="MNB54" s="7">
        <f t="shared" si="946"/>
        <v>3128.5920000000001</v>
      </c>
      <c r="MNC54" s="7">
        <f t="shared" si="946"/>
        <v>3128.5920000000001</v>
      </c>
      <c r="MND54" s="7">
        <f t="shared" si="946"/>
        <v>3128.5920000000001</v>
      </c>
      <c r="MNE54" s="7">
        <f t="shared" si="946"/>
        <v>3128.5920000000001</v>
      </c>
      <c r="MNF54" s="7">
        <f t="shared" si="946"/>
        <v>3128.5920000000001</v>
      </c>
      <c r="MNG54" s="7">
        <f t="shared" si="946"/>
        <v>3128.5920000000001</v>
      </c>
      <c r="MNH54" s="7">
        <f t="shared" si="946"/>
        <v>3128.5920000000001</v>
      </c>
      <c r="MNI54" s="7">
        <f t="shared" si="946"/>
        <v>3128.5920000000001</v>
      </c>
      <c r="MNJ54" s="7">
        <f t="shared" ref="MNJ54:MPU54" si="947">MNJ49+MNI54</f>
        <v>3128.5920000000001</v>
      </c>
      <c r="MNK54" s="7">
        <f t="shared" si="947"/>
        <v>3128.5920000000001</v>
      </c>
      <c r="MNL54" s="7">
        <f t="shared" si="947"/>
        <v>3128.5920000000001</v>
      </c>
      <c r="MNM54" s="7">
        <f t="shared" si="947"/>
        <v>3128.5920000000001</v>
      </c>
      <c r="MNN54" s="7">
        <f t="shared" si="947"/>
        <v>3128.5920000000001</v>
      </c>
      <c r="MNO54" s="7">
        <f t="shared" si="947"/>
        <v>3128.5920000000001</v>
      </c>
      <c r="MNP54" s="7">
        <f t="shared" si="947"/>
        <v>3128.5920000000001</v>
      </c>
      <c r="MNQ54" s="7">
        <f t="shared" si="947"/>
        <v>3128.5920000000001</v>
      </c>
      <c r="MNR54" s="7">
        <f t="shared" si="947"/>
        <v>3128.5920000000001</v>
      </c>
      <c r="MNS54" s="7">
        <f t="shared" si="947"/>
        <v>3128.5920000000001</v>
      </c>
      <c r="MNT54" s="7">
        <f t="shared" si="947"/>
        <v>3128.5920000000001</v>
      </c>
      <c r="MNU54" s="7">
        <f t="shared" si="947"/>
        <v>3128.5920000000001</v>
      </c>
      <c r="MNV54" s="7">
        <f t="shared" si="947"/>
        <v>3128.5920000000001</v>
      </c>
      <c r="MNW54" s="7">
        <f t="shared" si="947"/>
        <v>3128.5920000000001</v>
      </c>
      <c r="MNX54" s="7">
        <f t="shared" si="947"/>
        <v>3128.5920000000001</v>
      </c>
      <c r="MNY54" s="7">
        <f t="shared" si="947"/>
        <v>3128.5920000000001</v>
      </c>
      <c r="MNZ54" s="7">
        <f t="shared" si="947"/>
        <v>3128.5920000000001</v>
      </c>
      <c r="MOA54" s="7">
        <f t="shared" si="947"/>
        <v>3128.5920000000001</v>
      </c>
      <c r="MOB54" s="7">
        <f t="shared" si="947"/>
        <v>3128.5920000000001</v>
      </c>
      <c r="MOC54" s="7">
        <f t="shared" si="947"/>
        <v>3128.5920000000001</v>
      </c>
      <c r="MOD54" s="7">
        <f t="shared" si="947"/>
        <v>3128.5920000000001</v>
      </c>
      <c r="MOE54" s="7">
        <f t="shared" si="947"/>
        <v>3128.5920000000001</v>
      </c>
      <c r="MOF54" s="7">
        <f t="shared" si="947"/>
        <v>3128.5920000000001</v>
      </c>
      <c r="MOG54" s="7">
        <f t="shared" si="947"/>
        <v>3128.5920000000001</v>
      </c>
      <c r="MOH54" s="7">
        <f t="shared" si="947"/>
        <v>3128.5920000000001</v>
      </c>
      <c r="MOI54" s="7">
        <f t="shared" si="947"/>
        <v>3128.5920000000001</v>
      </c>
      <c r="MOJ54" s="7">
        <f t="shared" si="947"/>
        <v>3128.5920000000001</v>
      </c>
      <c r="MOK54" s="7">
        <f t="shared" si="947"/>
        <v>3128.5920000000001</v>
      </c>
      <c r="MOL54" s="7">
        <f t="shared" si="947"/>
        <v>3128.5920000000001</v>
      </c>
      <c r="MOM54" s="7">
        <f t="shared" si="947"/>
        <v>3128.5920000000001</v>
      </c>
      <c r="MON54" s="7">
        <f t="shared" si="947"/>
        <v>3128.5920000000001</v>
      </c>
      <c r="MOO54" s="7">
        <f t="shared" si="947"/>
        <v>3128.5920000000001</v>
      </c>
      <c r="MOP54" s="7">
        <f t="shared" si="947"/>
        <v>3128.5920000000001</v>
      </c>
      <c r="MOQ54" s="7">
        <f t="shared" si="947"/>
        <v>3128.5920000000001</v>
      </c>
      <c r="MOR54" s="7">
        <f t="shared" si="947"/>
        <v>3128.5920000000001</v>
      </c>
      <c r="MOS54" s="7">
        <f t="shared" si="947"/>
        <v>3128.5920000000001</v>
      </c>
      <c r="MOT54" s="7">
        <f t="shared" si="947"/>
        <v>3128.5920000000001</v>
      </c>
      <c r="MOU54" s="7">
        <f t="shared" si="947"/>
        <v>3128.5920000000001</v>
      </c>
      <c r="MOV54" s="7">
        <f t="shared" si="947"/>
        <v>3128.5920000000001</v>
      </c>
      <c r="MOW54" s="7">
        <f t="shared" si="947"/>
        <v>3128.5920000000001</v>
      </c>
      <c r="MOX54" s="7">
        <f t="shared" si="947"/>
        <v>3128.5920000000001</v>
      </c>
      <c r="MOY54" s="7">
        <f t="shared" si="947"/>
        <v>3128.5920000000001</v>
      </c>
      <c r="MOZ54" s="7">
        <f t="shared" si="947"/>
        <v>3128.5920000000001</v>
      </c>
      <c r="MPA54" s="7">
        <f t="shared" si="947"/>
        <v>3128.5920000000001</v>
      </c>
      <c r="MPB54" s="7">
        <f t="shared" si="947"/>
        <v>3128.5920000000001</v>
      </c>
      <c r="MPC54" s="7">
        <f t="shared" si="947"/>
        <v>3128.5920000000001</v>
      </c>
      <c r="MPD54" s="7">
        <f t="shared" si="947"/>
        <v>3128.5920000000001</v>
      </c>
      <c r="MPE54" s="7">
        <f t="shared" si="947"/>
        <v>3128.5920000000001</v>
      </c>
      <c r="MPF54" s="7">
        <f t="shared" si="947"/>
        <v>3128.5920000000001</v>
      </c>
      <c r="MPG54" s="7">
        <f t="shared" si="947"/>
        <v>3128.5920000000001</v>
      </c>
      <c r="MPH54" s="7">
        <f t="shared" si="947"/>
        <v>3128.5920000000001</v>
      </c>
      <c r="MPI54" s="7">
        <f t="shared" si="947"/>
        <v>3128.5920000000001</v>
      </c>
      <c r="MPJ54" s="7">
        <f t="shared" si="947"/>
        <v>3128.5920000000001</v>
      </c>
      <c r="MPK54" s="7">
        <f t="shared" si="947"/>
        <v>3128.5920000000001</v>
      </c>
      <c r="MPL54" s="7">
        <f t="shared" si="947"/>
        <v>3128.5920000000001</v>
      </c>
      <c r="MPM54" s="7">
        <f t="shared" si="947"/>
        <v>3128.5920000000001</v>
      </c>
      <c r="MPN54" s="7">
        <f t="shared" si="947"/>
        <v>3128.5920000000001</v>
      </c>
      <c r="MPO54" s="7">
        <f t="shared" si="947"/>
        <v>3128.5920000000001</v>
      </c>
      <c r="MPP54" s="7">
        <f t="shared" si="947"/>
        <v>3128.5920000000001</v>
      </c>
      <c r="MPQ54" s="7">
        <f t="shared" si="947"/>
        <v>3128.5920000000001</v>
      </c>
      <c r="MPR54" s="7">
        <f t="shared" si="947"/>
        <v>3128.5920000000001</v>
      </c>
      <c r="MPS54" s="7">
        <f t="shared" si="947"/>
        <v>3128.5920000000001</v>
      </c>
      <c r="MPT54" s="7">
        <f t="shared" si="947"/>
        <v>3128.5920000000001</v>
      </c>
      <c r="MPU54" s="7">
        <f t="shared" si="947"/>
        <v>3128.5920000000001</v>
      </c>
      <c r="MPV54" s="7">
        <f t="shared" ref="MPV54:MSG54" si="948">MPV49+MPU54</f>
        <v>3128.5920000000001</v>
      </c>
      <c r="MPW54" s="7">
        <f t="shared" si="948"/>
        <v>3128.5920000000001</v>
      </c>
      <c r="MPX54" s="7">
        <f t="shared" si="948"/>
        <v>3128.5920000000001</v>
      </c>
      <c r="MPY54" s="7">
        <f t="shared" si="948"/>
        <v>3128.5920000000001</v>
      </c>
      <c r="MPZ54" s="7">
        <f t="shared" si="948"/>
        <v>3128.5920000000001</v>
      </c>
      <c r="MQA54" s="7">
        <f t="shared" si="948"/>
        <v>3128.5920000000001</v>
      </c>
      <c r="MQB54" s="7">
        <f t="shared" si="948"/>
        <v>3128.5920000000001</v>
      </c>
      <c r="MQC54" s="7">
        <f t="shared" si="948"/>
        <v>3128.5920000000001</v>
      </c>
      <c r="MQD54" s="7">
        <f t="shared" si="948"/>
        <v>3128.5920000000001</v>
      </c>
      <c r="MQE54" s="7">
        <f t="shared" si="948"/>
        <v>3128.5920000000001</v>
      </c>
      <c r="MQF54" s="7">
        <f t="shared" si="948"/>
        <v>3128.5920000000001</v>
      </c>
      <c r="MQG54" s="7">
        <f t="shared" si="948"/>
        <v>3128.5920000000001</v>
      </c>
      <c r="MQH54" s="7">
        <f t="shared" si="948"/>
        <v>3128.5920000000001</v>
      </c>
      <c r="MQI54" s="7">
        <f t="shared" si="948"/>
        <v>3128.5920000000001</v>
      </c>
      <c r="MQJ54" s="7">
        <f t="shared" si="948"/>
        <v>3128.5920000000001</v>
      </c>
      <c r="MQK54" s="7">
        <f t="shared" si="948"/>
        <v>3128.5920000000001</v>
      </c>
      <c r="MQL54" s="7">
        <f t="shared" si="948"/>
        <v>3128.5920000000001</v>
      </c>
      <c r="MQM54" s="7">
        <f t="shared" si="948"/>
        <v>3128.5920000000001</v>
      </c>
      <c r="MQN54" s="7">
        <f t="shared" si="948"/>
        <v>3128.5920000000001</v>
      </c>
      <c r="MQO54" s="7">
        <f t="shared" si="948"/>
        <v>3128.5920000000001</v>
      </c>
      <c r="MQP54" s="7">
        <f t="shared" si="948"/>
        <v>3128.5920000000001</v>
      </c>
      <c r="MQQ54" s="7">
        <f t="shared" si="948"/>
        <v>3128.5920000000001</v>
      </c>
      <c r="MQR54" s="7">
        <f t="shared" si="948"/>
        <v>3128.5920000000001</v>
      </c>
      <c r="MQS54" s="7">
        <f t="shared" si="948"/>
        <v>3128.5920000000001</v>
      </c>
      <c r="MQT54" s="7">
        <f t="shared" si="948"/>
        <v>3128.5920000000001</v>
      </c>
      <c r="MQU54" s="7">
        <f t="shared" si="948"/>
        <v>3128.5920000000001</v>
      </c>
      <c r="MQV54" s="7">
        <f t="shared" si="948"/>
        <v>3128.5920000000001</v>
      </c>
      <c r="MQW54" s="7">
        <f t="shared" si="948"/>
        <v>3128.5920000000001</v>
      </c>
      <c r="MQX54" s="7">
        <f t="shared" si="948"/>
        <v>3128.5920000000001</v>
      </c>
      <c r="MQY54" s="7">
        <f t="shared" si="948"/>
        <v>3128.5920000000001</v>
      </c>
      <c r="MQZ54" s="7">
        <f t="shared" si="948"/>
        <v>3128.5920000000001</v>
      </c>
      <c r="MRA54" s="7">
        <f t="shared" si="948"/>
        <v>3128.5920000000001</v>
      </c>
      <c r="MRB54" s="7">
        <f t="shared" si="948"/>
        <v>3128.5920000000001</v>
      </c>
      <c r="MRC54" s="7">
        <f t="shared" si="948"/>
        <v>3128.5920000000001</v>
      </c>
      <c r="MRD54" s="7">
        <f t="shared" si="948"/>
        <v>3128.5920000000001</v>
      </c>
      <c r="MRE54" s="7">
        <f t="shared" si="948"/>
        <v>3128.5920000000001</v>
      </c>
      <c r="MRF54" s="7">
        <f t="shared" si="948"/>
        <v>3128.5920000000001</v>
      </c>
      <c r="MRG54" s="7">
        <f t="shared" si="948"/>
        <v>3128.5920000000001</v>
      </c>
      <c r="MRH54" s="7">
        <f t="shared" si="948"/>
        <v>3128.5920000000001</v>
      </c>
      <c r="MRI54" s="7">
        <f t="shared" si="948"/>
        <v>3128.5920000000001</v>
      </c>
      <c r="MRJ54" s="7">
        <f t="shared" si="948"/>
        <v>3128.5920000000001</v>
      </c>
      <c r="MRK54" s="7">
        <f t="shared" si="948"/>
        <v>3128.5920000000001</v>
      </c>
      <c r="MRL54" s="7">
        <f t="shared" si="948"/>
        <v>3128.5920000000001</v>
      </c>
      <c r="MRM54" s="7">
        <f t="shared" si="948"/>
        <v>3128.5920000000001</v>
      </c>
      <c r="MRN54" s="7">
        <f t="shared" si="948"/>
        <v>3128.5920000000001</v>
      </c>
      <c r="MRO54" s="7">
        <f t="shared" si="948"/>
        <v>3128.5920000000001</v>
      </c>
      <c r="MRP54" s="7">
        <f t="shared" si="948"/>
        <v>3128.5920000000001</v>
      </c>
      <c r="MRQ54" s="7">
        <f t="shared" si="948"/>
        <v>3128.5920000000001</v>
      </c>
      <c r="MRR54" s="7">
        <f t="shared" si="948"/>
        <v>3128.5920000000001</v>
      </c>
      <c r="MRS54" s="7">
        <f t="shared" si="948"/>
        <v>3128.5920000000001</v>
      </c>
      <c r="MRT54" s="7">
        <f t="shared" si="948"/>
        <v>3128.5920000000001</v>
      </c>
      <c r="MRU54" s="7">
        <f t="shared" si="948"/>
        <v>3128.5920000000001</v>
      </c>
      <c r="MRV54" s="7">
        <f t="shared" si="948"/>
        <v>3128.5920000000001</v>
      </c>
      <c r="MRW54" s="7">
        <f t="shared" si="948"/>
        <v>3128.5920000000001</v>
      </c>
      <c r="MRX54" s="7">
        <f t="shared" si="948"/>
        <v>3128.5920000000001</v>
      </c>
      <c r="MRY54" s="7">
        <f t="shared" si="948"/>
        <v>3128.5920000000001</v>
      </c>
      <c r="MRZ54" s="7">
        <f t="shared" si="948"/>
        <v>3128.5920000000001</v>
      </c>
      <c r="MSA54" s="7">
        <f t="shared" si="948"/>
        <v>3128.5920000000001</v>
      </c>
      <c r="MSB54" s="7">
        <f t="shared" si="948"/>
        <v>3128.5920000000001</v>
      </c>
      <c r="MSC54" s="7">
        <f t="shared" si="948"/>
        <v>3128.5920000000001</v>
      </c>
      <c r="MSD54" s="7">
        <f t="shared" si="948"/>
        <v>3128.5920000000001</v>
      </c>
      <c r="MSE54" s="7">
        <f t="shared" si="948"/>
        <v>3128.5920000000001</v>
      </c>
      <c r="MSF54" s="7">
        <f t="shared" si="948"/>
        <v>3128.5920000000001</v>
      </c>
      <c r="MSG54" s="7">
        <f t="shared" si="948"/>
        <v>3128.5920000000001</v>
      </c>
      <c r="MSH54" s="7">
        <f t="shared" ref="MSH54:MUS54" si="949">MSH49+MSG54</f>
        <v>3128.5920000000001</v>
      </c>
      <c r="MSI54" s="7">
        <f t="shared" si="949"/>
        <v>3128.5920000000001</v>
      </c>
      <c r="MSJ54" s="7">
        <f t="shared" si="949"/>
        <v>3128.5920000000001</v>
      </c>
      <c r="MSK54" s="7">
        <f t="shared" si="949"/>
        <v>3128.5920000000001</v>
      </c>
      <c r="MSL54" s="7">
        <f t="shared" si="949"/>
        <v>3128.5920000000001</v>
      </c>
      <c r="MSM54" s="7">
        <f t="shared" si="949"/>
        <v>3128.5920000000001</v>
      </c>
      <c r="MSN54" s="7">
        <f t="shared" si="949"/>
        <v>3128.5920000000001</v>
      </c>
      <c r="MSO54" s="7">
        <f t="shared" si="949"/>
        <v>3128.5920000000001</v>
      </c>
      <c r="MSP54" s="7">
        <f t="shared" si="949"/>
        <v>3128.5920000000001</v>
      </c>
      <c r="MSQ54" s="7">
        <f t="shared" si="949"/>
        <v>3128.5920000000001</v>
      </c>
      <c r="MSR54" s="7">
        <f t="shared" si="949"/>
        <v>3128.5920000000001</v>
      </c>
      <c r="MSS54" s="7">
        <f t="shared" si="949"/>
        <v>3128.5920000000001</v>
      </c>
      <c r="MST54" s="7">
        <f t="shared" si="949"/>
        <v>3128.5920000000001</v>
      </c>
      <c r="MSU54" s="7">
        <f t="shared" si="949"/>
        <v>3128.5920000000001</v>
      </c>
      <c r="MSV54" s="7">
        <f t="shared" si="949"/>
        <v>3128.5920000000001</v>
      </c>
      <c r="MSW54" s="7">
        <f t="shared" si="949"/>
        <v>3128.5920000000001</v>
      </c>
      <c r="MSX54" s="7">
        <f t="shared" si="949"/>
        <v>3128.5920000000001</v>
      </c>
      <c r="MSY54" s="7">
        <f t="shared" si="949"/>
        <v>3128.5920000000001</v>
      </c>
      <c r="MSZ54" s="7">
        <f t="shared" si="949"/>
        <v>3128.5920000000001</v>
      </c>
      <c r="MTA54" s="7">
        <f t="shared" si="949"/>
        <v>3128.5920000000001</v>
      </c>
      <c r="MTB54" s="7">
        <f t="shared" si="949"/>
        <v>3128.5920000000001</v>
      </c>
      <c r="MTC54" s="7">
        <f t="shared" si="949"/>
        <v>3128.5920000000001</v>
      </c>
      <c r="MTD54" s="7">
        <f t="shared" si="949"/>
        <v>3128.5920000000001</v>
      </c>
      <c r="MTE54" s="7">
        <f t="shared" si="949"/>
        <v>3128.5920000000001</v>
      </c>
      <c r="MTF54" s="7">
        <f t="shared" si="949"/>
        <v>3128.5920000000001</v>
      </c>
      <c r="MTG54" s="7">
        <f t="shared" si="949"/>
        <v>3128.5920000000001</v>
      </c>
      <c r="MTH54" s="7">
        <f t="shared" si="949"/>
        <v>3128.5920000000001</v>
      </c>
      <c r="MTI54" s="7">
        <f t="shared" si="949"/>
        <v>3128.5920000000001</v>
      </c>
      <c r="MTJ54" s="7">
        <f t="shared" si="949"/>
        <v>3128.5920000000001</v>
      </c>
      <c r="MTK54" s="7">
        <f t="shared" si="949"/>
        <v>3128.5920000000001</v>
      </c>
      <c r="MTL54" s="7">
        <f t="shared" si="949"/>
        <v>3128.5920000000001</v>
      </c>
      <c r="MTM54" s="7">
        <f t="shared" si="949"/>
        <v>3128.5920000000001</v>
      </c>
      <c r="MTN54" s="7">
        <f t="shared" si="949"/>
        <v>3128.5920000000001</v>
      </c>
      <c r="MTO54" s="7">
        <f t="shared" si="949"/>
        <v>3128.5920000000001</v>
      </c>
      <c r="MTP54" s="7">
        <f t="shared" si="949"/>
        <v>3128.5920000000001</v>
      </c>
      <c r="MTQ54" s="7">
        <f t="shared" si="949"/>
        <v>3128.5920000000001</v>
      </c>
      <c r="MTR54" s="7">
        <f t="shared" si="949"/>
        <v>3128.5920000000001</v>
      </c>
      <c r="MTS54" s="7">
        <f t="shared" si="949"/>
        <v>3128.5920000000001</v>
      </c>
      <c r="MTT54" s="7">
        <f t="shared" si="949"/>
        <v>3128.5920000000001</v>
      </c>
      <c r="MTU54" s="7">
        <f t="shared" si="949"/>
        <v>3128.5920000000001</v>
      </c>
      <c r="MTV54" s="7">
        <f t="shared" si="949"/>
        <v>3128.5920000000001</v>
      </c>
      <c r="MTW54" s="7">
        <f t="shared" si="949"/>
        <v>3128.5920000000001</v>
      </c>
      <c r="MTX54" s="7">
        <f t="shared" si="949"/>
        <v>3128.5920000000001</v>
      </c>
      <c r="MTY54" s="7">
        <f t="shared" si="949"/>
        <v>3128.5920000000001</v>
      </c>
      <c r="MTZ54" s="7">
        <f t="shared" si="949"/>
        <v>3128.5920000000001</v>
      </c>
      <c r="MUA54" s="7">
        <f t="shared" si="949"/>
        <v>3128.5920000000001</v>
      </c>
      <c r="MUB54" s="7">
        <f t="shared" si="949"/>
        <v>3128.5920000000001</v>
      </c>
      <c r="MUC54" s="7">
        <f t="shared" si="949"/>
        <v>3128.5920000000001</v>
      </c>
      <c r="MUD54" s="7">
        <f t="shared" si="949"/>
        <v>3128.5920000000001</v>
      </c>
      <c r="MUE54" s="7">
        <f t="shared" si="949"/>
        <v>3128.5920000000001</v>
      </c>
      <c r="MUF54" s="7">
        <f t="shared" si="949"/>
        <v>3128.5920000000001</v>
      </c>
      <c r="MUG54" s="7">
        <f t="shared" si="949"/>
        <v>3128.5920000000001</v>
      </c>
      <c r="MUH54" s="7">
        <f t="shared" si="949"/>
        <v>3128.5920000000001</v>
      </c>
      <c r="MUI54" s="7">
        <f t="shared" si="949"/>
        <v>3128.5920000000001</v>
      </c>
      <c r="MUJ54" s="7">
        <f t="shared" si="949"/>
        <v>3128.5920000000001</v>
      </c>
      <c r="MUK54" s="7">
        <f t="shared" si="949"/>
        <v>3128.5920000000001</v>
      </c>
      <c r="MUL54" s="7">
        <f t="shared" si="949"/>
        <v>3128.5920000000001</v>
      </c>
      <c r="MUM54" s="7">
        <f t="shared" si="949"/>
        <v>3128.5920000000001</v>
      </c>
      <c r="MUN54" s="7">
        <f t="shared" si="949"/>
        <v>3128.5920000000001</v>
      </c>
      <c r="MUO54" s="7">
        <f t="shared" si="949"/>
        <v>3128.5920000000001</v>
      </c>
      <c r="MUP54" s="7">
        <f t="shared" si="949"/>
        <v>3128.5920000000001</v>
      </c>
      <c r="MUQ54" s="7">
        <f t="shared" si="949"/>
        <v>3128.5920000000001</v>
      </c>
      <c r="MUR54" s="7">
        <f t="shared" si="949"/>
        <v>3128.5920000000001</v>
      </c>
      <c r="MUS54" s="7">
        <f t="shared" si="949"/>
        <v>3128.5920000000001</v>
      </c>
      <c r="MUT54" s="7">
        <f t="shared" ref="MUT54:MXE54" si="950">MUT49+MUS54</f>
        <v>3128.5920000000001</v>
      </c>
      <c r="MUU54" s="7">
        <f t="shared" si="950"/>
        <v>3128.5920000000001</v>
      </c>
      <c r="MUV54" s="7">
        <f t="shared" si="950"/>
        <v>3128.5920000000001</v>
      </c>
      <c r="MUW54" s="7">
        <f t="shared" si="950"/>
        <v>3128.5920000000001</v>
      </c>
      <c r="MUX54" s="7">
        <f t="shared" si="950"/>
        <v>3128.5920000000001</v>
      </c>
      <c r="MUY54" s="7">
        <f t="shared" si="950"/>
        <v>3128.5920000000001</v>
      </c>
      <c r="MUZ54" s="7">
        <f t="shared" si="950"/>
        <v>3128.5920000000001</v>
      </c>
      <c r="MVA54" s="7">
        <f t="shared" si="950"/>
        <v>3128.5920000000001</v>
      </c>
      <c r="MVB54" s="7">
        <f t="shared" si="950"/>
        <v>3128.5920000000001</v>
      </c>
      <c r="MVC54" s="7">
        <f t="shared" si="950"/>
        <v>3128.5920000000001</v>
      </c>
      <c r="MVD54" s="7">
        <f t="shared" si="950"/>
        <v>3128.5920000000001</v>
      </c>
      <c r="MVE54" s="7">
        <f t="shared" si="950"/>
        <v>3128.5920000000001</v>
      </c>
      <c r="MVF54" s="7">
        <f t="shared" si="950"/>
        <v>3128.5920000000001</v>
      </c>
      <c r="MVG54" s="7">
        <f t="shared" si="950"/>
        <v>3128.5920000000001</v>
      </c>
      <c r="MVH54" s="7">
        <f t="shared" si="950"/>
        <v>3128.5920000000001</v>
      </c>
      <c r="MVI54" s="7">
        <f t="shared" si="950"/>
        <v>3128.5920000000001</v>
      </c>
      <c r="MVJ54" s="7">
        <f t="shared" si="950"/>
        <v>3128.5920000000001</v>
      </c>
      <c r="MVK54" s="7">
        <f t="shared" si="950"/>
        <v>3128.5920000000001</v>
      </c>
      <c r="MVL54" s="7">
        <f t="shared" si="950"/>
        <v>3128.5920000000001</v>
      </c>
      <c r="MVM54" s="7">
        <f t="shared" si="950"/>
        <v>3128.5920000000001</v>
      </c>
      <c r="MVN54" s="7">
        <f t="shared" si="950"/>
        <v>3128.5920000000001</v>
      </c>
      <c r="MVO54" s="7">
        <f t="shared" si="950"/>
        <v>3128.5920000000001</v>
      </c>
      <c r="MVP54" s="7">
        <f t="shared" si="950"/>
        <v>3128.5920000000001</v>
      </c>
      <c r="MVQ54" s="7">
        <f t="shared" si="950"/>
        <v>3128.5920000000001</v>
      </c>
      <c r="MVR54" s="7">
        <f t="shared" si="950"/>
        <v>3128.5920000000001</v>
      </c>
      <c r="MVS54" s="7">
        <f t="shared" si="950"/>
        <v>3128.5920000000001</v>
      </c>
      <c r="MVT54" s="7">
        <f t="shared" si="950"/>
        <v>3128.5920000000001</v>
      </c>
      <c r="MVU54" s="7">
        <f t="shared" si="950"/>
        <v>3128.5920000000001</v>
      </c>
      <c r="MVV54" s="7">
        <f t="shared" si="950"/>
        <v>3128.5920000000001</v>
      </c>
      <c r="MVW54" s="7">
        <f t="shared" si="950"/>
        <v>3128.5920000000001</v>
      </c>
      <c r="MVX54" s="7">
        <f t="shared" si="950"/>
        <v>3128.5920000000001</v>
      </c>
      <c r="MVY54" s="7">
        <f t="shared" si="950"/>
        <v>3128.5920000000001</v>
      </c>
      <c r="MVZ54" s="7">
        <f t="shared" si="950"/>
        <v>3128.5920000000001</v>
      </c>
      <c r="MWA54" s="7">
        <f t="shared" si="950"/>
        <v>3128.5920000000001</v>
      </c>
      <c r="MWB54" s="7">
        <f t="shared" si="950"/>
        <v>3128.5920000000001</v>
      </c>
      <c r="MWC54" s="7">
        <f t="shared" si="950"/>
        <v>3128.5920000000001</v>
      </c>
      <c r="MWD54" s="7">
        <f t="shared" si="950"/>
        <v>3128.5920000000001</v>
      </c>
      <c r="MWE54" s="7">
        <f t="shared" si="950"/>
        <v>3128.5920000000001</v>
      </c>
      <c r="MWF54" s="7">
        <f t="shared" si="950"/>
        <v>3128.5920000000001</v>
      </c>
      <c r="MWG54" s="7">
        <f t="shared" si="950"/>
        <v>3128.5920000000001</v>
      </c>
      <c r="MWH54" s="7">
        <f t="shared" si="950"/>
        <v>3128.5920000000001</v>
      </c>
      <c r="MWI54" s="7">
        <f t="shared" si="950"/>
        <v>3128.5920000000001</v>
      </c>
      <c r="MWJ54" s="7">
        <f t="shared" si="950"/>
        <v>3128.5920000000001</v>
      </c>
      <c r="MWK54" s="7">
        <f t="shared" si="950"/>
        <v>3128.5920000000001</v>
      </c>
      <c r="MWL54" s="7">
        <f t="shared" si="950"/>
        <v>3128.5920000000001</v>
      </c>
      <c r="MWM54" s="7">
        <f t="shared" si="950"/>
        <v>3128.5920000000001</v>
      </c>
      <c r="MWN54" s="7">
        <f t="shared" si="950"/>
        <v>3128.5920000000001</v>
      </c>
      <c r="MWO54" s="7">
        <f t="shared" si="950"/>
        <v>3128.5920000000001</v>
      </c>
      <c r="MWP54" s="7">
        <f t="shared" si="950"/>
        <v>3128.5920000000001</v>
      </c>
      <c r="MWQ54" s="7">
        <f t="shared" si="950"/>
        <v>3128.5920000000001</v>
      </c>
      <c r="MWR54" s="7">
        <f t="shared" si="950"/>
        <v>3128.5920000000001</v>
      </c>
      <c r="MWS54" s="7">
        <f t="shared" si="950"/>
        <v>3128.5920000000001</v>
      </c>
      <c r="MWT54" s="7">
        <f t="shared" si="950"/>
        <v>3128.5920000000001</v>
      </c>
      <c r="MWU54" s="7">
        <f t="shared" si="950"/>
        <v>3128.5920000000001</v>
      </c>
      <c r="MWV54" s="7">
        <f t="shared" si="950"/>
        <v>3128.5920000000001</v>
      </c>
      <c r="MWW54" s="7">
        <f t="shared" si="950"/>
        <v>3128.5920000000001</v>
      </c>
      <c r="MWX54" s="7">
        <f t="shared" si="950"/>
        <v>3128.5920000000001</v>
      </c>
      <c r="MWY54" s="7">
        <f t="shared" si="950"/>
        <v>3128.5920000000001</v>
      </c>
      <c r="MWZ54" s="7">
        <f t="shared" si="950"/>
        <v>3128.5920000000001</v>
      </c>
      <c r="MXA54" s="7">
        <f t="shared" si="950"/>
        <v>3128.5920000000001</v>
      </c>
      <c r="MXB54" s="7">
        <f t="shared" si="950"/>
        <v>3128.5920000000001</v>
      </c>
      <c r="MXC54" s="7">
        <f t="shared" si="950"/>
        <v>3128.5920000000001</v>
      </c>
      <c r="MXD54" s="7">
        <f t="shared" si="950"/>
        <v>3128.5920000000001</v>
      </c>
      <c r="MXE54" s="7">
        <f t="shared" si="950"/>
        <v>3128.5920000000001</v>
      </c>
      <c r="MXF54" s="7">
        <f t="shared" ref="MXF54:MZQ54" si="951">MXF49+MXE54</f>
        <v>3128.5920000000001</v>
      </c>
      <c r="MXG54" s="7">
        <f t="shared" si="951"/>
        <v>3128.5920000000001</v>
      </c>
      <c r="MXH54" s="7">
        <f t="shared" si="951"/>
        <v>3128.5920000000001</v>
      </c>
      <c r="MXI54" s="7">
        <f t="shared" si="951"/>
        <v>3128.5920000000001</v>
      </c>
      <c r="MXJ54" s="7">
        <f t="shared" si="951"/>
        <v>3128.5920000000001</v>
      </c>
      <c r="MXK54" s="7">
        <f t="shared" si="951"/>
        <v>3128.5920000000001</v>
      </c>
      <c r="MXL54" s="7">
        <f t="shared" si="951"/>
        <v>3128.5920000000001</v>
      </c>
      <c r="MXM54" s="7">
        <f t="shared" si="951"/>
        <v>3128.5920000000001</v>
      </c>
      <c r="MXN54" s="7">
        <f t="shared" si="951"/>
        <v>3128.5920000000001</v>
      </c>
      <c r="MXO54" s="7">
        <f t="shared" si="951"/>
        <v>3128.5920000000001</v>
      </c>
      <c r="MXP54" s="7">
        <f t="shared" si="951"/>
        <v>3128.5920000000001</v>
      </c>
      <c r="MXQ54" s="7">
        <f t="shared" si="951"/>
        <v>3128.5920000000001</v>
      </c>
      <c r="MXR54" s="7">
        <f t="shared" si="951"/>
        <v>3128.5920000000001</v>
      </c>
      <c r="MXS54" s="7">
        <f t="shared" si="951"/>
        <v>3128.5920000000001</v>
      </c>
      <c r="MXT54" s="7">
        <f t="shared" si="951"/>
        <v>3128.5920000000001</v>
      </c>
      <c r="MXU54" s="7">
        <f t="shared" si="951"/>
        <v>3128.5920000000001</v>
      </c>
      <c r="MXV54" s="7">
        <f t="shared" si="951"/>
        <v>3128.5920000000001</v>
      </c>
      <c r="MXW54" s="7">
        <f t="shared" si="951"/>
        <v>3128.5920000000001</v>
      </c>
      <c r="MXX54" s="7">
        <f t="shared" si="951"/>
        <v>3128.5920000000001</v>
      </c>
      <c r="MXY54" s="7">
        <f t="shared" si="951"/>
        <v>3128.5920000000001</v>
      </c>
      <c r="MXZ54" s="7">
        <f t="shared" si="951"/>
        <v>3128.5920000000001</v>
      </c>
      <c r="MYA54" s="7">
        <f t="shared" si="951"/>
        <v>3128.5920000000001</v>
      </c>
      <c r="MYB54" s="7">
        <f t="shared" si="951"/>
        <v>3128.5920000000001</v>
      </c>
      <c r="MYC54" s="7">
        <f t="shared" si="951"/>
        <v>3128.5920000000001</v>
      </c>
      <c r="MYD54" s="7">
        <f t="shared" si="951"/>
        <v>3128.5920000000001</v>
      </c>
      <c r="MYE54" s="7">
        <f t="shared" si="951"/>
        <v>3128.5920000000001</v>
      </c>
      <c r="MYF54" s="7">
        <f t="shared" si="951"/>
        <v>3128.5920000000001</v>
      </c>
      <c r="MYG54" s="7">
        <f t="shared" si="951"/>
        <v>3128.5920000000001</v>
      </c>
      <c r="MYH54" s="7">
        <f t="shared" si="951"/>
        <v>3128.5920000000001</v>
      </c>
      <c r="MYI54" s="7">
        <f t="shared" si="951"/>
        <v>3128.5920000000001</v>
      </c>
      <c r="MYJ54" s="7">
        <f t="shared" si="951"/>
        <v>3128.5920000000001</v>
      </c>
      <c r="MYK54" s="7">
        <f t="shared" si="951"/>
        <v>3128.5920000000001</v>
      </c>
      <c r="MYL54" s="7">
        <f t="shared" si="951"/>
        <v>3128.5920000000001</v>
      </c>
      <c r="MYM54" s="7">
        <f t="shared" si="951"/>
        <v>3128.5920000000001</v>
      </c>
      <c r="MYN54" s="7">
        <f t="shared" si="951"/>
        <v>3128.5920000000001</v>
      </c>
      <c r="MYO54" s="7">
        <f t="shared" si="951"/>
        <v>3128.5920000000001</v>
      </c>
      <c r="MYP54" s="7">
        <f t="shared" si="951"/>
        <v>3128.5920000000001</v>
      </c>
      <c r="MYQ54" s="7">
        <f t="shared" si="951"/>
        <v>3128.5920000000001</v>
      </c>
      <c r="MYR54" s="7">
        <f t="shared" si="951"/>
        <v>3128.5920000000001</v>
      </c>
      <c r="MYS54" s="7">
        <f t="shared" si="951"/>
        <v>3128.5920000000001</v>
      </c>
      <c r="MYT54" s="7">
        <f t="shared" si="951"/>
        <v>3128.5920000000001</v>
      </c>
      <c r="MYU54" s="7">
        <f t="shared" si="951"/>
        <v>3128.5920000000001</v>
      </c>
      <c r="MYV54" s="7">
        <f t="shared" si="951"/>
        <v>3128.5920000000001</v>
      </c>
      <c r="MYW54" s="7">
        <f t="shared" si="951"/>
        <v>3128.5920000000001</v>
      </c>
      <c r="MYX54" s="7">
        <f t="shared" si="951"/>
        <v>3128.5920000000001</v>
      </c>
      <c r="MYY54" s="7">
        <f t="shared" si="951"/>
        <v>3128.5920000000001</v>
      </c>
      <c r="MYZ54" s="7">
        <f t="shared" si="951"/>
        <v>3128.5920000000001</v>
      </c>
      <c r="MZA54" s="7">
        <f t="shared" si="951"/>
        <v>3128.5920000000001</v>
      </c>
      <c r="MZB54" s="7">
        <f t="shared" si="951"/>
        <v>3128.5920000000001</v>
      </c>
      <c r="MZC54" s="7">
        <f t="shared" si="951"/>
        <v>3128.5920000000001</v>
      </c>
      <c r="MZD54" s="7">
        <f t="shared" si="951"/>
        <v>3128.5920000000001</v>
      </c>
      <c r="MZE54" s="7">
        <f t="shared" si="951"/>
        <v>3128.5920000000001</v>
      </c>
      <c r="MZF54" s="7">
        <f t="shared" si="951"/>
        <v>3128.5920000000001</v>
      </c>
      <c r="MZG54" s="7">
        <f t="shared" si="951"/>
        <v>3128.5920000000001</v>
      </c>
      <c r="MZH54" s="7">
        <f t="shared" si="951"/>
        <v>3128.5920000000001</v>
      </c>
      <c r="MZI54" s="7">
        <f t="shared" si="951"/>
        <v>3128.5920000000001</v>
      </c>
      <c r="MZJ54" s="7">
        <f t="shared" si="951"/>
        <v>3128.5920000000001</v>
      </c>
      <c r="MZK54" s="7">
        <f t="shared" si="951"/>
        <v>3128.5920000000001</v>
      </c>
      <c r="MZL54" s="7">
        <f t="shared" si="951"/>
        <v>3128.5920000000001</v>
      </c>
      <c r="MZM54" s="7">
        <f t="shared" si="951"/>
        <v>3128.5920000000001</v>
      </c>
      <c r="MZN54" s="7">
        <f t="shared" si="951"/>
        <v>3128.5920000000001</v>
      </c>
      <c r="MZO54" s="7">
        <f t="shared" si="951"/>
        <v>3128.5920000000001</v>
      </c>
      <c r="MZP54" s="7">
        <f t="shared" si="951"/>
        <v>3128.5920000000001</v>
      </c>
      <c r="MZQ54" s="7">
        <f t="shared" si="951"/>
        <v>3128.5920000000001</v>
      </c>
      <c r="MZR54" s="7">
        <f t="shared" ref="MZR54:NCC54" si="952">MZR49+MZQ54</f>
        <v>3128.5920000000001</v>
      </c>
      <c r="MZS54" s="7">
        <f t="shared" si="952"/>
        <v>3128.5920000000001</v>
      </c>
      <c r="MZT54" s="7">
        <f t="shared" si="952"/>
        <v>3128.5920000000001</v>
      </c>
      <c r="MZU54" s="7">
        <f t="shared" si="952"/>
        <v>3128.5920000000001</v>
      </c>
      <c r="MZV54" s="7">
        <f t="shared" si="952"/>
        <v>3128.5920000000001</v>
      </c>
      <c r="MZW54" s="7">
        <f t="shared" si="952"/>
        <v>3128.5920000000001</v>
      </c>
      <c r="MZX54" s="7">
        <f t="shared" si="952"/>
        <v>3128.5920000000001</v>
      </c>
      <c r="MZY54" s="7">
        <f t="shared" si="952"/>
        <v>3128.5920000000001</v>
      </c>
      <c r="MZZ54" s="7">
        <f t="shared" si="952"/>
        <v>3128.5920000000001</v>
      </c>
      <c r="NAA54" s="7">
        <f t="shared" si="952"/>
        <v>3128.5920000000001</v>
      </c>
      <c r="NAB54" s="7">
        <f t="shared" si="952"/>
        <v>3128.5920000000001</v>
      </c>
      <c r="NAC54" s="7">
        <f t="shared" si="952"/>
        <v>3128.5920000000001</v>
      </c>
      <c r="NAD54" s="7">
        <f t="shared" si="952"/>
        <v>3128.5920000000001</v>
      </c>
      <c r="NAE54" s="7">
        <f t="shared" si="952"/>
        <v>3128.5920000000001</v>
      </c>
      <c r="NAF54" s="7">
        <f t="shared" si="952"/>
        <v>3128.5920000000001</v>
      </c>
      <c r="NAG54" s="7">
        <f t="shared" si="952"/>
        <v>3128.5920000000001</v>
      </c>
      <c r="NAH54" s="7">
        <f t="shared" si="952"/>
        <v>3128.5920000000001</v>
      </c>
      <c r="NAI54" s="7">
        <f t="shared" si="952"/>
        <v>3128.5920000000001</v>
      </c>
      <c r="NAJ54" s="7">
        <f t="shared" si="952"/>
        <v>3128.5920000000001</v>
      </c>
      <c r="NAK54" s="7">
        <f t="shared" si="952"/>
        <v>3128.5920000000001</v>
      </c>
      <c r="NAL54" s="7">
        <f t="shared" si="952"/>
        <v>3128.5920000000001</v>
      </c>
      <c r="NAM54" s="7">
        <f t="shared" si="952"/>
        <v>3128.5920000000001</v>
      </c>
      <c r="NAN54" s="7">
        <f t="shared" si="952"/>
        <v>3128.5920000000001</v>
      </c>
      <c r="NAO54" s="7">
        <f t="shared" si="952"/>
        <v>3128.5920000000001</v>
      </c>
      <c r="NAP54" s="7">
        <f t="shared" si="952"/>
        <v>3128.5920000000001</v>
      </c>
      <c r="NAQ54" s="7">
        <f t="shared" si="952"/>
        <v>3128.5920000000001</v>
      </c>
      <c r="NAR54" s="7">
        <f t="shared" si="952"/>
        <v>3128.5920000000001</v>
      </c>
      <c r="NAS54" s="7">
        <f t="shared" si="952"/>
        <v>3128.5920000000001</v>
      </c>
      <c r="NAT54" s="7">
        <f t="shared" si="952"/>
        <v>3128.5920000000001</v>
      </c>
      <c r="NAU54" s="7">
        <f t="shared" si="952"/>
        <v>3128.5920000000001</v>
      </c>
      <c r="NAV54" s="7">
        <f t="shared" si="952"/>
        <v>3128.5920000000001</v>
      </c>
      <c r="NAW54" s="7">
        <f t="shared" si="952"/>
        <v>3128.5920000000001</v>
      </c>
      <c r="NAX54" s="7">
        <f t="shared" si="952"/>
        <v>3128.5920000000001</v>
      </c>
      <c r="NAY54" s="7">
        <f t="shared" si="952"/>
        <v>3128.5920000000001</v>
      </c>
      <c r="NAZ54" s="7">
        <f t="shared" si="952"/>
        <v>3128.5920000000001</v>
      </c>
      <c r="NBA54" s="7">
        <f t="shared" si="952"/>
        <v>3128.5920000000001</v>
      </c>
      <c r="NBB54" s="7">
        <f t="shared" si="952"/>
        <v>3128.5920000000001</v>
      </c>
      <c r="NBC54" s="7">
        <f t="shared" si="952"/>
        <v>3128.5920000000001</v>
      </c>
      <c r="NBD54" s="7">
        <f t="shared" si="952"/>
        <v>3128.5920000000001</v>
      </c>
      <c r="NBE54" s="7">
        <f t="shared" si="952"/>
        <v>3128.5920000000001</v>
      </c>
      <c r="NBF54" s="7">
        <f t="shared" si="952"/>
        <v>3128.5920000000001</v>
      </c>
      <c r="NBG54" s="7">
        <f t="shared" si="952"/>
        <v>3128.5920000000001</v>
      </c>
      <c r="NBH54" s="7">
        <f t="shared" si="952"/>
        <v>3128.5920000000001</v>
      </c>
      <c r="NBI54" s="7">
        <f t="shared" si="952"/>
        <v>3128.5920000000001</v>
      </c>
      <c r="NBJ54" s="7">
        <f t="shared" si="952"/>
        <v>3128.5920000000001</v>
      </c>
      <c r="NBK54" s="7">
        <f t="shared" si="952"/>
        <v>3128.5920000000001</v>
      </c>
      <c r="NBL54" s="7">
        <f t="shared" si="952"/>
        <v>3128.5920000000001</v>
      </c>
      <c r="NBM54" s="7">
        <f t="shared" si="952"/>
        <v>3128.5920000000001</v>
      </c>
      <c r="NBN54" s="7">
        <f t="shared" si="952"/>
        <v>3128.5920000000001</v>
      </c>
      <c r="NBO54" s="7">
        <f t="shared" si="952"/>
        <v>3128.5920000000001</v>
      </c>
      <c r="NBP54" s="7">
        <f t="shared" si="952"/>
        <v>3128.5920000000001</v>
      </c>
      <c r="NBQ54" s="7">
        <f t="shared" si="952"/>
        <v>3128.5920000000001</v>
      </c>
      <c r="NBR54" s="7">
        <f t="shared" si="952"/>
        <v>3128.5920000000001</v>
      </c>
      <c r="NBS54" s="7">
        <f t="shared" si="952"/>
        <v>3128.5920000000001</v>
      </c>
      <c r="NBT54" s="7">
        <f t="shared" si="952"/>
        <v>3128.5920000000001</v>
      </c>
      <c r="NBU54" s="7">
        <f t="shared" si="952"/>
        <v>3128.5920000000001</v>
      </c>
      <c r="NBV54" s="7">
        <f t="shared" si="952"/>
        <v>3128.5920000000001</v>
      </c>
      <c r="NBW54" s="7">
        <f t="shared" si="952"/>
        <v>3128.5920000000001</v>
      </c>
      <c r="NBX54" s="7">
        <f t="shared" si="952"/>
        <v>3128.5920000000001</v>
      </c>
      <c r="NBY54" s="7">
        <f t="shared" si="952"/>
        <v>3128.5920000000001</v>
      </c>
      <c r="NBZ54" s="7">
        <f t="shared" si="952"/>
        <v>3128.5920000000001</v>
      </c>
      <c r="NCA54" s="7">
        <f t="shared" si="952"/>
        <v>3128.5920000000001</v>
      </c>
      <c r="NCB54" s="7">
        <f t="shared" si="952"/>
        <v>3128.5920000000001</v>
      </c>
      <c r="NCC54" s="7">
        <f t="shared" si="952"/>
        <v>3128.5920000000001</v>
      </c>
      <c r="NCD54" s="7">
        <f t="shared" ref="NCD54:NEO54" si="953">NCD49+NCC54</f>
        <v>3128.5920000000001</v>
      </c>
      <c r="NCE54" s="7">
        <f t="shared" si="953"/>
        <v>3128.5920000000001</v>
      </c>
      <c r="NCF54" s="7">
        <f t="shared" si="953"/>
        <v>3128.5920000000001</v>
      </c>
      <c r="NCG54" s="7">
        <f t="shared" si="953"/>
        <v>3128.5920000000001</v>
      </c>
      <c r="NCH54" s="7">
        <f t="shared" si="953"/>
        <v>3128.5920000000001</v>
      </c>
      <c r="NCI54" s="7">
        <f t="shared" si="953"/>
        <v>3128.5920000000001</v>
      </c>
      <c r="NCJ54" s="7">
        <f t="shared" si="953"/>
        <v>3128.5920000000001</v>
      </c>
      <c r="NCK54" s="7">
        <f t="shared" si="953"/>
        <v>3128.5920000000001</v>
      </c>
      <c r="NCL54" s="7">
        <f t="shared" si="953"/>
        <v>3128.5920000000001</v>
      </c>
      <c r="NCM54" s="7">
        <f t="shared" si="953"/>
        <v>3128.5920000000001</v>
      </c>
      <c r="NCN54" s="7">
        <f t="shared" si="953"/>
        <v>3128.5920000000001</v>
      </c>
      <c r="NCO54" s="7">
        <f t="shared" si="953"/>
        <v>3128.5920000000001</v>
      </c>
      <c r="NCP54" s="7">
        <f t="shared" si="953"/>
        <v>3128.5920000000001</v>
      </c>
      <c r="NCQ54" s="7">
        <f t="shared" si="953"/>
        <v>3128.5920000000001</v>
      </c>
      <c r="NCR54" s="7">
        <f t="shared" si="953"/>
        <v>3128.5920000000001</v>
      </c>
      <c r="NCS54" s="7">
        <f t="shared" si="953"/>
        <v>3128.5920000000001</v>
      </c>
      <c r="NCT54" s="7">
        <f t="shared" si="953"/>
        <v>3128.5920000000001</v>
      </c>
      <c r="NCU54" s="7">
        <f t="shared" si="953"/>
        <v>3128.5920000000001</v>
      </c>
      <c r="NCV54" s="7">
        <f t="shared" si="953"/>
        <v>3128.5920000000001</v>
      </c>
      <c r="NCW54" s="7">
        <f t="shared" si="953"/>
        <v>3128.5920000000001</v>
      </c>
      <c r="NCX54" s="7">
        <f t="shared" si="953"/>
        <v>3128.5920000000001</v>
      </c>
      <c r="NCY54" s="7">
        <f t="shared" si="953"/>
        <v>3128.5920000000001</v>
      </c>
      <c r="NCZ54" s="7">
        <f t="shared" si="953"/>
        <v>3128.5920000000001</v>
      </c>
      <c r="NDA54" s="7">
        <f t="shared" si="953"/>
        <v>3128.5920000000001</v>
      </c>
      <c r="NDB54" s="7">
        <f t="shared" si="953"/>
        <v>3128.5920000000001</v>
      </c>
      <c r="NDC54" s="7">
        <f t="shared" si="953"/>
        <v>3128.5920000000001</v>
      </c>
      <c r="NDD54" s="7">
        <f t="shared" si="953"/>
        <v>3128.5920000000001</v>
      </c>
      <c r="NDE54" s="7">
        <f t="shared" si="953"/>
        <v>3128.5920000000001</v>
      </c>
      <c r="NDF54" s="7">
        <f t="shared" si="953"/>
        <v>3128.5920000000001</v>
      </c>
      <c r="NDG54" s="7">
        <f t="shared" si="953"/>
        <v>3128.5920000000001</v>
      </c>
      <c r="NDH54" s="7">
        <f t="shared" si="953"/>
        <v>3128.5920000000001</v>
      </c>
      <c r="NDI54" s="7">
        <f t="shared" si="953"/>
        <v>3128.5920000000001</v>
      </c>
      <c r="NDJ54" s="7">
        <f t="shared" si="953"/>
        <v>3128.5920000000001</v>
      </c>
      <c r="NDK54" s="7">
        <f t="shared" si="953"/>
        <v>3128.5920000000001</v>
      </c>
      <c r="NDL54" s="7">
        <f t="shared" si="953"/>
        <v>3128.5920000000001</v>
      </c>
      <c r="NDM54" s="7">
        <f t="shared" si="953"/>
        <v>3128.5920000000001</v>
      </c>
      <c r="NDN54" s="7">
        <f t="shared" si="953"/>
        <v>3128.5920000000001</v>
      </c>
      <c r="NDO54" s="7">
        <f t="shared" si="953"/>
        <v>3128.5920000000001</v>
      </c>
      <c r="NDP54" s="7">
        <f t="shared" si="953"/>
        <v>3128.5920000000001</v>
      </c>
      <c r="NDQ54" s="7">
        <f t="shared" si="953"/>
        <v>3128.5920000000001</v>
      </c>
      <c r="NDR54" s="7">
        <f t="shared" si="953"/>
        <v>3128.5920000000001</v>
      </c>
      <c r="NDS54" s="7">
        <f t="shared" si="953"/>
        <v>3128.5920000000001</v>
      </c>
      <c r="NDT54" s="7">
        <f t="shared" si="953"/>
        <v>3128.5920000000001</v>
      </c>
      <c r="NDU54" s="7">
        <f t="shared" si="953"/>
        <v>3128.5920000000001</v>
      </c>
      <c r="NDV54" s="7">
        <f t="shared" si="953"/>
        <v>3128.5920000000001</v>
      </c>
      <c r="NDW54" s="7">
        <f t="shared" si="953"/>
        <v>3128.5920000000001</v>
      </c>
      <c r="NDX54" s="7">
        <f t="shared" si="953"/>
        <v>3128.5920000000001</v>
      </c>
      <c r="NDY54" s="7">
        <f t="shared" si="953"/>
        <v>3128.5920000000001</v>
      </c>
      <c r="NDZ54" s="7">
        <f t="shared" si="953"/>
        <v>3128.5920000000001</v>
      </c>
      <c r="NEA54" s="7">
        <f t="shared" si="953"/>
        <v>3128.5920000000001</v>
      </c>
      <c r="NEB54" s="7">
        <f t="shared" si="953"/>
        <v>3128.5920000000001</v>
      </c>
      <c r="NEC54" s="7">
        <f t="shared" si="953"/>
        <v>3128.5920000000001</v>
      </c>
      <c r="NED54" s="7">
        <f t="shared" si="953"/>
        <v>3128.5920000000001</v>
      </c>
      <c r="NEE54" s="7">
        <f t="shared" si="953"/>
        <v>3128.5920000000001</v>
      </c>
      <c r="NEF54" s="7">
        <f t="shared" si="953"/>
        <v>3128.5920000000001</v>
      </c>
      <c r="NEG54" s="7">
        <f t="shared" si="953"/>
        <v>3128.5920000000001</v>
      </c>
      <c r="NEH54" s="7">
        <f t="shared" si="953"/>
        <v>3128.5920000000001</v>
      </c>
      <c r="NEI54" s="7">
        <f t="shared" si="953"/>
        <v>3128.5920000000001</v>
      </c>
      <c r="NEJ54" s="7">
        <f t="shared" si="953"/>
        <v>3128.5920000000001</v>
      </c>
      <c r="NEK54" s="7">
        <f t="shared" si="953"/>
        <v>3128.5920000000001</v>
      </c>
      <c r="NEL54" s="7">
        <f t="shared" si="953"/>
        <v>3128.5920000000001</v>
      </c>
      <c r="NEM54" s="7">
        <f t="shared" si="953"/>
        <v>3128.5920000000001</v>
      </c>
      <c r="NEN54" s="7">
        <f t="shared" si="953"/>
        <v>3128.5920000000001</v>
      </c>
      <c r="NEO54" s="7">
        <f t="shared" si="953"/>
        <v>3128.5920000000001</v>
      </c>
      <c r="NEP54" s="7">
        <f t="shared" ref="NEP54:NHA54" si="954">NEP49+NEO54</f>
        <v>3128.5920000000001</v>
      </c>
      <c r="NEQ54" s="7">
        <f t="shared" si="954"/>
        <v>3128.5920000000001</v>
      </c>
      <c r="NER54" s="7">
        <f t="shared" si="954"/>
        <v>3128.5920000000001</v>
      </c>
      <c r="NES54" s="7">
        <f t="shared" si="954"/>
        <v>3128.5920000000001</v>
      </c>
      <c r="NET54" s="7">
        <f t="shared" si="954"/>
        <v>3128.5920000000001</v>
      </c>
      <c r="NEU54" s="7">
        <f t="shared" si="954"/>
        <v>3128.5920000000001</v>
      </c>
      <c r="NEV54" s="7">
        <f t="shared" si="954"/>
        <v>3128.5920000000001</v>
      </c>
      <c r="NEW54" s="7">
        <f t="shared" si="954"/>
        <v>3128.5920000000001</v>
      </c>
      <c r="NEX54" s="7">
        <f t="shared" si="954"/>
        <v>3128.5920000000001</v>
      </c>
      <c r="NEY54" s="7">
        <f t="shared" si="954"/>
        <v>3128.5920000000001</v>
      </c>
      <c r="NEZ54" s="7">
        <f t="shared" si="954"/>
        <v>3128.5920000000001</v>
      </c>
      <c r="NFA54" s="7">
        <f t="shared" si="954"/>
        <v>3128.5920000000001</v>
      </c>
      <c r="NFB54" s="7">
        <f t="shared" si="954"/>
        <v>3128.5920000000001</v>
      </c>
      <c r="NFC54" s="7">
        <f t="shared" si="954"/>
        <v>3128.5920000000001</v>
      </c>
      <c r="NFD54" s="7">
        <f t="shared" si="954"/>
        <v>3128.5920000000001</v>
      </c>
      <c r="NFE54" s="7">
        <f t="shared" si="954"/>
        <v>3128.5920000000001</v>
      </c>
      <c r="NFF54" s="7">
        <f t="shared" si="954"/>
        <v>3128.5920000000001</v>
      </c>
      <c r="NFG54" s="7">
        <f t="shared" si="954"/>
        <v>3128.5920000000001</v>
      </c>
      <c r="NFH54" s="7">
        <f t="shared" si="954"/>
        <v>3128.5920000000001</v>
      </c>
      <c r="NFI54" s="7">
        <f t="shared" si="954"/>
        <v>3128.5920000000001</v>
      </c>
      <c r="NFJ54" s="7">
        <f t="shared" si="954"/>
        <v>3128.5920000000001</v>
      </c>
      <c r="NFK54" s="7">
        <f t="shared" si="954"/>
        <v>3128.5920000000001</v>
      </c>
      <c r="NFL54" s="7">
        <f t="shared" si="954"/>
        <v>3128.5920000000001</v>
      </c>
      <c r="NFM54" s="7">
        <f t="shared" si="954"/>
        <v>3128.5920000000001</v>
      </c>
      <c r="NFN54" s="7">
        <f t="shared" si="954"/>
        <v>3128.5920000000001</v>
      </c>
      <c r="NFO54" s="7">
        <f t="shared" si="954"/>
        <v>3128.5920000000001</v>
      </c>
      <c r="NFP54" s="7">
        <f t="shared" si="954"/>
        <v>3128.5920000000001</v>
      </c>
      <c r="NFQ54" s="7">
        <f t="shared" si="954"/>
        <v>3128.5920000000001</v>
      </c>
      <c r="NFR54" s="7">
        <f t="shared" si="954"/>
        <v>3128.5920000000001</v>
      </c>
      <c r="NFS54" s="7">
        <f t="shared" si="954"/>
        <v>3128.5920000000001</v>
      </c>
      <c r="NFT54" s="7">
        <f t="shared" si="954"/>
        <v>3128.5920000000001</v>
      </c>
      <c r="NFU54" s="7">
        <f t="shared" si="954"/>
        <v>3128.5920000000001</v>
      </c>
      <c r="NFV54" s="7">
        <f t="shared" si="954"/>
        <v>3128.5920000000001</v>
      </c>
      <c r="NFW54" s="7">
        <f t="shared" si="954"/>
        <v>3128.5920000000001</v>
      </c>
      <c r="NFX54" s="7">
        <f t="shared" si="954"/>
        <v>3128.5920000000001</v>
      </c>
      <c r="NFY54" s="7">
        <f t="shared" si="954"/>
        <v>3128.5920000000001</v>
      </c>
      <c r="NFZ54" s="7">
        <f t="shared" si="954"/>
        <v>3128.5920000000001</v>
      </c>
      <c r="NGA54" s="7">
        <f t="shared" si="954"/>
        <v>3128.5920000000001</v>
      </c>
      <c r="NGB54" s="7">
        <f t="shared" si="954"/>
        <v>3128.5920000000001</v>
      </c>
      <c r="NGC54" s="7">
        <f t="shared" si="954"/>
        <v>3128.5920000000001</v>
      </c>
      <c r="NGD54" s="7">
        <f t="shared" si="954"/>
        <v>3128.5920000000001</v>
      </c>
      <c r="NGE54" s="7">
        <f t="shared" si="954"/>
        <v>3128.5920000000001</v>
      </c>
      <c r="NGF54" s="7">
        <f t="shared" si="954"/>
        <v>3128.5920000000001</v>
      </c>
      <c r="NGG54" s="7">
        <f t="shared" si="954"/>
        <v>3128.5920000000001</v>
      </c>
      <c r="NGH54" s="7">
        <f t="shared" si="954"/>
        <v>3128.5920000000001</v>
      </c>
      <c r="NGI54" s="7">
        <f t="shared" si="954"/>
        <v>3128.5920000000001</v>
      </c>
      <c r="NGJ54" s="7">
        <f t="shared" si="954"/>
        <v>3128.5920000000001</v>
      </c>
      <c r="NGK54" s="7">
        <f t="shared" si="954"/>
        <v>3128.5920000000001</v>
      </c>
      <c r="NGL54" s="7">
        <f t="shared" si="954"/>
        <v>3128.5920000000001</v>
      </c>
      <c r="NGM54" s="7">
        <f t="shared" si="954"/>
        <v>3128.5920000000001</v>
      </c>
      <c r="NGN54" s="7">
        <f t="shared" si="954"/>
        <v>3128.5920000000001</v>
      </c>
      <c r="NGO54" s="7">
        <f t="shared" si="954"/>
        <v>3128.5920000000001</v>
      </c>
      <c r="NGP54" s="7">
        <f t="shared" si="954"/>
        <v>3128.5920000000001</v>
      </c>
      <c r="NGQ54" s="7">
        <f t="shared" si="954"/>
        <v>3128.5920000000001</v>
      </c>
      <c r="NGR54" s="7">
        <f t="shared" si="954"/>
        <v>3128.5920000000001</v>
      </c>
      <c r="NGS54" s="7">
        <f t="shared" si="954"/>
        <v>3128.5920000000001</v>
      </c>
      <c r="NGT54" s="7">
        <f t="shared" si="954"/>
        <v>3128.5920000000001</v>
      </c>
      <c r="NGU54" s="7">
        <f t="shared" si="954"/>
        <v>3128.5920000000001</v>
      </c>
      <c r="NGV54" s="7">
        <f t="shared" si="954"/>
        <v>3128.5920000000001</v>
      </c>
      <c r="NGW54" s="7">
        <f t="shared" si="954"/>
        <v>3128.5920000000001</v>
      </c>
      <c r="NGX54" s="7">
        <f t="shared" si="954"/>
        <v>3128.5920000000001</v>
      </c>
      <c r="NGY54" s="7">
        <f t="shared" si="954"/>
        <v>3128.5920000000001</v>
      </c>
      <c r="NGZ54" s="7">
        <f t="shared" si="954"/>
        <v>3128.5920000000001</v>
      </c>
      <c r="NHA54" s="7">
        <f t="shared" si="954"/>
        <v>3128.5920000000001</v>
      </c>
      <c r="NHB54" s="7">
        <f t="shared" ref="NHB54:NJM54" si="955">NHB49+NHA54</f>
        <v>3128.5920000000001</v>
      </c>
      <c r="NHC54" s="7">
        <f t="shared" si="955"/>
        <v>3128.5920000000001</v>
      </c>
      <c r="NHD54" s="7">
        <f t="shared" si="955"/>
        <v>3128.5920000000001</v>
      </c>
      <c r="NHE54" s="7">
        <f t="shared" si="955"/>
        <v>3128.5920000000001</v>
      </c>
      <c r="NHF54" s="7">
        <f t="shared" si="955"/>
        <v>3128.5920000000001</v>
      </c>
      <c r="NHG54" s="7">
        <f t="shared" si="955"/>
        <v>3128.5920000000001</v>
      </c>
      <c r="NHH54" s="7">
        <f t="shared" si="955"/>
        <v>3128.5920000000001</v>
      </c>
      <c r="NHI54" s="7">
        <f t="shared" si="955"/>
        <v>3128.5920000000001</v>
      </c>
      <c r="NHJ54" s="7">
        <f t="shared" si="955"/>
        <v>3128.5920000000001</v>
      </c>
      <c r="NHK54" s="7">
        <f t="shared" si="955"/>
        <v>3128.5920000000001</v>
      </c>
      <c r="NHL54" s="7">
        <f t="shared" si="955"/>
        <v>3128.5920000000001</v>
      </c>
      <c r="NHM54" s="7">
        <f t="shared" si="955"/>
        <v>3128.5920000000001</v>
      </c>
      <c r="NHN54" s="7">
        <f t="shared" si="955"/>
        <v>3128.5920000000001</v>
      </c>
      <c r="NHO54" s="7">
        <f t="shared" si="955"/>
        <v>3128.5920000000001</v>
      </c>
      <c r="NHP54" s="7">
        <f t="shared" si="955"/>
        <v>3128.5920000000001</v>
      </c>
      <c r="NHQ54" s="7">
        <f t="shared" si="955"/>
        <v>3128.5920000000001</v>
      </c>
      <c r="NHR54" s="7">
        <f t="shared" si="955"/>
        <v>3128.5920000000001</v>
      </c>
      <c r="NHS54" s="7">
        <f t="shared" si="955"/>
        <v>3128.5920000000001</v>
      </c>
      <c r="NHT54" s="7">
        <f t="shared" si="955"/>
        <v>3128.5920000000001</v>
      </c>
      <c r="NHU54" s="7">
        <f t="shared" si="955"/>
        <v>3128.5920000000001</v>
      </c>
      <c r="NHV54" s="7">
        <f t="shared" si="955"/>
        <v>3128.5920000000001</v>
      </c>
      <c r="NHW54" s="7">
        <f t="shared" si="955"/>
        <v>3128.5920000000001</v>
      </c>
      <c r="NHX54" s="7">
        <f t="shared" si="955"/>
        <v>3128.5920000000001</v>
      </c>
      <c r="NHY54" s="7">
        <f t="shared" si="955"/>
        <v>3128.5920000000001</v>
      </c>
      <c r="NHZ54" s="7">
        <f t="shared" si="955"/>
        <v>3128.5920000000001</v>
      </c>
      <c r="NIA54" s="7">
        <f t="shared" si="955"/>
        <v>3128.5920000000001</v>
      </c>
      <c r="NIB54" s="7">
        <f t="shared" si="955"/>
        <v>3128.5920000000001</v>
      </c>
      <c r="NIC54" s="7">
        <f t="shared" si="955"/>
        <v>3128.5920000000001</v>
      </c>
      <c r="NID54" s="7">
        <f t="shared" si="955"/>
        <v>3128.5920000000001</v>
      </c>
      <c r="NIE54" s="7">
        <f t="shared" si="955"/>
        <v>3128.5920000000001</v>
      </c>
      <c r="NIF54" s="7">
        <f t="shared" si="955"/>
        <v>3128.5920000000001</v>
      </c>
      <c r="NIG54" s="7">
        <f t="shared" si="955"/>
        <v>3128.5920000000001</v>
      </c>
      <c r="NIH54" s="7">
        <f t="shared" si="955"/>
        <v>3128.5920000000001</v>
      </c>
      <c r="NII54" s="7">
        <f t="shared" si="955"/>
        <v>3128.5920000000001</v>
      </c>
      <c r="NIJ54" s="7">
        <f t="shared" si="955"/>
        <v>3128.5920000000001</v>
      </c>
      <c r="NIK54" s="7">
        <f t="shared" si="955"/>
        <v>3128.5920000000001</v>
      </c>
      <c r="NIL54" s="7">
        <f t="shared" si="955"/>
        <v>3128.5920000000001</v>
      </c>
      <c r="NIM54" s="7">
        <f t="shared" si="955"/>
        <v>3128.5920000000001</v>
      </c>
      <c r="NIN54" s="7">
        <f t="shared" si="955"/>
        <v>3128.5920000000001</v>
      </c>
      <c r="NIO54" s="7">
        <f t="shared" si="955"/>
        <v>3128.5920000000001</v>
      </c>
      <c r="NIP54" s="7">
        <f t="shared" si="955"/>
        <v>3128.5920000000001</v>
      </c>
      <c r="NIQ54" s="7">
        <f t="shared" si="955"/>
        <v>3128.5920000000001</v>
      </c>
      <c r="NIR54" s="7">
        <f t="shared" si="955"/>
        <v>3128.5920000000001</v>
      </c>
      <c r="NIS54" s="7">
        <f t="shared" si="955"/>
        <v>3128.5920000000001</v>
      </c>
      <c r="NIT54" s="7">
        <f t="shared" si="955"/>
        <v>3128.5920000000001</v>
      </c>
      <c r="NIU54" s="7">
        <f t="shared" si="955"/>
        <v>3128.5920000000001</v>
      </c>
      <c r="NIV54" s="7">
        <f t="shared" si="955"/>
        <v>3128.5920000000001</v>
      </c>
      <c r="NIW54" s="7">
        <f t="shared" si="955"/>
        <v>3128.5920000000001</v>
      </c>
      <c r="NIX54" s="7">
        <f t="shared" si="955"/>
        <v>3128.5920000000001</v>
      </c>
      <c r="NIY54" s="7">
        <f t="shared" si="955"/>
        <v>3128.5920000000001</v>
      </c>
      <c r="NIZ54" s="7">
        <f t="shared" si="955"/>
        <v>3128.5920000000001</v>
      </c>
      <c r="NJA54" s="7">
        <f t="shared" si="955"/>
        <v>3128.5920000000001</v>
      </c>
      <c r="NJB54" s="7">
        <f t="shared" si="955"/>
        <v>3128.5920000000001</v>
      </c>
      <c r="NJC54" s="7">
        <f t="shared" si="955"/>
        <v>3128.5920000000001</v>
      </c>
      <c r="NJD54" s="7">
        <f t="shared" si="955"/>
        <v>3128.5920000000001</v>
      </c>
      <c r="NJE54" s="7">
        <f t="shared" si="955"/>
        <v>3128.5920000000001</v>
      </c>
      <c r="NJF54" s="7">
        <f t="shared" si="955"/>
        <v>3128.5920000000001</v>
      </c>
      <c r="NJG54" s="7">
        <f t="shared" si="955"/>
        <v>3128.5920000000001</v>
      </c>
      <c r="NJH54" s="7">
        <f t="shared" si="955"/>
        <v>3128.5920000000001</v>
      </c>
      <c r="NJI54" s="7">
        <f t="shared" si="955"/>
        <v>3128.5920000000001</v>
      </c>
      <c r="NJJ54" s="7">
        <f t="shared" si="955"/>
        <v>3128.5920000000001</v>
      </c>
      <c r="NJK54" s="7">
        <f t="shared" si="955"/>
        <v>3128.5920000000001</v>
      </c>
      <c r="NJL54" s="7">
        <f t="shared" si="955"/>
        <v>3128.5920000000001</v>
      </c>
      <c r="NJM54" s="7">
        <f t="shared" si="955"/>
        <v>3128.5920000000001</v>
      </c>
      <c r="NJN54" s="7">
        <f t="shared" ref="NJN54:NLY54" si="956">NJN49+NJM54</f>
        <v>3128.5920000000001</v>
      </c>
      <c r="NJO54" s="7">
        <f t="shared" si="956"/>
        <v>3128.5920000000001</v>
      </c>
      <c r="NJP54" s="7">
        <f t="shared" si="956"/>
        <v>3128.5920000000001</v>
      </c>
      <c r="NJQ54" s="7">
        <f t="shared" si="956"/>
        <v>3128.5920000000001</v>
      </c>
      <c r="NJR54" s="7">
        <f t="shared" si="956"/>
        <v>3128.5920000000001</v>
      </c>
      <c r="NJS54" s="7">
        <f t="shared" si="956"/>
        <v>3128.5920000000001</v>
      </c>
      <c r="NJT54" s="7">
        <f t="shared" si="956"/>
        <v>3128.5920000000001</v>
      </c>
      <c r="NJU54" s="7">
        <f t="shared" si="956"/>
        <v>3128.5920000000001</v>
      </c>
      <c r="NJV54" s="7">
        <f t="shared" si="956"/>
        <v>3128.5920000000001</v>
      </c>
      <c r="NJW54" s="7">
        <f t="shared" si="956"/>
        <v>3128.5920000000001</v>
      </c>
      <c r="NJX54" s="7">
        <f t="shared" si="956"/>
        <v>3128.5920000000001</v>
      </c>
      <c r="NJY54" s="7">
        <f t="shared" si="956"/>
        <v>3128.5920000000001</v>
      </c>
      <c r="NJZ54" s="7">
        <f t="shared" si="956"/>
        <v>3128.5920000000001</v>
      </c>
      <c r="NKA54" s="7">
        <f t="shared" si="956"/>
        <v>3128.5920000000001</v>
      </c>
      <c r="NKB54" s="7">
        <f t="shared" si="956"/>
        <v>3128.5920000000001</v>
      </c>
      <c r="NKC54" s="7">
        <f t="shared" si="956"/>
        <v>3128.5920000000001</v>
      </c>
      <c r="NKD54" s="7">
        <f t="shared" si="956"/>
        <v>3128.5920000000001</v>
      </c>
      <c r="NKE54" s="7">
        <f t="shared" si="956"/>
        <v>3128.5920000000001</v>
      </c>
      <c r="NKF54" s="7">
        <f t="shared" si="956"/>
        <v>3128.5920000000001</v>
      </c>
      <c r="NKG54" s="7">
        <f t="shared" si="956"/>
        <v>3128.5920000000001</v>
      </c>
      <c r="NKH54" s="7">
        <f t="shared" si="956"/>
        <v>3128.5920000000001</v>
      </c>
      <c r="NKI54" s="7">
        <f t="shared" si="956"/>
        <v>3128.5920000000001</v>
      </c>
      <c r="NKJ54" s="7">
        <f t="shared" si="956"/>
        <v>3128.5920000000001</v>
      </c>
      <c r="NKK54" s="7">
        <f t="shared" si="956"/>
        <v>3128.5920000000001</v>
      </c>
      <c r="NKL54" s="7">
        <f t="shared" si="956"/>
        <v>3128.5920000000001</v>
      </c>
      <c r="NKM54" s="7">
        <f t="shared" si="956"/>
        <v>3128.5920000000001</v>
      </c>
      <c r="NKN54" s="7">
        <f t="shared" si="956"/>
        <v>3128.5920000000001</v>
      </c>
      <c r="NKO54" s="7">
        <f t="shared" si="956"/>
        <v>3128.5920000000001</v>
      </c>
      <c r="NKP54" s="7">
        <f t="shared" si="956"/>
        <v>3128.5920000000001</v>
      </c>
      <c r="NKQ54" s="7">
        <f t="shared" si="956"/>
        <v>3128.5920000000001</v>
      </c>
      <c r="NKR54" s="7">
        <f t="shared" si="956"/>
        <v>3128.5920000000001</v>
      </c>
      <c r="NKS54" s="7">
        <f t="shared" si="956"/>
        <v>3128.5920000000001</v>
      </c>
      <c r="NKT54" s="7">
        <f t="shared" si="956"/>
        <v>3128.5920000000001</v>
      </c>
      <c r="NKU54" s="7">
        <f t="shared" si="956"/>
        <v>3128.5920000000001</v>
      </c>
      <c r="NKV54" s="7">
        <f t="shared" si="956"/>
        <v>3128.5920000000001</v>
      </c>
      <c r="NKW54" s="7">
        <f t="shared" si="956"/>
        <v>3128.5920000000001</v>
      </c>
      <c r="NKX54" s="7">
        <f t="shared" si="956"/>
        <v>3128.5920000000001</v>
      </c>
      <c r="NKY54" s="7">
        <f t="shared" si="956"/>
        <v>3128.5920000000001</v>
      </c>
      <c r="NKZ54" s="7">
        <f t="shared" si="956"/>
        <v>3128.5920000000001</v>
      </c>
      <c r="NLA54" s="7">
        <f t="shared" si="956"/>
        <v>3128.5920000000001</v>
      </c>
      <c r="NLB54" s="7">
        <f t="shared" si="956"/>
        <v>3128.5920000000001</v>
      </c>
      <c r="NLC54" s="7">
        <f t="shared" si="956"/>
        <v>3128.5920000000001</v>
      </c>
      <c r="NLD54" s="7">
        <f t="shared" si="956"/>
        <v>3128.5920000000001</v>
      </c>
      <c r="NLE54" s="7">
        <f t="shared" si="956"/>
        <v>3128.5920000000001</v>
      </c>
      <c r="NLF54" s="7">
        <f t="shared" si="956"/>
        <v>3128.5920000000001</v>
      </c>
      <c r="NLG54" s="7">
        <f t="shared" si="956"/>
        <v>3128.5920000000001</v>
      </c>
      <c r="NLH54" s="7">
        <f t="shared" si="956"/>
        <v>3128.5920000000001</v>
      </c>
      <c r="NLI54" s="7">
        <f t="shared" si="956"/>
        <v>3128.5920000000001</v>
      </c>
      <c r="NLJ54" s="7">
        <f t="shared" si="956"/>
        <v>3128.5920000000001</v>
      </c>
      <c r="NLK54" s="7">
        <f t="shared" si="956"/>
        <v>3128.5920000000001</v>
      </c>
      <c r="NLL54" s="7">
        <f t="shared" si="956"/>
        <v>3128.5920000000001</v>
      </c>
      <c r="NLM54" s="7">
        <f t="shared" si="956"/>
        <v>3128.5920000000001</v>
      </c>
      <c r="NLN54" s="7">
        <f t="shared" si="956"/>
        <v>3128.5920000000001</v>
      </c>
      <c r="NLO54" s="7">
        <f t="shared" si="956"/>
        <v>3128.5920000000001</v>
      </c>
      <c r="NLP54" s="7">
        <f t="shared" si="956"/>
        <v>3128.5920000000001</v>
      </c>
      <c r="NLQ54" s="7">
        <f t="shared" si="956"/>
        <v>3128.5920000000001</v>
      </c>
      <c r="NLR54" s="7">
        <f t="shared" si="956"/>
        <v>3128.5920000000001</v>
      </c>
      <c r="NLS54" s="7">
        <f t="shared" si="956"/>
        <v>3128.5920000000001</v>
      </c>
      <c r="NLT54" s="7">
        <f t="shared" si="956"/>
        <v>3128.5920000000001</v>
      </c>
      <c r="NLU54" s="7">
        <f t="shared" si="956"/>
        <v>3128.5920000000001</v>
      </c>
      <c r="NLV54" s="7">
        <f t="shared" si="956"/>
        <v>3128.5920000000001</v>
      </c>
      <c r="NLW54" s="7">
        <f t="shared" si="956"/>
        <v>3128.5920000000001</v>
      </c>
      <c r="NLX54" s="7">
        <f t="shared" si="956"/>
        <v>3128.5920000000001</v>
      </c>
      <c r="NLY54" s="7">
        <f t="shared" si="956"/>
        <v>3128.5920000000001</v>
      </c>
      <c r="NLZ54" s="7">
        <f t="shared" ref="NLZ54:NOK54" si="957">NLZ49+NLY54</f>
        <v>3128.5920000000001</v>
      </c>
      <c r="NMA54" s="7">
        <f t="shared" si="957"/>
        <v>3128.5920000000001</v>
      </c>
      <c r="NMB54" s="7">
        <f t="shared" si="957"/>
        <v>3128.5920000000001</v>
      </c>
      <c r="NMC54" s="7">
        <f t="shared" si="957"/>
        <v>3128.5920000000001</v>
      </c>
      <c r="NMD54" s="7">
        <f t="shared" si="957"/>
        <v>3128.5920000000001</v>
      </c>
      <c r="NME54" s="7">
        <f t="shared" si="957"/>
        <v>3128.5920000000001</v>
      </c>
      <c r="NMF54" s="7">
        <f t="shared" si="957"/>
        <v>3128.5920000000001</v>
      </c>
      <c r="NMG54" s="7">
        <f t="shared" si="957"/>
        <v>3128.5920000000001</v>
      </c>
      <c r="NMH54" s="7">
        <f t="shared" si="957"/>
        <v>3128.5920000000001</v>
      </c>
      <c r="NMI54" s="7">
        <f t="shared" si="957"/>
        <v>3128.5920000000001</v>
      </c>
      <c r="NMJ54" s="7">
        <f t="shared" si="957"/>
        <v>3128.5920000000001</v>
      </c>
      <c r="NMK54" s="7">
        <f t="shared" si="957"/>
        <v>3128.5920000000001</v>
      </c>
      <c r="NML54" s="7">
        <f t="shared" si="957"/>
        <v>3128.5920000000001</v>
      </c>
      <c r="NMM54" s="7">
        <f t="shared" si="957"/>
        <v>3128.5920000000001</v>
      </c>
      <c r="NMN54" s="7">
        <f t="shared" si="957"/>
        <v>3128.5920000000001</v>
      </c>
      <c r="NMO54" s="7">
        <f t="shared" si="957"/>
        <v>3128.5920000000001</v>
      </c>
      <c r="NMP54" s="7">
        <f t="shared" si="957"/>
        <v>3128.5920000000001</v>
      </c>
      <c r="NMQ54" s="7">
        <f t="shared" si="957"/>
        <v>3128.5920000000001</v>
      </c>
      <c r="NMR54" s="7">
        <f t="shared" si="957"/>
        <v>3128.5920000000001</v>
      </c>
      <c r="NMS54" s="7">
        <f t="shared" si="957"/>
        <v>3128.5920000000001</v>
      </c>
      <c r="NMT54" s="7">
        <f t="shared" si="957"/>
        <v>3128.5920000000001</v>
      </c>
      <c r="NMU54" s="7">
        <f t="shared" si="957"/>
        <v>3128.5920000000001</v>
      </c>
      <c r="NMV54" s="7">
        <f t="shared" si="957"/>
        <v>3128.5920000000001</v>
      </c>
      <c r="NMW54" s="7">
        <f t="shared" si="957"/>
        <v>3128.5920000000001</v>
      </c>
      <c r="NMX54" s="7">
        <f t="shared" si="957"/>
        <v>3128.5920000000001</v>
      </c>
      <c r="NMY54" s="7">
        <f t="shared" si="957"/>
        <v>3128.5920000000001</v>
      </c>
      <c r="NMZ54" s="7">
        <f t="shared" si="957"/>
        <v>3128.5920000000001</v>
      </c>
      <c r="NNA54" s="7">
        <f t="shared" si="957"/>
        <v>3128.5920000000001</v>
      </c>
      <c r="NNB54" s="7">
        <f t="shared" si="957"/>
        <v>3128.5920000000001</v>
      </c>
      <c r="NNC54" s="7">
        <f t="shared" si="957"/>
        <v>3128.5920000000001</v>
      </c>
      <c r="NND54" s="7">
        <f t="shared" si="957"/>
        <v>3128.5920000000001</v>
      </c>
      <c r="NNE54" s="7">
        <f t="shared" si="957"/>
        <v>3128.5920000000001</v>
      </c>
      <c r="NNF54" s="7">
        <f t="shared" si="957"/>
        <v>3128.5920000000001</v>
      </c>
      <c r="NNG54" s="7">
        <f t="shared" si="957"/>
        <v>3128.5920000000001</v>
      </c>
      <c r="NNH54" s="7">
        <f t="shared" si="957"/>
        <v>3128.5920000000001</v>
      </c>
      <c r="NNI54" s="7">
        <f t="shared" si="957"/>
        <v>3128.5920000000001</v>
      </c>
      <c r="NNJ54" s="7">
        <f t="shared" si="957"/>
        <v>3128.5920000000001</v>
      </c>
      <c r="NNK54" s="7">
        <f t="shared" si="957"/>
        <v>3128.5920000000001</v>
      </c>
      <c r="NNL54" s="7">
        <f t="shared" si="957"/>
        <v>3128.5920000000001</v>
      </c>
      <c r="NNM54" s="7">
        <f t="shared" si="957"/>
        <v>3128.5920000000001</v>
      </c>
      <c r="NNN54" s="7">
        <f t="shared" si="957"/>
        <v>3128.5920000000001</v>
      </c>
      <c r="NNO54" s="7">
        <f t="shared" si="957"/>
        <v>3128.5920000000001</v>
      </c>
      <c r="NNP54" s="7">
        <f t="shared" si="957"/>
        <v>3128.5920000000001</v>
      </c>
      <c r="NNQ54" s="7">
        <f t="shared" si="957"/>
        <v>3128.5920000000001</v>
      </c>
      <c r="NNR54" s="7">
        <f t="shared" si="957"/>
        <v>3128.5920000000001</v>
      </c>
      <c r="NNS54" s="7">
        <f t="shared" si="957"/>
        <v>3128.5920000000001</v>
      </c>
      <c r="NNT54" s="7">
        <f t="shared" si="957"/>
        <v>3128.5920000000001</v>
      </c>
      <c r="NNU54" s="7">
        <f t="shared" si="957"/>
        <v>3128.5920000000001</v>
      </c>
      <c r="NNV54" s="7">
        <f t="shared" si="957"/>
        <v>3128.5920000000001</v>
      </c>
      <c r="NNW54" s="7">
        <f t="shared" si="957"/>
        <v>3128.5920000000001</v>
      </c>
      <c r="NNX54" s="7">
        <f t="shared" si="957"/>
        <v>3128.5920000000001</v>
      </c>
      <c r="NNY54" s="7">
        <f t="shared" si="957"/>
        <v>3128.5920000000001</v>
      </c>
      <c r="NNZ54" s="7">
        <f t="shared" si="957"/>
        <v>3128.5920000000001</v>
      </c>
      <c r="NOA54" s="7">
        <f t="shared" si="957"/>
        <v>3128.5920000000001</v>
      </c>
      <c r="NOB54" s="7">
        <f t="shared" si="957"/>
        <v>3128.5920000000001</v>
      </c>
      <c r="NOC54" s="7">
        <f t="shared" si="957"/>
        <v>3128.5920000000001</v>
      </c>
      <c r="NOD54" s="7">
        <f t="shared" si="957"/>
        <v>3128.5920000000001</v>
      </c>
      <c r="NOE54" s="7">
        <f t="shared" si="957"/>
        <v>3128.5920000000001</v>
      </c>
      <c r="NOF54" s="7">
        <f t="shared" si="957"/>
        <v>3128.5920000000001</v>
      </c>
      <c r="NOG54" s="7">
        <f t="shared" si="957"/>
        <v>3128.5920000000001</v>
      </c>
      <c r="NOH54" s="7">
        <f t="shared" si="957"/>
        <v>3128.5920000000001</v>
      </c>
      <c r="NOI54" s="7">
        <f t="shared" si="957"/>
        <v>3128.5920000000001</v>
      </c>
      <c r="NOJ54" s="7">
        <f t="shared" si="957"/>
        <v>3128.5920000000001</v>
      </c>
      <c r="NOK54" s="7">
        <f t="shared" si="957"/>
        <v>3128.5920000000001</v>
      </c>
      <c r="NOL54" s="7">
        <f t="shared" ref="NOL54:NQW54" si="958">NOL49+NOK54</f>
        <v>3128.5920000000001</v>
      </c>
      <c r="NOM54" s="7">
        <f t="shared" si="958"/>
        <v>3128.5920000000001</v>
      </c>
      <c r="NON54" s="7">
        <f t="shared" si="958"/>
        <v>3128.5920000000001</v>
      </c>
      <c r="NOO54" s="7">
        <f t="shared" si="958"/>
        <v>3128.5920000000001</v>
      </c>
      <c r="NOP54" s="7">
        <f t="shared" si="958"/>
        <v>3128.5920000000001</v>
      </c>
      <c r="NOQ54" s="7">
        <f t="shared" si="958"/>
        <v>3128.5920000000001</v>
      </c>
      <c r="NOR54" s="7">
        <f t="shared" si="958"/>
        <v>3128.5920000000001</v>
      </c>
      <c r="NOS54" s="7">
        <f t="shared" si="958"/>
        <v>3128.5920000000001</v>
      </c>
      <c r="NOT54" s="7">
        <f t="shared" si="958"/>
        <v>3128.5920000000001</v>
      </c>
      <c r="NOU54" s="7">
        <f t="shared" si="958"/>
        <v>3128.5920000000001</v>
      </c>
      <c r="NOV54" s="7">
        <f t="shared" si="958"/>
        <v>3128.5920000000001</v>
      </c>
      <c r="NOW54" s="7">
        <f t="shared" si="958"/>
        <v>3128.5920000000001</v>
      </c>
      <c r="NOX54" s="7">
        <f t="shared" si="958"/>
        <v>3128.5920000000001</v>
      </c>
      <c r="NOY54" s="7">
        <f t="shared" si="958"/>
        <v>3128.5920000000001</v>
      </c>
      <c r="NOZ54" s="7">
        <f t="shared" si="958"/>
        <v>3128.5920000000001</v>
      </c>
      <c r="NPA54" s="7">
        <f t="shared" si="958"/>
        <v>3128.5920000000001</v>
      </c>
      <c r="NPB54" s="7">
        <f t="shared" si="958"/>
        <v>3128.5920000000001</v>
      </c>
      <c r="NPC54" s="7">
        <f t="shared" si="958"/>
        <v>3128.5920000000001</v>
      </c>
      <c r="NPD54" s="7">
        <f t="shared" si="958"/>
        <v>3128.5920000000001</v>
      </c>
      <c r="NPE54" s="7">
        <f t="shared" si="958"/>
        <v>3128.5920000000001</v>
      </c>
      <c r="NPF54" s="7">
        <f t="shared" si="958"/>
        <v>3128.5920000000001</v>
      </c>
      <c r="NPG54" s="7">
        <f t="shared" si="958"/>
        <v>3128.5920000000001</v>
      </c>
      <c r="NPH54" s="7">
        <f t="shared" si="958"/>
        <v>3128.5920000000001</v>
      </c>
      <c r="NPI54" s="7">
        <f t="shared" si="958"/>
        <v>3128.5920000000001</v>
      </c>
      <c r="NPJ54" s="7">
        <f t="shared" si="958"/>
        <v>3128.5920000000001</v>
      </c>
      <c r="NPK54" s="7">
        <f t="shared" si="958"/>
        <v>3128.5920000000001</v>
      </c>
      <c r="NPL54" s="7">
        <f t="shared" si="958"/>
        <v>3128.5920000000001</v>
      </c>
      <c r="NPM54" s="7">
        <f t="shared" si="958"/>
        <v>3128.5920000000001</v>
      </c>
      <c r="NPN54" s="7">
        <f t="shared" si="958"/>
        <v>3128.5920000000001</v>
      </c>
      <c r="NPO54" s="7">
        <f t="shared" si="958"/>
        <v>3128.5920000000001</v>
      </c>
      <c r="NPP54" s="7">
        <f t="shared" si="958"/>
        <v>3128.5920000000001</v>
      </c>
      <c r="NPQ54" s="7">
        <f t="shared" si="958"/>
        <v>3128.5920000000001</v>
      </c>
      <c r="NPR54" s="7">
        <f t="shared" si="958"/>
        <v>3128.5920000000001</v>
      </c>
      <c r="NPS54" s="7">
        <f t="shared" si="958"/>
        <v>3128.5920000000001</v>
      </c>
      <c r="NPT54" s="7">
        <f t="shared" si="958"/>
        <v>3128.5920000000001</v>
      </c>
      <c r="NPU54" s="7">
        <f t="shared" si="958"/>
        <v>3128.5920000000001</v>
      </c>
      <c r="NPV54" s="7">
        <f t="shared" si="958"/>
        <v>3128.5920000000001</v>
      </c>
      <c r="NPW54" s="7">
        <f t="shared" si="958"/>
        <v>3128.5920000000001</v>
      </c>
      <c r="NPX54" s="7">
        <f t="shared" si="958"/>
        <v>3128.5920000000001</v>
      </c>
      <c r="NPY54" s="7">
        <f t="shared" si="958"/>
        <v>3128.5920000000001</v>
      </c>
      <c r="NPZ54" s="7">
        <f t="shared" si="958"/>
        <v>3128.5920000000001</v>
      </c>
      <c r="NQA54" s="7">
        <f t="shared" si="958"/>
        <v>3128.5920000000001</v>
      </c>
      <c r="NQB54" s="7">
        <f t="shared" si="958"/>
        <v>3128.5920000000001</v>
      </c>
      <c r="NQC54" s="7">
        <f t="shared" si="958"/>
        <v>3128.5920000000001</v>
      </c>
      <c r="NQD54" s="7">
        <f t="shared" si="958"/>
        <v>3128.5920000000001</v>
      </c>
      <c r="NQE54" s="7">
        <f t="shared" si="958"/>
        <v>3128.5920000000001</v>
      </c>
      <c r="NQF54" s="7">
        <f t="shared" si="958"/>
        <v>3128.5920000000001</v>
      </c>
      <c r="NQG54" s="7">
        <f t="shared" si="958"/>
        <v>3128.5920000000001</v>
      </c>
      <c r="NQH54" s="7">
        <f t="shared" si="958"/>
        <v>3128.5920000000001</v>
      </c>
      <c r="NQI54" s="7">
        <f t="shared" si="958"/>
        <v>3128.5920000000001</v>
      </c>
      <c r="NQJ54" s="7">
        <f t="shared" si="958"/>
        <v>3128.5920000000001</v>
      </c>
      <c r="NQK54" s="7">
        <f t="shared" si="958"/>
        <v>3128.5920000000001</v>
      </c>
      <c r="NQL54" s="7">
        <f t="shared" si="958"/>
        <v>3128.5920000000001</v>
      </c>
      <c r="NQM54" s="7">
        <f t="shared" si="958"/>
        <v>3128.5920000000001</v>
      </c>
      <c r="NQN54" s="7">
        <f t="shared" si="958"/>
        <v>3128.5920000000001</v>
      </c>
      <c r="NQO54" s="7">
        <f t="shared" si="958"/>
        <v>3128.5920000000001</v>
      </c>
      <c r="NQP54" s="7">
        <f t="shared" si="958"/>
        <v>3128.5920000000001</v>
      </c>
      <c r="NQQ54" s="7">
        <f t="shared" si="958"/>
        <v>3128.5920000000001</v>
      </c>
      <c r="NQR54" s="7">
        <f t="shared" si="958"/>
        <v>3128.5920000000001</v>
      </c>
      <c r="NQS54" s="7">
        <f t="shared" si="958"/>
        <v>3128.5920000000001</v>
      </c>
      <c r="NQT54" s="7">
        <f t="shared" si="958"/>
        <v>3128.5920000000001</v>
      </c>
      <c r="NQU54" s="7">
        <f t="shared" si="958"/>
        <v>3128.5920000000001</v>
      </c>
      <c r="NQV54" s="7">
        <f t="shared" si="958"/>
        <v>3128.5920000000001</v>
      </c>
      <c r="NQW54" s="7">
        <f t="shared" si="958"/>
        <v>3128.5920000000001</v>
      </c>
      <c r="NQX54" s="7">
        <f t="shared" ref="NQX54:NTI54" si="959">NQX49+NQW54</f>
        <v>3128.5920000000001</v>
      </c>
      <c r="NQY54" s="7">
        <f t="shared" si="959"/>
        <v>3128.5920000000001</v>
      </c>
      <c r="NQZ54" s="7">
        <f t="shared" si="959"/>
        <v>3128.5920000000001</v>
      </c>
      <c r="NRA54" s="7">
        <f t="shared" si="959"/>
        <v>3128.5920000000001</v>
      </c>
      <c r="NRB54" s="7">
        <f t="shared" si="959"/>
        <v>3128.5920000000001</v>
      </c>
      <c r="NRC54" s="7">
        <f t="shared" si="959"/>
        <v>3128.5920000000001</v>
      </c>
      <c r="NRD54" s="7">
        <f t="shared" si="959"/>
        <v>3128.5920000000001</v>
      </c>
      <c r="NRE54" s="7">
        <f t="shared" si="959"/>
        <v>3128.5920000000001</v>
      </c>
      <c r="NRF54" s="7">
        <f t="shared" si="959"/>
        <v>3128.5920000000001</v>
      </c>
      <c r="NRG54" s="7">
        <f t="shared" si="959"/>
        <v>3128.5920000000001</v>
      </c>
      <c r="NRH54" s="7">
        <f t="shared" si="959"/>
        <v>3128.5920000000001</v>
      </c>
      <c r="NRI54" s="7">
        <f t="shared" si="959"/>
        <v>3128.5920000000001</v>
      </c>
      <c r="NRJ54" s="7">
        <f t="shared" si="959"/>
        <v>3128.5920000000001</v>
      </c>
      <c r="NRK54" s="7">
        <f t="shared" si="959"/>
        <v>3128.5920000000001</v>
      </c>
      <c r="NRL54" s="7">
        <f t="shared" si="959"/>
        <v>3128.5920000000001</v>
      </c>
      <c r="NRM54" s="7">
        <f t="shared" si="959"/>
        <v>3128.5920000000001</v>
      </c>
      <c r="NRN54" s="7">
        <f t="shared" si="959"/>
        <v>3128.5920000000001</v>
      </c>
      <c r="NRO54" s="7">
        <f t="shared" si="959"/>
        <v>3128.5920000000001</v>
      </c>
      <c r="NRP54" s="7">
        <f t="shared" si="959"/>
        <v>3128.5920000000001</v>
      </c>
      <c r="NRQ54" s="7">
        <f t="shared" si="959"/>
        <v>3128.5920000000001</v>
      </c>
      <c r="NRR54" s="7">
        <f t="shared" si="959"/>
        <v>3128.5920000000001</v>
      </c>
      <c r="NRS54" s="7">
        <f t="shared" si="959"/>
        <v>3128.5920000000001</v>
      </c>
      <c r="NRT54" s="7">
        <f t="shared" si="959"/>
        <v>3128.5920000000001</v>
      </c>
      <c r="NRU54" s="7">
        <f t="shared" si="959"/>
        <v>3128.5920000000001</v>
      </c>
      <c r="NRV54" s="7">
        <f t="shared" si="959"/>
        <v>3128.5920000000001</v>
      </c>
      <c r="NRW54" s="7">
        <f t="shared" si="959"/>
        <v>3128.5920000000001</v>
      </c>
      <c r="NRX54" s="7">
        <f t="shared" si="959"/>
        <v>3128.5920000000001</v>
      </c>
      <c r="NRY54" s="7">
        <f t="shared" si="959"/>
        <v>3128.5920000000001</v>
      </c>
      <c r="NRZ54" s="7">
        <f t="shared" si="959"/>
        <v>3128.5920000000001</v>
      </c>
      <c r="NSA54" s="7">
        <f t="shared" si="959"/>
        <v>3128.5920000000001</v>
      </c>
      <c r="NSB54" s="7">
        <f t="shared" si="959"/>
        <v>3128.5920000000001</v>
      </c>
      <c r="NSC54" s="7">
        <f t="shared" si="959"/>
        <v>3128.5920000000001</v>
      </c>
      <c r="NSD54" s="7">
        <f t="shared" si="959"/>
        <v>3128.5920000000001</v>
      </c>
      <c r="NSE54" s="7">
        <f t="shared" si="959"/>
        <v>3128.5920000000001</v>
      </c>
      <c r="NSF54" s="7">
        <f t="shared" si="959"/>
        <v>3128.5920000000001</v>
      </c>
      <c r="NSG54" s="7">
        <f t="shared" si="959"/>
        <v>3128.5920000000001</v>
      </c>
      <c r="NSH54" s="7">
        <f t="shared" si="959"/>
        <v>3128.5920000000001</v>
      </c>
      <c r="NSI54" s="7">
        <f t="shared" si="959"/>
        <v>3128.5920000000001</v>
      </c>
      <c r="NSJ54" s="7">
        <f t="shared" si="959"/>
        <v>3128.5920000000001</v>
      </c>
      <c r="NSK54" s="7">
        <f t="shared" si="959"/>
        <v>3128.5920000000001</v>
      </c>
      <c r="NSL54" s="7">
        <f t="shared" si="959"/>
        <v>3128.5920000000001</v>
      </c>
      <c r="NSM54" s="7">
        <f t="shared" si="959"/>
        <v>3128.5920000000001</v>
      </c>
      <c r="NSN54" s="7">
        <f t="shared" si="959"/>
        <v>3128.5920000000001</v>
      </c>
      <c r="NSO54" s="7">
        <f t="shared" si="959"/>
        <v>3128.5920000000001</v>
      </c>
      <c r="NSP54" s="7">
        <f t="shared" si="959"/>
        <v>3128.5920000000001</v>
      </c>
      <c r="NSQ54" s="7">
        <f t="shared" si="959"/>
        <v>3128.5920000000001</v>
      </c>
      <c r="NSR54" s="7">
        <f t="shared" si="959"/>
        <v>3128.5920000000001</v>
      </c>
      <c r="NSS54" s="7">
        <f t="shared" si="959"/>
        <v>3128.5920000000001</v>
      </c>
      <c r="NST54" s="7">
        <f t="shared" si="959"/>
        <v>3128.5920000000001</v>
      </c>
      <c r="NSU54" s="7">
        <f t="shared" si="959"/>
        <v>3128.5920000000001</v>
      </c>
      <c r="NSV54" s="7">
        <f t="shared" si="959"/>
        <v>3128.5920000000001</v>
      </c>
      <c r="NSW54" s="7">
        <f t="shared" si="959"/>
        <v>3128.5920000000001</v>
      </c>
      <c r="NSX54" s="7">
        <f t="shared" si="959"/>
        <v>3128.5920000000001</v>
      </c>
      <c r="NSY54" s="7">
        <f t="shared" si="959"/>
        <v>3128.5920000000001</v>
      </c>
      <c r="NSZ54" s="7">
        <f t="shared" si="959"/>
        <v>3128.5920000000001</v>
      </c>
      <c r="NTA54" s="7">
        <f t="shared" si="959"/>
        <v>3128.5920000000001</v>
      </c>
      <c r="NTB54" s="7">
        <f t="shared" si="959"/>
        <v>3128.5920000000001</v>
      </c>
      <c r="NTC54" s="7">
        <f t="shared" si="959"/>
        <v>3128.5920000000001</v>
      </c>
      <c r="NTD54" s="7">
        <f t="shared" si="959"/>
        <v>3128.5920000000001</v>
      </c>
      <c r="NTE54" s="7">
        <f t="shared" si="959"/>
        <v>3128.5920000000001</v>
      </c>
      <c r="NTF54" s="7">
        <f t="shared" si="959"/>
        <v>3128.5920000000001</v>
      </c>
      <c r="NTG54" s="7">
        <f t="shared" si="959"/>
        <v>3128.5920000000001</v>
      </c>
      <c r="NTH54" s="7">
        <f t="shared" si="959"/>
        <v>3128.5920000000001</v>
      </c>
      <c r="NTI54" s="7">
        <f t="shared" si="959"/>
        <v>3128.5920000000001</v>
      </c>
      <c r="NTJ54" s="7">
        <f t="shared" ref="NTJ54:NVU54" si="960">NTJ49+NTI54</f>
        <v>3128.5920000000001</v>
      </c>
      <c r="NTK54" s="7">
        <f t="shared" si="960"/>
        <v>3128.5920000000001</v>
      </c>
      <c r="NTL54" s="7">
        <f t="shared" si="960"/>
        <v>3128.5920000000001</v>
      </c>
      <c r="NTM54" s="7">
        <f t="shared" si="960"/>
        <v>3128.5920000000001</v>
      </c>
      <c r="NTN54" s="7">
        <f t="shared" si="960"/>
        <v>3128.5920000000001</v>
      </c>
      <c r="NTO54" s="7">
        <f t="shared" si="960"/>
        <v>3128.5920000000001</v>
      </c>
      <c r="NTP54" s="7">
        <f t="shared" si="960"/>
        <v>3128.5920000000001</v>
      </c>
      <c r="NTQ54" s="7">
        <f t="shared" si="960"/>
        <v>3128.5920000000001</v>
      </c>
      <c r="NTR54" s="7">
        <f t="shared" si="960"/>
        <v>3128.5920000000001</v>
      </c>
      <c r="NTS54" s="7">
        <f t="shared" si="960"/>
        <v>3128.5920000000001</v>
      </c>
      <c r="NTT54" s="7">
        <f t="shared" si="960"/>
        <v>3128.5920000000001</v>
      </c>
      <c r="NTU54" s="7">
        <f t="shared" si="960"/>
        <v>3128.5920000000001</v>
      </c>
      <c r="NTV54" s="7">
        <f t="shared" si="960"/>
        <v>3128.5920000000001</v>
      </c>
      <c r="NTW54" s="7">
        <f t="shared" si="960"/>
        <v>3128.5920000000001</v>
      </c>
      <c r="NTX54" s="7">
        <f t="shared" si="960"/>
        <v>3128.5920000000001</v>
      </c>
      <c r="NTY54" s="7">
        <f t="shared" si="960"/>
        <v>3128.5920000000001</v>
      </c>
      <c r="NTZ54" s="7">
        <f t="shared" si="960"/>
        <v>3128.5920000000001</v>
      </c>
      <c r="NUA54" s="7">
        <f t="shared" si="960"/>
        <v>3128.5920000000001</v>
      </c>
      <c r="NUB54" s="7">
        <f t="shared" si="960"/>
        <v>3128.5920000000001</v>
      </c>
      <c r="NUC54" s="7">
        <f t="shared" si="960"/>
        <v>3128.5920000000001</v>
      </c>
      <c r="NUD54" s="7">
        <f t="shared" si="960"/>
        <v>3128.5920000000001</v>
      </c>
      <c r="NUE54" s="7">
        <f t="shared" si="960"/>
        <v>3128.5920000000001</v>
      </c>
      <c r="NUF54" s="7">
        <f t="shared" si="960"/>
        <v>3128.5920000000001</v>
      </c>
      <c r="NUG54" s="7">
        <f t="shared" si="960"/>
        <v>3128.5920000000001</v>
      </c>
      <c r="NUH54" s="7">
        <f t="shared" si="960"/>
        <v>3128.5920000000001</v>
      </c>
      <c r="NUI54" s="7">
        <f t="shared" si="960"/>
        <v>3128.5920000000001</v>
      </c>
      <c r="NUJ54" s="7">
        <f t="shared" si="960"/>
        <v>3128.5920000000001</v>
      </c>
      <c r="NUK54" s="7">
        <f t="shared" si="960"/>
        <v>3128.5920000000001</v>
      </c>
      <c r="NUL54" s="7">
        <f t="shared" si="960"/>
        <v>3128.5920000000001</v>
      </c>
      <c r="NUM54" s="7">
        <f t="shared" si="960"/>
        <v>3128.5920000000001</v>
      </c>
      <c r="NUN54" s="7">
        <f t="shared" si="960"/>
        <v>3128.5920000000001</v>
      </c>
      <c r="NUO54" s="7">
        <f t="shared" si="960"/>
        <v>3128.5920000000001</v>
      </c>
      <c r="NUP54" s="7">
        <f t="shared" si="960"/>
        <v>3128.5920000000001</v>
      </c>
      <c r="NUQ54" s="7">
        <f t="shared" si="960"/>
        <v>3128.5920000000001</v>
      </c>
      <c r="NUR54" s="7">
        <f t="shared" si="960"/>
        <v>3128.5920000000001</v>
      </c>
      <c r="NUS54" s="7">
        <f t="shared" si="960"/>
        <v>3128.5920000000001</v>
      </c>
      <c r="NUT54" s="7">
        <f t="shared" si="960"/>
        <v>3128.5920000000001</v>
      </c>
      <c r="NUU54" s="7">
        <f t="shared" si="960"/>
        <v>3128.5920000000001</v>
      </c>
      <c r="NUV54" s="7">
        <f t="shared" si="960"/>
        <v>3128.5920000000001</v>
      </c>
      <c r="NUW54" s="7">
        <f t="shared" si="960"/>
        <v>3128.5920000000001</v>
      </c>
      <c r="NUX54" s="7">
        <f t="shared" si="960"/>
        <v>3128.5920000000001</v>
      </c>
      <c r="NUY54" s="7">
        <f t="shared" si="960"/>
        <v>3128.5920000000001</v>
      </c>
      <c r="NUZ54" s="7">
        <f t="shared" si="960"/>
        <v>3128.5920000000001</v>
      </c>
      <c r="NVA54" s="7">
        <f t="shared" si="960"/>
        <v>3128.5920000000001</v>
      </c>
      <c r="NVB54" s="7">
        <f t="shared" si="960"/>
        <v>3128.5920000000001</v>
      </c>
      <c r="NVC54" s="7">
        <f t="shared" si="960"/>
        <v>3128.5920000000001</v>
      </c>
      <c r="NVD54" s="7">
        <f t="shared" si="960"/>
        <v>3128.5920000000001</v>
      </c>
      <c r="NVE54" s="7">
        <f t="shared" si="960"/>
        <v>3128.5920000000001</v>
      </c>
      <c r="NVF54" s="7">
        <f t="shared" si="960"/>
        <v>3128.5920000000001</v>
      </c>
      <c r="NVG54" s="7">
        <f t="shared" si="960"/>
        <v>3128.5920000000001</v>
      </c>
      <c r="NVH54" s="7">
        <f t="shared" si="960"/>
        <v>3128.5920000000001</v>
      </c>
      <c r="NVI54" s="7">
        <f t="shared" si="960"/>
        <v>3128.5920000000001</v>
      </c>
      <c r="NVJ54" s="7">
        <f t="shared" si="960"/>
        <v>3128.5920000000001</v>
      </c>
      <c r="NVK54" s="7">
        <f t="shared" si="960"/>
        <v>3128.5920000000001</v>
      </c>
      <c r="NVL54" s="7">
        <f t="shared" si="960"/>
        <v>3128.5920000000001</v>
      </c>
      <c r="NVM54" s="7">
        <f t="shared" si="960"/>
        <v>3128.5920000000001</v>
      </c>
      <c r="NVN54" s="7">
        <f t="shared" si="960"/>
        <v>3128.5920000000001</v>
      </c>
      <c r="NVO54" s="7">
        <f t="shared" si="960"/>
        <v>3128.5920000000001</v>
      </c>
      <c r="NVP54" s="7">
        <f t="shared" si="960"/>
        <v>3128.5920000000001</v>
      </c>
      <c r="NVQ54" s="7">
        <f t="shared" si="960"/>
        <v>3128.5920000000001</v>
      </c>
      <c r="NVR54" s="7">
        <f t="shared" si="960"/>
        <v>3128.5920000000001</v>
      </c>
      <c r="NVS54" s="7">
        <f t="shared" si="960"/>
        <v>3128.5920000000001</v>
      </c>
      <c r="NVT54" s="7">
        <f t="shared" si="960"/>
        <v>3128.5920000000001</v>
      </c>
      <c r="NVU54" s="7">
        <f t="shared" si="960"/>
        <v>3128.5920000000001</v>
      </c>
      <c r="NVV54" s="7">
        <f t="shared" ref="NVV54:NYG54" si="961">NVV49+NVU54</f>
        <v>3128.5920000000001</v>
      </c>
      <c r="NVW54" s="7">
        <f t="shared" si="961"/>
        <v>3128.5920000000001</v>
      </c>
      <c r="NVX54" s="7">
        <f t="shared" si="961"/>
        <v>3128.5920000000001</v>
      </c>
      <c r="NVY54" s="7">
        <f t="shared" si="961"/>
        <v>3128.5920000000001</v>
      </c>
      <c r="NVZ54" s="7">
        <f t="shared" si="961"/>
        <v>3128.5920000000001</v>
      </c>
      <c r="NWA54" s="7">
        <f t="shared" si="961"/>
        <v>3128.5920000000001</v>
      </c>
      <c r="NWB54" s="7">
        <f t="shared" si="961"/>
        <v>3128.5920000000001</v>
      </c>
      <c r="NWC54" s="7">
        <f t="shared" si="961"/>
        <v>3128.5920000000001</v>
      </c>
      <c r="NWD54" s="7">
        <f t="shared" si="961"/>
        <v>3128.5920000000001</v>
      </c>
      <c r="NWE54" s="7">
        <f t="shared" si="961"/>
        <v>3128.5920000000001</v>
      </c>
      <c r="NWF54" s="7">
        <f t="shared" si="961"/>
        <v>3128.5920000000001</v>
      </c>
      <c r="NWG54" s="7">
        <f t="shared" si="961"/>
        <v>3128.5920000000001</v>
      </c>
      <c r="NWH54" s="7">
        <f t="shared" si="961"/>
        <v>3128.5920000000001</v>
      </c>
      <c r="NWI54" s="7">
        <f t="shared" si="961"/>
        <v>3128.5920000000001</v>
      </c>
      <c r="NWJ54" s="7">
        <f t="shared" si="961"/>
        <v>3128.5920000000001</v>
      </c>
      <c r="NWK54" s="7">
        <f t="shared" si="961"/>
        <v>3128.5920000000001</v>
      </c>
      <c r="NWL54" s="7">
        <f t="shared" si="961"/>
        <v>3128.5920000000001</v>
      </c>
      <c r="NWM54" s="7">
        <f t="shared" si="961"/>
        <v>3128.5920000000001</v>
      </c>
      <c r="NWN54" s="7">
        <f t="shared" si="961"/>
        <v>3128.5920000000001</v>
      </c>
      <c r="NWO54" s="7">
        <f t="shared" si="961"/>
        <v>3128.5920000000001</v>
      </c>
      <c r="NWP54" s="7">
        <f t="shared" si="961"/>
        <v>3128.5920000000001</v>
      </c>
      <c r="NWQ54" s="7">
        <f t="shared" si="961"/>
        <v>3128.5920000000001</v>
      </c>
      <c r="NWR54" s="7">
        <f t="shared" si="961"/>
        <v>3128.5920000000001</v>
      </c>
      <c r="NWS54" s="7">
        <f t="shared" si="961"/>
        <v>3128.5920000000001</v>
      </c>
      <c r="NWT54" s="7">
        <f t="shared" si="961"/>
        <v>3128.5920000000001</v>
      </c>
      <c r="NWU54" s="7">
        <f t="shared" si="961"/>
        <v>3128.5920000000001</v>
      </c>
      <c r="NWV54" s="7">
        <f t="shared" si="961"/>
        <v>3128.5920000000001</v>
      </c>
      <c r="NWW54" s="7">
        <f t="shared" si="961"/>
        <v>3128.5920000000001</v>
      </c>
      <c r="NWX54" s="7">
        <f t="shared" si="961"/>
        <v>3128.5920000000001</v>
      </c>
      <c r="NWY54" s="7">
        <f t="shared" si="961"/>
        <v>3128.5920000000001</v>
      </c>
      <c r="NWZ54" s="7">
        <f t="shared" si="961"/>
        <v>3128.5920000000001</v>
      </c>
      <c r="NXA54" s="7">
        <f t="shared" si="961"/>
        <v>3128.5920000000001</v>
      </c>
      <c r="NXB54" s="7">
        <f t="shared" si="961"/>
        <v>3128.5920000000001</v>
      </c>
      <c r="NXC54" s="7">
        <f t="shared" si="961"/>
        <v>3128.5920000000001</v>
      </c>
      <c r="NXD54" s="7">
        <f t="shared" si="961"/>
        <v>3128.5920000000001</v>
      </c>
      <c r="NXE54" s="7">
        <f t="shared" si="961"/>
        <v>3128.5920000000001</v>
      </c>
      <c r="NXF54" s="7">
        <f t="shared" si="961"/>
        <v>3128.5920000000001</v>
      </c>
      <c r="NXG54" s="7">
        <f t="shared" si="961"/>
        <v>3128.5920000000001</v>
      </c>
      <c r="NXH54" s="7">
        <f t="shared" si="961"/>
        <v>3128.5920000000001</v>
      </c>
      <c r="NXI54" s="7">
        <f t="shared" si="961"/>
        <v>3128.5920000000001</v>
      </c>
      <c r="NXJ54" s="7">
        <f t="shared" si="961"/>
        <v>3128.5920000000001</v>
      </c>
      <c r="NXK54" s="7">
        <f t="shared" si="961"/>
        <v>3128.5920000000001</v>
      </c>
      <c r="NXL54" s="7">
        <f t="shared" si="961"/>
        <v>3128.5920000000001</v>
      </c>
      <c r="NXM54" s="7">
        <f t="shared" si="961"/>
        <v>3128.5920000000001</v>
      </c>
      <c r="NXN54" s="7">
        <f t="shared" si="961"/>
        <v>3128.5920000000001</v>
      </c>
      <c r="NXO54" s="7">
        <f t="shared" si="961"/>
        <v>3128.5920000000001</v>
      </c>
      <c r="NXP54" s="7">
        <f t="shared" si="961"/>
        <v>3128.5920000000001</v>
      </c>
      <c r="NXQ54" s="7">
        <f t="shared" si="961"/>
        <v>3128.5920000000001</v>
      </c>
      <c r="NXR54" s="7">
        <f t="shared" si="961"/>
        <v>3128.5920000000001</v>
      </c>
      <c r="NXS54" s="7">
        <f t="shared" si="961"/>
        <v>3128.5920000000001</v>
      </c>
      <c r="NXT54" s="7">
        <f t="shared" si="961"/>
        <v>3128.5920000000001</v>
      </c>
      <c r="NXU54" s="7">
        <f t="shared" si="961"/>
        <v>3128.5920000000001</v>
      </c>
      <c r="NXV54" s="7">
        <f t="shared" si="961"/>
        <v>3128.5920000000001</v>
      </c>
      <c r="NXW54" s="7">
        <f t="shared" si="961"/>
        <v>3128.5920000000001</v>
      </c>
      <c r="NXX54" s="7">
        <f t="shared" si="961"/>
        <v>3128.5920000000001</v>
      </c>
      <c r="NXY54" s="7">
        <f t="shared" si="961"/>
        <v>3128.5920000000001</v>
      </c>
      <c r="NXZ54" s="7">
        <f t="shared" si="961"/>
        <v>3128.5920000000001</v>
      </c>
      <c r="NYA54" s="7">
        <f t="shared" si="961"/>
        <v>3128.5920000000001</v>
      </c>
      <c r="NYB54" s="7">
        <f t="shared" si="961"/>
        <v>3128.5920000000001</v>
      </c>
      <c r="NYC54" s="7">
        <f t="shared" si="961"/>
        <v>3128.5920000000001</v>
      </c>
      <c r="NYD54" s="7">
        <f t="shared" si="961"/>
        <v>3128.5920000000001</v>
      </c>
      <c r="NYE54" s="7">
        <f t="shared" si="961"/>
        <v>3128.5920000000001</v>
      </c>
      <c r="NYF54" s="7">
        <f t="shared" si="961"/>
        <v>3128.5920000000001</v>
      </c>
      <c r="NYG54" s="7">
        <f t="shared" si="961"/>
        <v>3128.5920000000001</v>
      </c>
      <c r="NYH54" s="7">
        <f t="shared" ref="NYH54:OAS54" si="962">NYH49+NYG54</f>
        <v>3128.5920000000001</v>
      </c>
      <c r="NYI54" s="7">
        <f t="shared" si="962"/>
        <v>3128.5920000000001</v>
      </c>
      <c r="NYJ54" s="7">
        <f t="shared" si="962"/>
        <v>3128.5920000000001</v>
      </c>
      <c r="NYK54" s="7">
        <f t="shared" si="962"/>
        <v>3128.5920000000001</v>
      </c>
      <c r="NYL54" s="7">
        <f t="shared" si="962"/>
        <v>3128.5920000000001</v>
      </c>
      <c r="NYM54" s="7">
        <f t="shared" si="962"/>
        <v>3128.5920000000001</v>
      </c>
      <c r="NYN54" s="7">
        <f t="shared" si="962"/>
        <v>3128.5920000000001</v>
      </c>
      <c r="NYO54" s="7">
        <f t="shared" si="962"/>
        <v>3128.5920000000001</v>
      </c>
      <c r="NYP54" s="7">
        <f t="shared" si="962"/>
        <v>3128.5920000000001</v>
      </c>
      <c r="NYQ54" s="7">
        <f t="shared" si="962"/>
        <v>3128.5920000000001</v>
      </c>
      <c r="NYR54" s="7">
        <f t="shared" si="962"/>
        <v>3128.5920000000001</v>
      </c>
      <c r="NYS54" s="7">
        <f t="shared" si="962"/>
        <v>3128.5920000000001</v>
      </c>
      <c r="NYT54" s="7">
        <f t="shared" si="962"/>
        <v>3128.5920000000001</v>
      </c>
      <c r="NYU54" s="7">
        <f t="shared" si="962"/>
        <v>3128.5920000000001</v>
      </c>
      <c r="NYV54" s="7">
        <f t="shared" si="962"/>
        <v>3128.5920000000001</v>
      </c>
      <c r="NYW54" s="7">
        <f t="shared" si="962"/>
        <v>3128.5920000000001</v>
      </c>
      <c r="NYX54" s="7">
        <f t="shared" si="962"/>
        <v>3128.5920000000001</v>
      </c>
      <c r="NYY54" s="7">
        <f t="shared" si="962"/>
        <v>3128.5920000000001</v>
      </c>
      <c r="NYZ54" s="7">
        <f t="shared" si="962"/>
        <v>3128.5920000000001</v>
      </c>
      <c r="NZA54" s="7">
        <f t="shared" si="962"/>
        <v>3128.5920000000001</v>
      </c>
      <c r="NZB54" s="7">
        <f t="shared" si="962"/>
        <v>3128.5920000000001</v>
      </c>
      <c r="NZC54" s="7">
        <f t="shared" si="962"/>
        <v>3128.5920000000001</v>
      </c>
      <c r="NZD54" s="7">
        <f t="shared" si="962"/>
        <v>3128.5920000000001</v>
      </c>
      <c r="NZE54" s="7">
        <f t="shared" si="962"/>
        <v>3128.5920000000001</v>
      </c>
      <c r="NZF54" s="7">
        <f t="shared" si="962"/>
        <v>3128.5920000000001</v>
      </c>
      <c r="NZG54" s="7">
        <f t="shared" si="962"/>
        <v>3128.5920000000001</v>
      </c>
      <c r="NZH54" s="7">
        <f t="shared" si="962"/>
        <v>3128.5920000000001</v>
      </c>
      <c r="NZI54" s="7">
        <f t="shared" si="962"/>
        <v>3128.5920000000001</v>
      </c>
      <c r="NZJ54" s="7">
        <f t="shared" si="962"/>
        <v>3128.5920000000001</v>
      </c>
      <c r="NZK54" s="7">
        <f t="shared" si="962"/>
        <v>3128.5920000000001</v>
      </c>
      <c r="NZL54" s="7">
        <f t="shared" si="962"/>
        <v>3128.5920000000001</v>
      </c>
      <c r="NZM54" s="7">
        <f t="shared" si="962"/>
        <v>3128.5920000000001</v>
      </c>
      <c r="NZN54" s="7">
        <f t="shared" si="962"/>
        <v>3128.5920000000001</v>
      </c>
      <c r="NZO54" s="7">
        <f t="shared" si="962"/>
        <v>3128.5920000000001</v>
      </c>
      <c r="NZP54" s="7">
        <f t="shared" si="962"/>
        <v>3128.5920000000001</v>
      </c>
      <c r="NZQ54" s="7">
        <f t="shared" si="962"/>
        <v>3128.5920000000001</v>
      </c>
      <c r="NZR54" s="7">
        <f t="shared" si="962"/>
        <v>3128.5920000000001</v>
      </c>
      <c r="NZS54" s="7">
        <f t="shared" si="962"/>
        <v>3128.5920000000001</v>
      </c>
      <c r="NZT54" s="7">
        <f t="shared" si="962"/>
        <v>3128.5920000000001</v>
      </c>
      <c r="NZU54" s="7">
        <f t="shared" si="962"/>
        <v>3128.5920000000001</v>
      </c>
      <c r="NZV54" s="7">
        <f t="shared" si="962"/>
        <v>3128.5920000000001</v>
      </c>
      <c r="NZW54" s="7">
        <f t="shared" si="962"/>
        <v>3128.5920000000001</v>
      </c>
      <c r="NZX54" s="7">
        <f t="shared" si="962"/>
        <v>3128.5920000000001</v>
      </c>
      <c r="NZY54" s="7">
        <f t="shared" si="962"/>
        <v>3128.5920000000001</v>
      </c>
      <c r="NZZ54" s="7">
        <f t="shared" si="962"/>
        <v>3128.5920000000001</v>
      </c>
      <c r="OAA54" s="7">
        <f t="shared" si="962"/>
        <v>3128.5920000000001</v>
      </c>
      <c r="OAB54" s="7">
        <f t="shared" si="962"/>
        <v>3128.5920000000001</v>
      </c>
      <c r="OAC54" s="7">
        <f t="shared" si="962"/>
        <v>3128.5920000000001</v>
      </c>
      <c r="OAD54" s="7">
        <f t="shared" si="962"/>
        <v>3128.5920000000001</v>
      </c>
      <c r="OAE54" s="7">
        <f t="shared" si="962"/>
        <v>3128.5920000000001</v>
      </c>
      <c r="OAF54" s="7">
        <f t="shared" si="962"/>
        <v>3128.5920000000001</v>
      </c>
      <c r="OAG54" s="7">
        <f t="shared" si="962"/>
        <v>3128.5920000000001</v>
      </c>
      <c r="OAH54" s="7">
        <f t="shared" si="962"/>
        <v>3128.5920000000001</v>
      </c>
      <c r="OAI54" s="7">
        <f t="shared" si="962"/>
        <v>3128.5920000000001</v>
      </c>
      <c r="OAJ54" s="7">
        <f t="shared" si="962"/>
        <v>3128.5920000000001</v>
      </c>
      <c r="OAK54" s="7">
        <f t="shared" si="962"/>
        <v>3128.5920000000001</v>
      </c>
      <c r="OAL54" s="7">
        <f t="shared" si="962"/>
        <v>3128.5920000000001</v>
      </c>
      <c r="OAM54" s="7">
        <f t="shared" si="962"/>
        <v>3128.5920000000001</v>
      </c>
      <c r="OAN54" s="7">
        <f t="shared" si="962"/>
        <v>3128.5920000000001</v>
      </c>
      <c r="OAO54" s="7">
        <f t="shared" si="962"/>
        <v>3128.5920000000001</v>
      </c>
      <c r="OAP54" s="7">
        <f t="shared" si="962"/>
        <v>3128.5920000000001</v>
      </c>
      <c r="OAQ54" s="7">
        <f t="shared" si="962"/>
        <v>3128.5920000000001</v>
      </c>
      <c r="OAR54" s="7">
        <f t="shared" si="962"/>
        <v>3128.5920000000001</v>
      </c>
      <c r="OAS54" s="7">
        <f t="shared" si="962"/>
        <v>3128.5920000000001</v>
      </c>
      <c r="OAT54" s="7">
        <f t="shared" ref="OAT54:ODE54" si="963">OAT49+OAS54</f>
        <v>3128.5920000000001</v>
      </c>
      <c r="OAU54" s="7">
        <f t="shared" si="963"/>
        <v>3128.5920000000001</v>
      </c>
      <c r="OAV54" s="7">
        <f t="shared" si="963"/>
        <v>3128.5920000000001</v>
      </c>
      <c r="OAW54" s="7">
        <f t="shared" si="963"/>
        <v>3128.5920000000001</v>
      </c>
      <c r="OAX54" s="7">
        <f t="shared" si="963"/>
        <v>3128.5920000000001</v>
      </c>
      <c r="OAY54" s="7">
        <f t="shared" si="963"/>
        <v>3128.5920000000001</v>
      </c>
      <c r="OAZ54" s="7">
        <f t="shared" si="963"/>
        <v>3128.5920000000001</v>
      </c>
      <c r="OBA54" s="7">
        <f t="shared" si="963"/>
        <v>3128.5920000000001</v>
      </c>
      <c r="OBB54" s="7">
        <f t="shared" si="963"/>
        <v>3128.5920000000001</v>
      </c>
      <c r="OBC54" s="7">
        <f t="shared" si="963"/>
        <v>3128.5920000000001</v>
      </c>
      <c r="OBD54" s="7">
        <f t="shared" si="963"/>
        <v>3128.5920000000001</v>
      </c>
      <c r="OBE54" s="7">
        <f t="shared" si="963"/>
        <v>3128.5920000000001</v>
      </c>
      <c r="OBF54" s="7">
        <f t="shared" si="963"/>
        <v>3128.5920000000001</v>
      </c>
      <c r="OBG54" s="7">
        <f t="shared" si="963"/>
        <v>3128.5920000000001</v>
      </c>
      <c r="OBH54" s="7">
        <f t="shared" si="963"/>
        <v>3128.5920000000001</v>
      </c>
      <c r="OBI54" s="7">
        <f t="shared" si="963"/>
        <v>3128.5920000000001</v>
      </c>
      <c r="OBJ54" s="7">
        <f t="shared" si="963"/>
        <v>3128.5920000000001</v>
      </c>
      <c r="OBK54" s="7">
        <f t="shared" si="963"/>
        <v>3128.5920000000001</v>
      </c>
      <c r="OBL54" s="7">
        <f t="shared" si="963"/>
        <v>3128.5920000000001</v>
      </c>
      <c r="OBM54" s="7">
        <f t="shared" si="963"/>
        <v>3128.5920000000001</v>
      </c>
      <c r="OBN54" s="7">
        <f t="shared" si="963"/>
        <v>3128.5920000000001</v>
      </c>
      <c r="OBO54" s="7">
        <f t="shared" si="963"/>
        <v>3128.5920000000001</v>
      </c>
      <c r="OBP54" s="7">
        <f t="shared" si="963"/>
        <v>3128.5920000000001</v>
      </c>
      <c r="OBQ54" s="7">
        <f t="shared" si="963"/>
        <v>3128.5920000000001</v>
      </c>
      <c r="OBR54" s="7">
        <f t="shared" si="963"/>
        <v>3128.5920000000001</v>
      </c>
      <c r="OBS54" s="7">
        <f t="shared" si="963"/>
        <v>3128.5920000000001</v>
      </c>
      <c r="OBT54" s="7">
        <f t="shared" si="963"/>
        <v>3128.5920000000001</v>
      </c>
      <c r="OBU54" s="7">
        <f t="shared" si="963"/>
        <v>3128.5920000000001</v>
      </c>
      <c r="OBV54" s="7">
        <f t="shared" si="963"/>
        <v>3128.5920000000001</v>
      </c>
      <c r="OBW54" s="7">
        <f t="shared" si="963"/>
        <v>3128.5920000000001</v>
      </c>
      <c r="OBX54" s="7">
        <f t="shared" si="963"/>
        <v>3128.5920000000001</v>
      </c>
      <c r="OBY54" s="7">
        <f t="shared" si="963"/>
        <v>3128.5920000000001</v>
      </c>
      <c r="OBZ54" s="7">
        <f t="shared" si="963"/>
        <v>3128.5920000000001</v>
      </c>
      <c r="OCA54" s="7">
        <f t="shared" si="963"/>
        <v>3128.5920000000001</v>
      </c>
      <c r="OCB54" s="7">
        <f t="shared" si="963"/>
        <v>3128.5920000000001</v>
      </c>
      <c r="OCC54" s="7">
        <f t="shared" si="963"/>
        <v>3128.5920000000001</v>
      </c>
      <c r="OCD54" s="7">
        <f t="shared" si="963"/>
        <v>3128.5920000000001</v>
      </c>
      <c r="OCE54" s="7">
        <f t="shared" si="963"/>
        <v>3128.5920000000001</v>
      </c>
      <c r="OCF54" s="7">
        <f t="shared" si="963"/>
        <v>3128.5920000000001</v>
      </c>
      <c r="OCG54" s="7">
        <f t="shared" si="963"/>
        <v>3128.5920000000001</v>
      </c>
      <c r="OCH54" s="7">
        <f t="shared" si="963"/>
        <v>3128.5920000000001</v>
      </c>
      <c r="OCI54" s="7">
        <f t="shared" si="963"/>
        <v>3128.5920000000001</v>
      </c>
      <c r="OCJ54" s="7">
        <f t="shared" si="963"/>
        <v>3128.5920000000001</v>
      </c>
      <c r="OCK54" s="7">
        <f t="shared" si="963"/>
        <v>3128.5920000000001</v>
      </c>
      <c r="OCL54" s="7">
        <f t="shared" si="963"/>
        <v>3128.5920000000001</v>
      </c>
      <c r="OCM54" s="7">
        <f t="shared" si="963"/>
        <v>3128.5920000000001</v>
      </c>
      <c r="OCN54" s="7">
        <f t="shared" si="963"/>
        <v>3128.5920000000001</v>
      </c>
      <c r="OCO54" s="7">
        <f t="shared" si="963"/>
        <v>3128.5920000000001</v>
      </c>
      <c r="OCP54" s="7">
        <f t="shared" si="963"/>
        <v>3128.5920000000001</v>
      </c>
      <c r="OCQ54" s="7">
        <f t="shared" si="963"/>
        <v>3128.5920000000001</v>
      </c>
      <c r="OCR54" s="7">
        <f t="shared" si="963"/>
        <v>3128.5920000000001</v>
      </c>
      <c r="OCS54" s="7">
        <f t="shared" si="963"/>
        <v>3128.5920000000001</v>
      </c>
      <c r="OCT54" s="7">
        <f t="shared" si="963"/>
        <v>3128.5920000000001</v>
      </c>
      <c r="OCU54" s="7">
        <f t="shared" si="963"/>
        <v>3128.5920000000001</v>
      </c>
      <c r="OCV54" s="7">
        <f t="shared" si="963"/>
        <v>3128.5920000000001</v>
      </c>
      <c r="OCW54" s="7">
        <f t="shared" si="963"/>
        <v>3128.5920000000001</v>
      </c>
      <c r="OCX54" s="7">
        <f t="shared" si="963"/>
        <v>3128.5920000000001</v>
      </c>
      <c r="OCY54" s="7">
        <f t="shared" si="963"/>
        <v>3128.5920000000001</v>
      </c>
      <c r="OCZ54" s="7">
        <f t="shared" si="963"/>
        <v>3128.5920000000001</v>
      </c>
      <c r="ODA54" s="7">
        <f t="shared" si="963"/>
        <v>3128.5920000000001</v>
      </c>
      <c r="ODB54" s="7">
        <f t="shared" si="963"/>
        <v>3128.5920000000001</v>
      </c>
      <c r="ODC54" s="7">
        <f t="shared" si="963"/>
        <v>3128.5920000000001</v>
      </c>
      <c r="ODD54" s="7">
        <f t="shared" si="963"/>
        <v>3128.5920000000001</v>
      </c>
      <c r="ODE54" s="7">
        <f t="shared" si="963"/>
        <v>3128.5920000000001</v>
      </c>
      <c r="ODF54" s="7">
        <f t="shared" ref="ODF54:OFQ54" si="964">ODF49+ODE54</f>
        <v>3128.5920000000001</v>
      </c>
      <c r="ODG54" s="7">
        <f t="shared" si="964"/>
        <v>3128.5920000000001</v>
      </c>
      <c r="ODH54" s="7">
        <f t="shared" si="964"/>
        <v>3128.5920000000001</v>
      </c>
      <c r="ODI54" s="7">
        <f t="shared" si="964"/>
        <v>3128.5920000000001</v>
      </c>
      <c r="ODJ54" s="7">
        <f t="shared" si="964"/>
        <v>3128.5920000000001</v>
      </c>
      <c r="ODK54" s="7">
        <f t="shared" si="964"/>
        <v>3128.5920000000001</v>
      </c>
      <c r="ODL54" s="7">
        <f t="shared" si="964"/>
        <v>3128.5920000000001</v>
      </c>
      <c r="ODM54" s="7">
        <f t="shared" si="964"/>
        <v>3128.5920000000001</v>
      </c>
      <c r="ODN54" s="7">
        <f t="shared" si="964"/>
        <v>3128.5920000000001</v>
      </c>
      <c r="ODO54" s="7">
        <f t="shared" si="964"/>
        <v>3128.5920000000001</v>
      </c>
      <c r="ODP54" s="7">
        <f t="shared" si="964"/>
        <v>3128.5920000000001</v>
      </c>
      <c r="ODQ54" s="7">
        <f t="shared" si="964"/>
        <v>3128.5920000000001</v>
      </c>
      <c r="ODR54" s="7">
        <f t="shared" si="964"/>
        <v>3128.5920000000001</v>
      </c>
      <c r="ODS54" s="7">
        <f t="shared" si="964"/>
        <v>3128.5920000000001</v>
      </c>
      <c r="ODT54" s="7">
        <f t="shared" si="964"/>
        <v>3128.5920000000001</v>
      </c>
      <c r="ODU54" s="7">
        <f t="shared" si="964"/>
        <v>3128.5920000000001</v>
      </c>
      <c r="ODV54" s="7">
        <f t="shared" si="964"/>
        <v>3128.5920000000001</v>
      </c>
      <c r="ODW54" s="7">
        <f t="shared" si="964"/>
        <v>3128.5920000000001</v>
      </c>
      <c r="ODX54" s="7">
        <f t="shared" si="964"/>
        <v>3128.5920000000001</v>
      </c>
      <c r="ODY54" s="7">
        <f t="shared" si="964"/>
        <v>3128.5920000000001</v>
      </c>
      <c r="ODZ54" s="7">
        <f t="shared" si="964"/>
        <v>3128.5920000000001</v>
      </c>
      <c r="OEA54" s="7">
        <f t="shared" si="964"/>
        <v>3128.5920000000001</v>
      </c>
      <c r="OEB54" s="7">
        <f t="shared" si="964"/>
        <v>3128.5920000000001</v>
      </c>
      <c r="OEC54" s="7">
        <f t="shared" si="964"/>
        <v>3128.5920000000001</v>
      </c>
      <c r="OED54" s="7">
        <f t="shared" si="964"/>
        <v>3128.5920000000001</v>
      </c>
      <c r="OEE54" s="7">
        <f t="shared" si="964"/>
        <v>3128.5920000000001</v>
      </c>
      <c r="OEF54" s="7">
        <f t="shared" si="964"/>
        <v>3128.5920000000001</v>
      </c>
      <c r="OEG54" s="7">
        <f t="shared" si="964"/>
        <v>3128.5920000000001</v>
      </c>
      <c r="OEH54" s="7">
        <f t="shared" si="964"/>
        <v>3128.5920000000001</v>
      </c>
      <c r="OEI54" s="7">
        <f t="shared" si="964"/>
        <v>3128.5920000000001</v>
      </c>
      <c r="OEJ54" s="7">
        <f t="shared" si="964"/>
        <v>3128.5920000000001</v>
      </c>
      <c r="OEK54" s="7">
        <f t="shared" si="964"/>
        <v>3128.5920000000001</v>
      </c>
      <c r="OEL54" s="7">
        <f t="shared" si="964"/>
        <v>3128.5920000000001</v>
      </c>
      <c r="OEM54" s="7">
        <f t="shared" si="964"/>
        <v>3128.5920000000001</v>
      </c>
      <c r="OEN54" s="7">
        <f t="shared" si="964"/>
        <v>3128.5920000000001</v>
      </c>
      <c r="OEO54" s="7">
        <f t="shared" si="964"/>
        <v>3128.5920000000001</v>
      </c>
      <c r="OEP54" s="7">
        <f t="shared" si="964"/>
        <v>3128.5920000000001</v>
      </c>
      <c r="OEQ54" s="7">
        <f t="shared" si="964"/>
        <v>3128.5920000000001</v>
      </c>
      <c r="OER54" s="7">
        <f t="shared" si="964"/>
        <v>3128.5920000000001</v>
      </c>
      <c r="OES54" s="7">
        <f t="shared" si="964"/>
        <v>3128.5920000000001</v>
      </c>
      <c r="OET54" s="7">
        <f t="shared" si="964"/>
        <v>3128.5920000000001</v>
      </c>
      <c r="OEU54" s="7">
        <f t="shared" si="964"/>
        <v>3128.5920000000001</v>
      </c>
      <c r="OEV54" s="7">
        <f t="shared" si="964"/>
        <v>3128.5920000000001</v>
      </c>
      <c r="OEW54" s="7">
        <f t="shared" si="964"/>
        <v>3128.5920000000001</v>
      </c>
      <c r="OEX54" s="7">
        <f t="shared" si="964"/>
        <v>3128.5920000000001</v>
      </c>
      <c r="OEY54" s="7">
        <f t="shared" si="964"/>
        <v>3128.5920000000001</v>
      </c>
      <c r="OEZ54" s="7">
        <f t="shared" si="964"/>
        <v>3128.5920000000001</v>
      </c>
      <c r="OFA54" s="7">
        <f t="shared" si="964"/>
        <v>3128.5920000000001</v>
      </c>
      <c r="OFB54" s="7">
        <f t="shared" si="964"/>
        <v>3128.5920000000001</v>
      </c>
      <c r="OFC54" s="7">
        <f t="shared" si="964"/>
        <v>3128.5920000000001</v>
      </c>
      <c r="OFD54" s="7">
        <f t="shared" si="964"/>
        <v>3128.5920000000001</v>
      </c>
      <c r="OFE54" s="7">
        <f t="shared" si="964"/>
        <v>3128.5920000000001</v>
      </c>
      <c r="OFF54" s="7">
        <f t="shared" si="964"/>
        <v>3128.5920000000001</v>
      </c>
      <c r="OFG54" s="7">
        <f t="shared" si="964"/>
        <v>3128.5920000000001</v>
      </c>
      <c r="OFH54" s="7">
        <f t="shared" si="964"/>
        <v>3128.5920000000001</v>
      </c>
      <c r="OFI54" s="7">
        <f t="shared" si="964"/>
        <v>3128.5920000000001</v>
      </c>
      <c r="OFJ54" s="7">
        <f t="shared" si="964"/>
        <v>3128.5920000000001</v>
      </c>
      <c r="OFK54" s="7">
        <f t="shared" si="964"/>
        <v>3128.5920000000001</v>
      </c>
      <c r="OFL54" s="7">
        <f t="shared" si="964"/>
        <v>3128.5920000000001</v>
      </c>
      <c r="OFM54" s="7">
        <f t="shared" si="964"/>
        <v>3128.5920000000001</v>
      </c>
      <c r="OFN54" s="7">
        <f t="shared" si="964"/>
        <v>3128.5920000000001</v>
      </c>
      <c r="OFO54" s="7">
        <f t="shared" si="964"/>
        <v>3128.5920000000001</v>
      </c>
      <c r="OFP54" s="7">
        <f t="shared" si="964"/>
        <v>3128.5920000000001</v>
      </c>
      <c r="OFQ54" s="7">
        <f t="shared" si="964"/>
        <v>3128.5920000000001</v>
      </c>
      <c r="OFR54" s="7">
        <f t="shared" ref="OFR54:OIC54" si="965">OFR49+OFQ54</f>
        <v>3128.5920000000001</v>
      </c>
      <c r="OFS54" s="7">
        <f t="shared" si="965"/>
        <v>3128.5920000000001</v>
      </c>
      <c r="OFT54" s="7">
        <f t="shared" si="965"/>
        <v>3128.5920000000001</v>
      </c>
      <c r="OFU54" s="7">
        <f t="shared" si="965"/>
        <v>3128.5920000000001</v>
      </c>
      <c r="OFV54" s="7">
        <f t="shared" si="965"/>
        <v>3128.5920000000001</v>
      </c>
      <c r="OFW54" s="7">
        <f t="shared" si="965"/>
        <v>3128.5920000000001</v>
      </c>
      <c r="OFX54" s="7">
        <f t="shared" si="965"/>
        <v>3128.5920000000001</v>
      </c>
      <c r="OFY54" s="7">
        <f t="shared" si="965"/>
        <v>3128.5920000000001</v>
      </c>
      <c r="OFZ54" s="7">
        <f t="shared" si="965"/>
        <v>3128.5920000000001</v>
      </c>
      <c r="OGA54" s="7">
        <f t="shared" si="965"/>
        <v>3128.5920000000001</v>
      </c>
      <c r="OGB54" s="7">
        <f t="shared" si="965"/>
        <v>3128.5920000000001</v>
      </c>
      <c r="OGC54" s="7">
        <f t="shared" si="965"/>
        <v>3128.5920000000001</v>
      </c>
      <c r="OGD54" s="7">
        <f t="shared" si="965"/>
        <v>3128.5920000000001</v>
      </c>
      <c r="OGE54" s="7">
        <f t="shared" si="965"/>
        <v>3128.5920000000001</v>
      </c>
      <c r="OGF54" s="7">
        <f t="shared" si="965"/>
        <v>3128.5920000000001</v>
      </c>
      <c r="OGG54" s="7">
        <f t="shared" si="965"/>
        <v>3128.5920000000001</v>
      </c>
      <c r="OGH54" s="7">
        <f t="shared" si="965"/>
        <v>3128.5920000000001</v>
      </c>
      <c r="OGI54" s="7">
        <f t="shared" si="965"/>
        <v>3128.5920000000001</v>
      </c>
      <c r="OGJ54" s="7">
        <f t="shared" si="965"/>
        <v>3128.5920000000001</v>
      </c>
      <c r="OGK54" s="7">
        <f t="shared" si="965"/>
        <v>3128.5920000000001</v>
      </c>
      <c r="OGL54" s="7">
        <f t="shared" si="965"/>
        <v>3128.5920000000001</v>
      </c>
      <c r="OGM54" s="7">
        <f t="shared" si="965"/>
        <v>3128.5920000000001</v>
      </c>
      <c r="OGN54" s="7">
        <f t="shared" si="965"/>
        <v>3128.5920000000001</v>
      </c>
      <c r="OGO54" s="7">
        <f t="shared" si="965"/>
        <v>3128.5920000000001</v>
      </c>
      <c r="OGP54" s="7">
        <f t="shared" si="965"/>
        <v>3128.5920000000001</v>
      </c>
      <c r="OGQ54" s="7">
        <f t="shared" si="965"/>
        <v>3128.5920000000001</v>
      </c>
      <c r="OGR54" s="7">
        <f t="shared" si="965"/>
        <v>3128.5920000000001</v>
      </c>
      <c r="OGS54" s="7">
        <f t="shared" si="965"/>
        <v>3128.5920000000001</v>
      </c>
      <c r="OGT54" s="7">
        <f t="shared" si="965"/>
        <v>3128.5920000000001</v>
      </c>
      <c r="OGU54" s="7">
        <f t="shared" si="965"/>
        <v>3128.5920000000001</v>
      </c>
      <c r="OGV54" s="7">
        <f t="shared" si="965"/>
        <v>3128.5920000000001</v>
      </c>
      <c r="OGW54" s="7">
        <f t="shared" si="965"/>
        <v>3128.5920000000001</v>
      </c>
      <c r="OGX54" s="7">
        <f t="shared" si="965"/>
        <v>3128.5920000000001</v>
      </c>
      <c r="OGY54" s="7">
        <f t="shared" si="965"/>
        <v>3128.5920000000001</v>
      </c>
      <c r="OGZ54" s="7">
        <f t="shared" si="965"/>
        <v>3128.5920000000001</v>
      </c>
      <c r="OHA54" s="7">
        <f t="shared" si="965"/>
        <v>3128.5920000000001</v>
      </c>
      <c r="OHB54" s="7">
        <f t="shared" si="965"/>
        <v>3128.5920000000001</v>
      </c>
      <c r="OHC54" s="7">
        <f t="shared" si="965"/>
        <v>3128.5920000000001</v>
      </c>
      <c r="OHD54" s="7">
        <f t="shared" si="965"/>
        <v>3128.5920000000001</v>
      </c>
      <c r="OHE54" s="7">
        <f t="shared" si="965"/>
        <v>3128.5920000000001</v>
      </c>
      <c r="OHF54" s="7">
        <f t="shared" si="965"/>
        <v>3128.5920000000001</v>
      </c>
      <c r="OHG54" s="7">
        <f t="shared" si="965"/>
        <v>3128.5920000000001</v>
      </c>
      <c r="OHH54" s="7">
        <f t="shared" si="965"/>
        <v>3128.5920000000001</v>
      </c>
      <c r="OHI54" s="7">
        <f t="shared" si="965"/>
        <v>3128.5920000000001</v>
      </c>
      <c r="OHJ54" s="7">
        <f t="shared" si="965"/>
        <v>3128.5920000000001</v>
      </c>
      <c r="OHK54" s="7">
        <f t="shared" si="965"/>
        <v>3128.5920000000001</v>
      </c>
      <c r="OHL54" s="7">
        <f t="shared" si="965"/>
        <v>3128.5920000000001</v>
      </c>
      <c r="OHM54" s="7">
        <f t="shared" si="965"/>
        <v>3128.5920000000001</v>
      </c>
      <c r="OHN54" s="7">
        <f t="shared" si="965"/>
        <v>3128.5920000000001</v>
      </c>
      <c r="OHO54" s="7">
        <f t="shared" si="965"/>
        <v>3128.5920000000001</v>
      </c>
      <c r="OHP54" s="7">
        <f t="shared" si="965"/>
        <v>3128.5920000000001</v>
      </c>
      <c r="OHQ54" s="7">
        <f t="shared" si="965"/>
        <v>3128.5920000000001</v>
      </c>
      <c r="OHR54" s="7">
        <f t="shared" si="965"/>
        <v>3128.5920000000001</v>
      </c>
      <c r="OHS54" s="7">
        <f t="shared" si="965"/>
        <v>3128.5920000000001</v>
      </c>
      <c r="OHT54" s="7">
        <f t="shared" si="965"/>
        <v>3128.5920000000001</v>
      </c>
      <c r="OHU54" s="7">
        <f t="shared" si="965"/>
        <v>3128.5920000000001</v>
      </c>
      <c r="OHV54" s="7">
        <f t="shared" si="965"/>
        <v>3128.5920000000001</v>
      </c>
      <c r="OHW54" s="7">
        <f t="shared" si="965"/>
        <v>3128.5920000000001</v>
      </c>
      <c r="OHX54" s="7">
        <f t="shared" si="965"/>
        <v>3128.5920000000001</v>
      </c>
      <c r="OHY54" s="7">
        <f t="shared" si="965"/>
        <v>3128.5920000000001</v>
      </c>
      <c r="OHZ54" s="7">
        <f t="shared" si="965"/>
        <v>3128.5920000000001</v>
      </c>
      <c r="OIA54" s="7">
        <f t="shared" si="965"/>
        <v>3128.5920000000001</v>
      </c>
      <c r="OIB54" s="7">
        <f t="shared" si="965"/>
        <v>3128.5920000000001</v>
      </c>
      <c r="OIC54" s="7">
        <f t="shared" si="965"/>
        <v>3128.5920000000001</v>
      </c>
      <c r="OID54" s="7">
        <f t="shared" ref="OID54:OKO54" si="966">OID49+OIC54</f>
        <v>3128.5920000000001</v>
      </c>
      <c r="OIE54" s="7">
        <f t="shared" si="966"/>
        <v>3128.5920000000001</v>
      </c>
      <c r="OIF54" s="7">
        <f t="shared" si="966"/>
        <v>3128.5920000000001</v>
      </c>
      <c r="OIG54" s="7">
        <f t="shared" si="966"/>
        <v>3128.5920000000001</v>
      </c>
      <c r="OIH54" s="7">
        <f t="shared" si="966"/>
        <v>3128.5920000000001</v>
      </c>
      <c r="OII54" s="7">
        <f t="shared" si="966"/>
        <v>3128.5920000000001</v>
      </c>
      <c r="OIJ54" s="7">
        <f t="shared" si="966"/>
        <v>3128.5920000000001</v>
      </c>
      <c r="OIK54" s="7">
        <f t="shared" si="966"/>
        <v>3128.5920000000001</v>
      </c>
      <c r="OIL54" s="7">
        <f t="shared" si="966"/>
        <v>3128.5920000000001</v>
      </c>
      <c r="OIM54" s="7">
        <f t="shared" si="966"/>
        <v>3128.5920000000001</v>
      </c>
      <c r="OIN54" s="7">
        <f t="shared" si="966"/>
        <v>3128.5920000000001</v>
      </c>
      <c r="OIO54" s="7">
        <f t="shared" si="966"/>
        <v>3128.5920000000001</v>
      </c>
      <c r="OIP54" s="7">
        <f t="shared" si="966"/>
        <v>3128.5920000000001</v>
      </c>
      <c r="OIQ54" s="7">
        <f t="shared" si="966"/>
        <v>3128.5920000000001</v>
      </c>
      <c r="OIR54" s="7">
        <f t="shared" si="966"/>
        <v>3128.5920000000001</v>
      </c>
      <c r="OIS54" s="7">
        <f t="shared" si="966"/>
        <v>3128.5920000000001</v>
      </c>
      <c r="OIT54" s="7">
        <f t="shared" si="966"/>
        <v>3128.5920000000001</v>
      </c>
      <c r="OIU54" s="7">
        <f t="shared" si="966"/>
        <v>3128.5920000000001</v>
      </c>
      <c r="OIV54" s="7">
        <f t="shared" si="966"/>
        <v>3128.5920000000001</v>
      </c>
      <c r="OIW54" s="7">
        <f t="shared" si="966"/>
        <v>3128.5920000000001</v>
      </c>
      <c r="OIX54" s="7">
        <f t="shared" si="966"/>
        <v>3128.5920000000001</v>
      </c>
      <c r="OIY54" s="7">
        <f t="shared" si="966"/>
        <v>3128.5920000000001</v>
      </c>
      <c r="OIZ54" s="7">
        <f t="shared" si="966"/>
        <v>3128.5920000000001</v>
      </c>
      <c r="OJA54" s="7">
        <f t="shared" si="966"/>
        <v>3128.5920000000001</v>
      </c>
      <c r="OJB54" s="7">
        <f t="shared" si="966"/>
        <v>3128.5920000000001</v>
      </c>
      <c r="OJC54" s="7">
        <f t="shared" si="966"/>
        <v>3128.5920000000001</v>
      </c>
      <c r="OJD54" s="7">
        <f t="shared" si="966"/>
        <v>3128.5920000000001</v>
      </c>
      <c r="OJE54" s="7">
        <f t="shared" si="966"/>
        <v>3128.5920000000001</v>
      </c>
      <c r="OJF54" s="7">
        <f t="shared" si="966"/>
        <v>3128.5920000000001</v>
      </c>
      <c r="OJG54" s="7">
        <f t="shared" si="966"/>
        <v>3128.5920000000001</v>
      </c>
      <c r="OJH54" s="7">
        <f t="shared" si="966"/>
        <v>3128.5920000000001</v>
      </c>
      <c r="OJI54" s="7">
        <f t="shared" si="966"/>
        <v>3128.5920000000001</v>
      </c>
      <c r="OJJ54" s="7">
        <f t="shared" si="966"/>
        <v>3128.5920000000001</v>
      </c>
      <c r="OJK54" s="7">
        <f t="shared" si="966"/>
        <v>3128.5920000000001</v>
      </c>
      <c r="OJL54" s="7">
        <f t="shared" si="966"/>
        <v>3128.5920000000001</v>
      </c>
      <c r="OJM54" s="7">
        <f t="shared" si="966"/>
        <v>3128.5920000000001</v>
      </c>
      <c r="OJN54" s="7">
        <f t="shared" si="966"/>
        <v>3128.5920000000001</v>
      </c>
      <c r="OJO54" s="7">
        <f t="shared" si="966"/>
        <v>3128.5920000000001</v>
      </c>
      <c r="OJP54" s="7">
        <f t="shared" si="966"/>
        <v>3128.5920000000001</v>
      </c>
      <c r="OJQ54" s="7">
        <f t="shared" si="966"/>
        <v>3128.5920000000001</v>
      </c>
      <c r="OJR54" s="7">
        <f t="shared" si="966"/>
        <v>3128.5920000000001</v>
      </c>
      <c r="OJS54" s="7">
        <f t="shared" si="966"/>
        <v>3128.5920000000001</v>
      </c>
      <c r="OJT54" s="7">
        <f t="shared" si="966"/>
        <v>3128.5920000000001</v>
      </c>
      <c r="OJU54" s="7">
        <f t="shared" si="966"/>
        <v>3128.5920000000001</v>
      </c>
      <c r="OJV54" s="7">
        <f t="shared" si="966"/>
        <v>3128.5920000000001</v>
      </c>
      <c r="OJW54" s="7">
        <f t="shared" si="966"/>
        <v>3128.5920000000001</v>
      </c>
      <c r="OJX54" s="7">
        <f t="shared" si="966"/>
        <v>3128.5920000000001</v>
      </c>
      <c r="OJY54" s="7">
        <f t="shared" si="966"/>
        <v>3128.5920000000001</v>
      </c>
      <c r="OJZ54" s="7">
        <f t="shared" si="966"/>
        <v>3128.5920000000001</v>
      </c>
      <c r="OKA54" s="7">
        <f t="shared" si="966"/>
        <v>3128.5920000000001</v>
      </c>
      <c r="OKB54" s="7">
        <f t="shared" si="966"/>
        <v>3128.5920000000001</v>
      </c>
      <c r="OKC54" s="7">
        <f t="shared" si="966"/>
        <v>3128.5920000000001</v>
      </c>
      <c r="OKD54" s="7">
        <f t="shared" si="966"/>
        <v>3128.5920000000001</v>
      </c>
      <c r="OKE54" s="7">
        <f t="shared" si="966"/>
        <v>3128.5920000000001</v>
      </c>
      <c r="OKF54" s="7">
        <f t="shared" si="966"/>
        <v>3128.5920000000001</v>
      </c>
      <c r="OKG54" s="7">
        <f t="shared" si="966"/>
        <v>3128.5920000000001</v>
      </c>
      <c r="OKH54" s="7">
        <f t="shared" si="966"/>
        <v>3128.5920000000001</v>
      </c>
      <c r="OKI54" s="7">
        <f t="shared" si="966"/>
        <v>3128.5920000000001</v>
      </c>
      <c r="OKJ54" s="7">
        <f t="shared" si="966"/>
        <v>3128.5920000000001</v>
      </c>
      <c r="OKK54" s="7">
        <f t="shared" si="966"/>
        <v>3128.5920000000001</v>
      </c>
      <c r="OKL54" s="7">
        <f t="shared" si="966"/>
        <v>3128.5920000000001</v>
      </c>
      <c r="OKM54" s="7">
        <f t="shared" si="966"/>
        <v>3128.5920000000001</v>
      </c>
      <c r="OKN54" s="7">
        <f t="shared" si="966"/>
        <v>3128.5920000000001</v>
      </c>
      <c r="OKO54" s="7">
        <f t="shared" si="966"/>
        <v>3128.5920000000001</v>
      </c>
      <c r="OKP54" s="7">
        <f t="shared" ref="OKP54:ONA54" si="967">OKP49+OKO54</f>
        <v>3128.5920000000001</v>
      </c>
      <c r="OKQ54" s="7">
        <f t="shared" si="967"/>
        <v>3128.5920000000001</v>
      </c>
      <c r="OKR54" s="7">
        <f t="shared" si="967"/>
        <v>3128.5920000000001</v>
      </c>
      <c r="OKS54" s="7">
        <f t="shared" si="967"/>
        <v>3128.5920000000001</v>
      </c>
      <c r="OKT54" s="7">
        <f t="shared" si="967"/>
        <v>3128.5920000000001</v>
      </c>
      <c r="OKU54" s="7">
        <f t="shared" si="967"/>
        <v>3128.5920000000001</v>
      </c>
      <c r="OKV54" s="7">
        <f t="shared" si="967"/>
        <v>3128.5920000000001</v>
      </c>
      <c r="OKW54" s="7">
        <f t="shared" si="967"/>
        <v>3128.5920000000001</v>
      </c>
      <c r="OKX54" s="7">
        <f t="shared" si="967"/>
        <v>3128.5920000000001</v>
      </c>
      <c r="OKY54" s="7">
        <f t="shared" si="967"/>
        <v>3128.5920000000001</v>
      </c>
      <c r="OKZ54" s="7">
        <f t="shared" si="967"/>
        <v>3128.5920000000001</v>
      </c>
      <c r="OLA54" s="7">
        <f t="shared" si="967"/>
        <v>3128.5920000000001</v>
      </c>
      <c r="OLB54" s="7">
        <f t="shared" si="967"/>
        <v>3128.5920000000001</v>
      </c>
      <c r="OLC54" s="7">
        <f t="shared" si="967"/>
        <v>3128.5920000000001</v>
      </c>
      <c r="OLD54" s="7">
        <f t="shared" si="967"/>
        <v>3128.5920000000001</v>
      </c>
      <c r="OLE54" s="7">
        <f t="shared" si="967"/>
        <v>3128.5920000000001</v>
      </c>
      <c r="OLF54" s="7">
        <f t="shared" si="967"/>
        <v>3128.5920000000001</v>
      </c>
      <c r="OLG54" s="7">
        <f t="shared" si="967"/>
        <v>3128.5920000000001</v>
      </c>
      <c r="OLH54" s="7">
        <f t="shared" si="967"/>
        <v>3128.5920000000001</v>
      </c>
      <c r="OLI54" s="7">
        <f t="shared" si="967"/>
        <v>3128.5920000000001</v>
      </c>
      <c r="OLJ54" s="7">
        <f t="shared" si="967"/>
        <v>3128.5920000000001</v>
      </c>
      <c r="OLK54" s="7">
        <f t="shared" si="967"/>
        <v>3128.5920000000001</v>
      </c>
      <c r="OLL54" s="7">
        <f t="shared" si="967"/>
        <v>3128.5920000000001</v>
      </c>
      <c r="OLM54" s="7">
        <f t="shared" si="967"/>
        <v>3128.5920000000001</v>
      </c>
      <c r="OLN54" s="7">
        <f t="shared" si="967"/>
        <v>3128.5920000000001</v>
      </c>
      <c r="OLO54" s="7">
        <f t="shared" si="967"/>
        <v>3128.5920000000001</v>
      </c>
      <c r="OLP54" s="7">
        <f t="shared" si="967"/>
        <v>3128.5920000000001</v>
      </c>
      <c r="OLQ54" s="7">
        <f t="shared" si="967"/>
        <v>3128.5920000000001</v>
      </c>
      <c r="OLR54" s="7">
        <f t="shared" si="967"/>
        <v>3128.5920000000001</v>
      </c>
      <c r="OLS54" s="7">
        <f t="shared" si="967"/>
        <v>3128.5920000000001</v>
      </c>
      <c r="OLT54" s="7">
        <f t="shared" si="967"/>
        <v>3128.5920000000001</v>
      </c>
      <c r="OLU54" s="7">
        <f t="shared" si="967"/>
        <v>3128.5920000000001</v>
      </c>
      <c r="OLV54" s="7">
        <f t="shared" si="967"/>
        <v>3128.5920000000001</v>
      </c>
      <c r="OLW54" s="7">
        <f t="shared" si="967"/>
        <v>3128.5920000000001</v>
      </c>
      <c r="OLX54" s="7">
        <f t="shared" si="967"/>
        <v>3128.5920000000001</v>
      </c>
      <c r="OLY54" s="7">
        <f t="shared" si="967"/>
        <v>3128.5920000000001</v>
      </c>
      <c r="OLZ54" s="7">
        <f t="shared" si="967"/>
        <v>3128.5920000000001</v>
      </c>
      <c r="OMA54" s="7">
        <f t="shared" si="967"/>
        <v>3128.5920000000001</v>
      </c>
      <c r="OMB54" s="7">
        <f t="shared" si="967"/>
        <v>3128.5920000000001</v>
      </c>
      <c r="OMC54" s="7">
        <f t="shared" si="967"/>
        <v>3128.5920000000001</v>
      </c>
      <c r="OMD54" s="7">
        <f t="shared" si="967"/>
        <v>3128.5920000000001</v>
      </c>
      <c r="OME54" s="7">
        <f t="shared" si="967"/>
        <v>3128.5920000000001</v>
      </c>
      <c r="OMF54" s="7">
        <f t="shared" si="967"/>
        <v>3128.5920000000001</v>
      </c>
      <c r="OMG54" s="7">
        <f t="shared" si="967"/>
        <v>3128.5920000000001</v>
      </c>
      <c r="OMH54" s="7">
        <f t="shared" si="967"/>
        <v>3128.5920000000001</v>
      </c>
      <c r="OMI54" s="7">
        <f t="shared" si="967"/>
        <v>3128.5920000000001</v>
      </c>
      <c r="OMJ54" s="7">
        <f t="shared" si="967"/>
        <v>3128.5920000000001</v>
      </c>
      <c r="OMK54" s="7">
        <f t="shared" si="967"/>
        <v>3128.5920000000001</v>
      </c>
      <c r="OML54" s="7">
        <f t="shared" si="967"/>
        <v>3128.5920000000001</v>
      </c>
      <c r="OMM54" s="7">
        <f t="shared" si="967"/>
        <v>3128.5920000000001</v>
      </c>
      <c r="OMN54" s="7">
        <f t="shared" si="967"/>
        <v>3128.5920000000001</v>
      </c>
      <c r="OMO54" s="7">
        <f t="shared" si="967"/>
        <v>3128.5920000000001</v>
      </c>
      <c r="OMP54" s="7">
        <f t="shared" si="967"/>
        <v>3128.5920000000001</v>
      </c>
      <c r="OMQ54" s="7">
        <f t="shared" si="967"/>
        <v>3128.5920000000001</v>
      </c>
      <c r="OMR54" s="7">
        <f t="shared" si="967"/>
        <v>3128.5920000000001</v>
      </c>
      <c r="OMS54" s="7">
        <f t="shared" si="967"/>
        <v>3128.5920000000001</v>
      </c>
      <c r="OMT54" s="7">
        <f t="shared" si="967"/>
        <v>3128.5920000000001</v>
      </c>
      <c r="OMU54" s="7">
        <f t="shared" si="967"/>
        <v>3128.5920000000001</v>
      </c>
      <c r="OMV54" s="7">
        <f t="shared" si="967"/>
        <v>3128.5920000000001</v>
      </c>
      <c r="OMW54" s="7">
        <f t="shared" si="967"/>
        <v>3128.5920000000001</v>
      </c>
      <c r="OMX54" s="7">
        <f t="shared" si="967"/>
        <v>3128.5920000000001</v>
      </c>
      <c r="OMY54" s="7">
        <f t="shared" si="967"/>
        <v>3128.5920000000001</v>
      </c>
      <c r="OMZ54" s="7">
        <f t="shared" si="967"/>
        <v>3128.5920000000001</v>
      </c>
      <c r="ONA54" s="7">
        <f t="shared" si="967"/>
        <v>3128.5920000000001</v>
      </c>
      <c r="ONB54" s="7">
        <f t="shared" ref="ONB54:OPM54" si="968">ONB49+ONA54</f>
        <v>3128.5920000000001</v>
      </c>
      <c r="ONC54" s="7">
        <f t="shared" si="968"/>
        <v>3128.5920000000001</v>
      </c>
      <c r="OND54" s="7">
        <f t="shared" si="968"/>
        <v>3128.5920000000001</v>
      </c>
      <c r="ONE54" s="7">
        <f t="shared" si="968"/>
        <v>3128.5920000000001</v>
      </c>
      <c r="ONF54" s="7">
        <f t="shared" si="968"/>
        <v>3128.5920000000001</v>
      </c>
      <c r="ONG54" s="7">
        <f t="shared" si="968"/>
        <v>3128.5920000000001</v>
      </c>
      <c r="ONH54" s="7">
        <f t="shared" si="968"/>
        <v>3128.5920000000001</v>
      </c>
      <c r="ONI54" s="7">
        <f t="shared" si="968"/>
        <v>3128.5920000000001</v>
      </c>
      <c r="ONJ54" s="7">
        <f t="shared" si="968"/>
        <v>3128.5920000000001</v>
      </c>
      <c r="ONK54" s="7">
        <f t="shared" si="968"/>
        <v>3128.5920000000001</v>
      </c>
      <c r="ONL54" s="7">
        <f t="shared" si="968"/>
        <v>3128.5920000000001</v>
      </c>
      <c r="ONM54" s="7">
        <f t="shared" si="968"/>
        <v>3128.5920000000001</v>
      </c>
      <c r="ONN54" s="7">
        <f t="shared" si="968"/>
        <v>3128.5920000000001</v>
      </c>
      <c r="ONO54" s="7">
        <f t="shared" si="968"/>
        <v>3128.5920000000001</v>
      </c>
      <c r="ONP54" s="7">
        <f t="shared" si="968"/>
        <v>3128.5920000000001</v>
      </c>
      <c r="ONQ54" s="7">
        <f t="shared" si="968"/>
        <v>3128.5920000000001</v>
      </c>
      <c r="ONR54" s="7">
        <f t="shared" si="968"/>
        <v>3128.5920000000001</v>
      </c>
      <c r="ONS54" s="7">
        <f t="shared" si="968"/>
        <v>3128.5920000000001</v>
      </c>
      <c r="ONT54" s="7">
        <f t="shared" si="968"/>
        <v>3128.5920000000001</v>
      </c>
      <c r="ONU54" s="7">
        <f t="shared" si="968"/>
        <v>3128.5920000000001</v>
      </c>
      <c r="ONV54" s="7">
        <f t="shared" si="968"/>
        <v>3128.5920000000001</v>
      </c>
      <c r="ONW54" s="7">
        <f t="shared" si="968"/>
        <v>3128.5920000000001</v>
      </c>
      <c r="ONX54" s="7">
        <f t="shared" si="968"/>
        <v>3128.5920000000001</v>
      </c>
      <c r="ONY54" s="7">
        <f t="shared" si="968"/>
        <v>3128.5920000000001</v>
      </c>
      <c r="ONZ54" s="7">
        <f t="shared" si="968"/>
        <v>3128.5920000000001</v>
      </c>
      <c r="OOA54" s="7">
        <f t="shared" si="968"/>
        <v>3128.5920000000001</v>
      </c>
      <c r="OOB54" s="7">
        <f t="shared" si="968"/>
        <v>3128.5920000000001</v>
      </c>
      <c r="OOC54" s="7">
        <f t="shared" si="968"/>
        <v>3128.5920000000001</v>
      </c>
      <c r="OOD54" s="7">
        <f t="shared" si="968"/>
        <v>3128.5920000000001</v>
      </c>
      <c r="OOE54" s="7">
        <f t="shared" si="968"/>
        <v>3128.5920000000001</v>
      </c>
      <c r="OOF54" s="7">
        <f t="shared" si="968"/>
        <v>3128.5920000000001</v>
      </c>
      <c r="OOG54" s="7">
        <f t="shared" si="968"/>
        <v>3128.5920000000001</v>
      </c>
      <c r="OOH54" s="7">
        <f t="shared" si="968"/>
        <v>3128.5920000000001</v>
      </c>
      <c r="OOI54" s="7">
        <f t="shared" si="968"/>
        <v>3128.5920000000001</v>
      </c>
      <c r="OOJ54" s="7">
        <f t="shared" si="968"/>
        <v>3128.5920000000001</v>
      </c>
      <c r="OOK54" s="7">
        <f t="shared" si="968"/>
        <v>3128.5920000000001</v>
      </c>
      <c r="OOL54" s="7">
        <f t="shared" si="968"/>
        <v>3128.5920000000001</v>
      </c>
      <c r="OOM54" s="7">
        <f t="shared" si="968"/>
        <v>3128.5920000000001</v>
      </c>
      <c r="OON54" s="7">
        <f t="shared" si="968"/>
        <v>3128.5920000000001</v>
      </c>
      <c r="OOO54" s="7">
        <f t="shared" si="968"/>
        <v>3128.5920000000001</v>
      </c>
      <c r="OOP54" s="7">
        <f t="shared" si="968"/>
        <v>3128.5920000000001</v>
      </c>
      <c r="OOQ54" s="7">
        <f t="shared" si="968"/>
        <v>3128.5920000000001</v>
      </c>
      <c r="OOR54" s="7">
        <f t="shared" si="968"/>
        <v>3128.5920000000001</v>
      </c>
      <c r="OOS54" s="7">
        <f t="shared" si="968"/>
        <v>3128.5920000000001</v>
      </c>
      <c r="OOT54" s="7">
        <f t="shared" si="968"/>
        <v>3128.5920000000001</v>
      </c>
      <c r="OOU54" s="7">
        <f t="shared" si="968"/>
        <v>3128.5920000000001</v>
      </c>
      <c r="OOV54" s="7">
        <f t="shared" si="968"/>
        <v>3128.5920000000001</v>
      </c>
      <c r="OOW54" s="7">
        <f t="shared" si="968"/>
        <v>3128.5920000000001</v>
      </c>
      <c r="OOX54" s="7">
        <f t="shared" si="968"/>
        <v>3128.5920000000001</v>
      </c>
      <c r="OOY54" s="7">
        <f t="shared" si="968"/>
        <v>3128.5920000000001</v>
      </c>
      <c r="OOZ54" s="7">
        <f t="shared" si="968"/>
        <v>3128.5920000000001</v>
      </c>
      <c r="OPA54" s="7">
        <f t="shared" si="968"/>
        <v>3128.5920000000001</v>
      </c>
      <c r="OPB54" s="7">
        <f t="shared" si="968"/>
        <v>3128.5920000000001</v>
      </c>
      <c r="OPC54" s="7">
        <f t="shared" si="968"/>
        <v>3128.5920000000001</v>
      </c>
      <c r="OPD54" s="7">
        <f t="shared" si="968"/>
        <v>3128.5920000000001</v>
      </c>
      <c r="OPE54" s="7">
        <f t="shared" si="968"/>
        <v>3128.5920000000001</v>
      </c>
      <c r="OPF54" s="7">
        <f t="shared" si="968"/>
        <v>3128.5920000000001</v>
      </c>
      <c r="OPG54" s="7">
        <f t="shared" si="968"/>
        <v>3128.5920000000001</v>
      </c>
      <c r="OPH54" s="7">
        <f t="shared" si="968"/>
        <v>3128.5920000000001</v>
      </c>
      <c r="OPI54" s="7">
        <f t="shared" si="968"/>
        <v>3128.5920000000001</v>
      </c>
      <c r="OPJ54" s="7">
        <f t="shared" si="968"/>
        <v>3128.5920000000001</v>
      </c>
      <c r="OPK54" s="7">
        <f t="shared" si="968"/>
        <v>3128.5920000000001</v>
      </c>
      <c r="OPL54" s="7">
        <f t="shared" si="968"/>
        <v>3128.5920000000001</v>
      </c>
      <c r="OPM54" s="7">
        <f t="shared" si="968"/>
        <v>3128.5920000000001</v>
      </c>
      <c r="OPN54" s="7">
        <f t="shared" ref="OPN54:ORY54" si="969">OPN49+OPM54</f>
        <v>3128.5920000000001</v>
      </c>
      <c r="OPO54" s="7">
        <f t="shared" si="969"/>
        <v>3128.5920000000001</v>
      </c>
      <c r="OPP54" s="7">
        <f t="shared" si="969"/>
        <v>3128.5920000000001</v>
      </c>
      <c r="OPQ54" s="7">
        <f t="shared" si="969"/>
        <v>3128.5920000000001</v>
      </c>
      <c r="OPR54" s="7">
        <f t="shared" si="969"/>
        <v>3128.5920000000001</v>
      </c>
      <c r="OPS54" s="7">
        <f t="shared" si="969"/>
        <v>3128.5920000000001</v>
      </c>
      <c r="OPT54" s="7">
        <f t="shared" si="969"/>
        <v>3128.5920000000001</v>
      </c>
      <c r="OPU54" s="7">
        <f t="shared" si="969"/>
        <v>3128.5920000000001</v>
      </c>
      <c r="OPV54" s="7">
        <f t="shared" si="969"/>
        <v>3128.5920000000001</v>
      </c>
      <c r="OPW54" s="7">
        <f t="shared" si="969"/>
        <v>3128.5920000000001</v>
      </c>
      <c r="OPX54" s="7">
        <f t="shared" si="969"/>
        <v>3128.5920000000001</v>
      </c>
      <c r="OPY54" s="7">
        <f t="shared" si="969"/>
        <v>3128.5920000000001</v>
      </c>
      <c r="OPZ54" s="7">
        <f t="shared" si="969"/>
        <v>3128.5920000000001</v>
      </c>
      <c r="OQA54" s="7">
        <f t="shared" si="969"/>
        <v>3128.5920000000001</v>
      </c>
      <c r="OQB54" s="7">
        <f t="shared" si="969"/>
        <v>3128.5920000000001</v>
      </c>
      <c r="OQC54" s="7">
        <f t="shared" si="969"/>
        <v>3128.5920000000001</v>
      </c>
      <c r="OQD54" s="7">
        <f t="shared" si="969"/>
        <v>3128.5920000000001</v>
      </c>
      <c r="OQE54" s="7">
        <f t="shared" si="969"/>
        <v>3128.5920000000001</v>
      </c>
      <c r="OQF54" s="7">
        <f t="shared" si="969"/>
        <v>3128.5920000000001</v>
      </c>
      <c r="OQG54" s="7">
        <f t="shared" si="969"/>
        <v>3128.5920000000001</v>
      </c>
      <c r="OQH54" s="7">
        <f t="shared" si="969"/>
        <v>3128.5920000000001</v>
      </c>
      <c r="OQI54" s="7">
        <f t="shared" si="969"/>
        <v>3128.5920000000001</v>
      </c>
      <c r="OQJ54" s="7">
        <f t="shared" si="969"/>
        <v>3128.5920000000001</v>
      </c>
      <c r="OQK54" s="7">
        <f t="shared" si="969"/>
        <v>3128.5920000000001</v>
      </c>
      <c r="OQL54" s="7">
        <f t="shared" si="969"/>
        <v>3128.5920000000001</v>
      </c>
      <c r="OQM54" s="7">
        <f t="shared" si="969"/>
        <v>3128.5920000000001</v>
      </c>
      <c r="OQN54" s="7">
        <f t="shared" si="969"/>
        <v>3128.5920000000001</v>
      </c>
      <c r="OQO54" s="7">
        <f t="shared" si="969"/>
        <v>3128.5920000000001</v>
      </c>
      <c r="OQP54" s="7">
        <f t="shared" si="969"/>
        <v>3128.5920000000001</v>
      </c>
      <c r="OQQ54" s="7">
        <f t="shared" si="969"/>
        <v>3128.5920000000001</v>
      </c>
      <c r="OQR54" s="7">
        <f t="shared" si="969"/>
        <v>3128.5920000000001</v>
      </c>
      <c r="OQS54" s="7">
        <f t="shared" si="969"/>
        <v>3128.5920000000001</v>
      </c>
      <c r="OQT54" s="7">
        <f t="shared" si="969"/>
        <v>3128.5920000000001</v>
      </c>
      <c r="OQU54" s="7">
        <f t="shared" si="969"/>
        <v>3128.5920000000001</v>
      </c>
      <c r="OQV54" s="7">
        <f t="shared" si="969"/>
        <v>3128.5920000000001</v>
      </c>
      <c r="OQW54" s="7">
        <f t="shared" si="969"/>
        <v>3128.5920000000001</v>
      </c>
      <c r="OQX54" s="7">
        <f t="shared" si="969"/>
        <v>3128.5920000000001</v>
      </c>
      <c r="OQY54" s="7">
        <f t="shared" si="969"/>
        <v>3128.5920000000001</v>
      </c>
      <c r="OQZ54" s="7">
        <f t="shared" si="969"/>
        <v>3128.5920000000001</v>
      </c>
      <c r="ORA54" s="7">
        <f t="shared" si="969"/>
        <v>3128.5920000000001</v>
      </c>
      <c r="ORB54" s="7">
        <f t="shared" si="969"/>
        <v>3128.5920000000001</v>
      </c>
      <c r="ORC54" s="7">
        <f t="shared" si="969"/>
        <v>3128.5920000000001</v>
      </c>
      <c r="ORD54" s="7">
        <f t="shared" si="969"/>
        <v>3128.5920000000001</v>
      </c>
      <c r="ORE54" s="7">
        <f t="shared" si="969"/>
        <v>3128.5920000000001</v>
      </c>
      <c r="ORF54" s="7">
        <f t="shared" si="969"/>
        <v>3128.5920000000001</v>
      </c>
      <c r="ORG54" s="7">
        <f t="shared" si="969"/>
        <v>3128.5920000000001</v>
      </c>
      <c r="ORH54" s="7">
        <f t="shared" si="969"/>
        <v>3128.5920000000001</v>
      </c>
      <c r="ORI54" s="7">
        <f t="shared" si="969"/>
        <v>3128.5920000000001</v>
      </c>
      <c r="ORJ54" s="7">
        <f t="shared" si="969"/>
        <v>3128.5920000000001</v>
      </c>
      <c r="ORK54" s="7">
        <f t="shared" si="969"/>
        <v>3128.5920000000001</v>
      </c>
      <c r="ORL54" s="7">
        <f t="shared" si="969"/>
        <v>3128.5920000000001</v>
      </c>
      <c r="ORM54" s="7">
        <f t="shared" si="969"/>
        <v>3128.5920000000001</v>
      </c>
      <c r="ORN54" s="7">
        <f t="shared" si="969"/>
        <v>3128.5920000000001</v>
      </c>
      <c r="ORO54" s="7">
        <f t="shared" si="969"/>
        <v>3128.5920000000001</v>
      </c>
      <c r="ORP54" s="7">
        <f t="shared" si="969"/>
        <v>3128.5920000000001</v>
      </c>
      <c r="ORQ54" s="7">
        <f t="shared" si="969"/>
        <v>3128.5920000000001</v>
      </c>
      <c r="ORR54" s="7">
        <f t="shared" si="969"/>
        <v>3128.5920000000001</v>
      </c>
      <c r="ORS54" s="7">
        <f t="shared" si="969"/>
        <v>3128.5920000000001</v>
      </c>
      <c r="ORT54" s="7">
        <f t="shared" si="969"/>
        <v>3128.5920000000001</v>
      </c>
      <c r="ORU54" s="7">
        <f t="shared" si="969"/>
        <v>3128.5920000000001</v>
      </c>
      <c r="ORV54" s="7">
        <f t="shared" si="969"/>
        <v>3128.5920000000001</v>
      </c>
      <c r="ORW54" s="7">
        <f t="shared" si="969"/>
        <v>3128.5920000000001</v>
      </c>
      <c r="ORX54" s="7">
        <f t="shared" si="969"/>
        <v>3128.5920000000001</v>
      </c>
      <c r="ORY54" s="7">
        <f t="shared" si="969"/>
        <v>3128.5920000000001</v>
      </c>
      <c r="ORZ54" s="7">
        <f t="shared" ref="ORZ54:OUK54" si="970">ORZ49+ORY54</f>
        <v>3128.5920000000001</v>
      </c>
      <c r="OSA54" s="7">
        <f t="shared" si="970"/>
        <v>3128.5920000000001</v>
      </c>
      <c r="OSB54" s="7">
        <f t="shared" si="970"/>
        <v>3128.5920000000001</v>
      </c>
      <c r="OSC54" s="7">
        <f t="shared" si="970"/>
        <v>3128.5920000000001</v>
      </c>
      <c r="OSD54" s="7">
        <f t="shared" si="970"/>
        <v>3128.5920000000001</v>
      </c>
      <c r="OSE54" s="7">
        <f t="shared" si="970"/>
        <v>3128.5920000000001</v>
      </c>
      <c r="OSF54" s="7">
        <f t="shared" si="970"/>
        <v>3128.5920000000001</v>
      </c>
      <c r="OSG54" s="7">
        <f t="shared" si="970"/>
        <v>3128.5920000000001</v>
      </c>
      <c r="OSH54" s="7">
        <f t="shared" si="970"/>
        <v>3128.5920000000001</v>
      </c>
      <c r="OSI54" s="7">
        <f t="shared" si="970"/>
        <v>3128.5920000000001</v>
      </c>
      <c r="OSJ54" s="7">
        <f t="shared" si="970"/>
        <v>3128.5920000000001</v>
      </c>
      <c r="OSK54" s="7">
        <f t="shared" si="970"/>
        <v>3128.5920000000001</v>
      </c>
      <c r="OSL54" s="7">
        <f t="shared" si="970"/>
        <v>3128.5920000000001</v>
      </c>
      <c r="OSM54" s="7">
        <f t="shared" si="970"/>
        <v>3128.5920000000001</v>
      </c>
      <c r="OSN54" s="7">
        <f t="shared" si="970"/>
        <v>3128.5920000000001</v>
      </c>
      <c r="OSO54" s="7">
        <f t="shared" si="970"/>
        <v>3128.5920000000001</v>
      </c>
      <c r="OSP54" s="7">
        <f t="shared" si="970"/>
        <v>3128.5920000000001</v>
      </c>
      <c r="OSQ54" s="7">
        <f t="shared" si="970"/>
        <v>3128.5920000000001</v>
      </c>
      <c r="OSR54" s="7">
        <f t="shared" si="970"/>
        <v>3128.5920000000001</v>
      </c>
      <c r="OSS54" s="7">
        <f t="shared" si="970"/>
        <v>3128.5920000000001</v>
      </c>
      <c r="OST54" s="7">
        <f t="shared" si="970"/>
        <v>3128.5920000000001</v>
      </c>
      <c r="OSU54" s="7">
        <f t="shared" si="970"/>
        <v>3128.5920000000001</v>
      </c>
      <c r="OSV54" s="7">
        <f t="shared" si="970"/>
        <v>3128.5920000000001</v>
      </c>
      <c r="OSW54" s="7">
        <f t="shared" si="970"/>
        <v>3128.5920000000001</v>
      </c>
      <c r="OSX54" s="7">
        <f t="shared" si="970"/>
        <v>3128.5920000000001</v>
      </c>
      <c r="OSY54" s="7">
        <f t="shared" si="970"/>
        <v>3128.5920000000001</v>
      </c>
      <c r="OSZ54" s="7">
        <f t="shared" si="970"/>
        <v>3128.5920000000001</v>
      </c>
      <c r="OTA54" s="7">
        <f t="shared" si="970"/>
        <v>3128.5920000000001</v>
      </c>
      <c r="OTB54" s="7">
        <f t="shared" si="970"/>
        <v>3128.5920000000001</v>
      </c>
      <c r="OTC54" s="7">
        <f t="shared" si="970"/>
        <v>3128.5920000000001</v>
      </c>
      <c r="OTD54" s="7">
        <f t="shared" si="970"/>
        <v>3128.5920000000001</v>
      </c>
      <c r="OTE54" s="7">
        <f t="shared" si="970"/>
        <v>3128.5920000000001</v>
      </c>
      <c r="OTF54" s="7">
        <f t="shared" si="970"/>
        <v>3128.5920000000001</v>
      </c>
      <c r="OTG54" s="7">
        <f t="shared" si="970"/>
        <v>3128.5920000000001</v>
      </c>
      <c r="OTH54" s="7">
        <f t="shared" si="970"/>
        <v>3128.5920000000001</v>
      </c>
      <c r="OTI54" s="7">
        <f t="shared" si="970"/>
        <v>3128.5920000000001</v>
      </c>
      <c r="OTJ54" s="7">
        <f t="shared" si="970"/>
        <v>3128.5920000000001</v>
      </c>
      <c r="OTK54" s="7">
        <f t="shared" si="970"/>
        <v>3128.5920000000001</v>
      </c>
      <c r="OTL54" s="7">
        <f t="shared" si="970"/>
        <v>3128.5920000000001</v>
      </c>
      <c r="OTM54" s="7">
        <f t="shared" si="970"/>
        <v>3128.5920000000001</v>
      </c>
      <c r="OTN54" s="7">
        <f t="shared" si="970"/>
        <v>3128.5920000000001</v>
      </c>
      <c r="OTO54" s="7">
        <f t="shared" si="970"/>
        <v>3128.5920000000001</v>
      </c>
      <c r="OTP54" s="7">
        <f t="shared" si="970"/>
        <v>3128.5920000000001</v>
      </c>
      <c r="OTQ54" s="7">
        <f t="shared" si="970"/>
        <v>3128.5920000000001</v>
      </c>
      <c r="OTR54" s="7">
        <f t="shared" si="970"/>
        <v>3128.5920000000001</v>
      </c>
      <c r="OTS54" s="7">
        <f t="shared" si="970"/>
        <v>3128.5920000000001</v>
      </c>
      <c r="OTT54" s="7">
        <f t="shared" si="970"/>
        <v>3128.5920000000001</v>
      </c>
      <c r="OTU54" s="7">
        <f t="shared" si="970"/>
        <v>3128.5920000000001</v>
      </c>
      <c r="OTV54" s="7">
        <f t="shared" si="970"/>
        <v>3128.5920000000001</v>
      </c>
      <c r="OTW54" s="7">
        <f t="shared" si="970"/>
        <v>3128.5920000000001</v>
      </c>
      <c r="OTX54" s="7">
        <f t="shared" si="970"/>
        <v>3128.5920000000001</v>
      </c>
      <c r="OTY54" s="7">
        <f t="shared" si="970"/>
        <v>3128.5920000000001</v>
      </c>
      <c r="OTZ54" s="7">
        <f t="shared" si="970"/>
        <v>3128.5920000000001</v>
      </c>
      <c r="OUA54" s="7">
        <f t="shared" si="970"/>
        <v>3128.5920000000001</v>
      </c>
      <c r="OUB54" s="7">
        <f t="shared" si="970"/>
        <v>3128.5920000000001</v>
      </c>
      <c r="OUC54" s="7">
        <f t="shared" si="970"/>
        <v>3128.5920000000001</v>
      </c>
      <c r="OUD54" s="7">
        <f t="shared" si="970"/>
        <v>3128.5920000000001</v>
      </c>
      <c r="OUE54" s="7">
        <f t="shared" si="970"/>
        <v>3128.5920000000001</v>
      </c>
      <c r="OUF54" s="7">
        <f t="shared" si="970"/>
        <v>3128.5920000000001</v>
      </c>
      <c r="OUG54" s="7">
        <f t="shared" si="970"/>
        <v>3128.5920000000001</v>
      </c>
      <c r="OUH54" s="7">
        <f t="shared" si="970"/>
        <v>3128.5920000000001</v>
      </c>
      <c r="OUI54" s="7">
        <f t="shared" si="970"/>
        <v>3128.5920000000001</v>
      </c>
      <c r="OUJ54" s="7">
        <f t="shared" si="970"/>
        <v>3128.5920000000001</v>
      </c>
      <c r="OUK54" s="7">
        <f t="shared" si="970"/>
        <v>3128.5920000000001</v>
      </c>
      <c r="OUL54" s="7">
        <f t="shared" ref="OUL54:OWW54" si="971">OUL49+OUK54</f>
        <v>3128.5920000000001</v>
      </c>
      <c r="OUM54" s="7">
        <f t="shared" si="971"/>
        <v>3128.5920000000001</v>
      </c>
      <c r="OUN54" s="7">
        <f t="shared" si="971"/>
        <v>3128.5920000000001</v>
      </c>
      <c r="OUO54" s="7">
        <f t="shared" si="971"/>
        <v>3128.5920000000001</v>
      </c>
      <c r="OUP54" s="7">
        <f t="shared" si="971"/>
        <v>3128.5920000000001</v>
      </c>
      <c r="OUQ54" s="7">
        <f t="shared" si="971"/>
        <v>3128.5920000000001</v>
      </c>
      <c r="OUR54" s="7">
        <f t="shared" si="971"/>
        <v>3128.5920000000001</v>
      </c>
      <c r="OUS54" s="7">
        <f t="shared" si="971"/>
        <v>3128.5920000000001</v>
      </c>
      <c r="OUT54" s="7">
        <f t="shared" si="971"/>
        <v>3128.5920000000001</v>
      </c>
      <c r="OUU54" s="7">
        <f t="shared" si="971"/>
        <v>3128.5920000000001</v>
      </c>
      <c r="OUV54" s="7">
        <f t="shared" si="971"/>
        <v>3128.5920000000001</v>
      </c>
      <c r="OUW54" s="7">
        <f t="shared" si="971"/>
        <v>3128.5920000000001</v>
      </c>
      <c r="OUX54" s="7">
        <f t="shared" si="971"/>
        <v>3128.5920000000001</v>
      </c>
      <c r="OUY54" s="7">
        <f t="shared" si="971"/>
        <v>3128.5920000000001</v>
      </c>
      <c r="OUZ54" s="7">
        <f t="shared" si="971"/>
        <v>3128.5920000000001</v>
      </c>
      <c r="OVA54" s="7">
        <f t="shared" si="971"/>
        <v>3128.5920000000001</v>
      </c>
      <c r="OVB54" s="7">
        <f t="shared" si="971"/>
        <v>3128.5920000000001</v>
      </c>
      <c r="OVC54" s="7">
        <f t="shared" si="971"/>
        <v>3128.5920000000001</v>
      </c>
      <c r="OVD54" s="7">
        <f t="shared" si="971"/>
        <v>3128.5920000000001</v>
      </c>
      <c r="OVE54" s="7">
        <f t="shared" si="971"/>
        <v>3128.5920000000001</v>
      </c>
      <c r="OVF54" s="7">
        <f t="shared" si="971"/>
        <v>3128.5920000000001</v>
      </c>
      <c r="OVG54" s="7">
        <f t="shared" si="971"/>
        <v>3128.5920000000001</v>
      </c>
      <c r="OVH54" s="7">
        <f t="shared" si="971"/>
        <v>3128.5920000000001</v>
      </c>
      <c r="OVI54" s="7">
        <f t="shared" si="971"/>
        <v>3128.5920000000001</v>
      </c>
      <c r="OVJ54" s="7">
        <f t="shared" si="971"/>
        <v>3128.5920000000001</v>
      </c>
      <c r="OVK54" s="7">
        <f t="shared" si="971"/>
        <v>3128.5920000000001</v>
      </c>
      <c r="OVL54" s="7">
        <f t="shared" si="971"/>
        <v>3128.5920000000001</v>
      </c>
      <c r="OVM54" s="7">
        <f t="shared" si="971"/>
        <v>3128.5920000000001</v>
      </c>
      <c r="OVN54" s="7">
        <f t="shared" si="971"/>
        <v>3128.5920000000001</v>
      </c>
      <c r="OVO54" s="7">
        <f t="shared" si="971"/>
        <v>3128.5920000000001</v>
      </c>
      <c r="OVP54" s="7">
        <f t="shared" si="971"/>
        <v>3128.5920000000001</v>
      </c>
      <c r="OVQ54" s="7">
        <f t="shared" si="971"/>
        <v>3128.5920000000001</v>
      </c>
      <c r="OVR54" s="7">
        <f t="shared" si="971"/>
        <v>3128.5920000000001</v>
      </c>
      <c r="OVS54" s="7">
        <f t="shared" si="971"/>
        <v>3128.5920000000001</v>
      </c>
      <c r="OVT54" s="7">
        <f t="shared" si="971"/>
        <v>3128.5920000000001</v>
      </c>
      <c r="OVU54" s="7">
        <f t="shared" si="971"/>
        <v>3128.5920000000001</v>
      </c>
      <c r="OVV54" s="7">
        <f t="shared" si="971"/>
        <v>3128.5920000000001</v>
      </c>
      <c r="OVW54" s="7">
        <f t="shared" si="971"/>
        <v>3128.5920000000001</v>
      </c>
      <c r="OVX54" s="7">
        <f t="shared" si="971"/>
        <v>3128.5920000000001</v>
      </c>
      <c r="OVY54" s="7">
        <f t="shared" si="971"/>
        <v>3128.5920000000001</v>
      </c>
      <c r="OVZ54" s="7">
        <f t="shared" si="971"/>
        <v>3128.5920000000001</v>
      </c>
      <c r="OWA54" s="7">
        <f t="shared" si="971"/>
        <v>3128.5920000000001</v>
      </c>
      <c r="OWB54" s="7">
        <f t="shared" si="971"/>
        <v>3128.5920000000001</v>
      </c>
      <c r="OWC54" s="7">
        <f t="shared" si="971"/>
        <v>3128.5920000000001</v>
      </c>
      <c r="OWD54" s="7">
        <f t="shared" si="971"/>
        <v>3128.5920000000001</v>
      </c>
      <c r="OWE54" s="7">
        <f t="shared" si="971"/>
        <v>3128.5920000000001</v>
      </c>
      <c r="OWF54" s="7">
        <f t="shared" si="971"/>
        <v>3128.5920000000001</v>
      </c>
      <c r="OWG54" s="7">
        <f t="shared" si="971"/>
        <v>3128.5920000000001</v>
      </c>
      <c r="OWH54" s="7">
        <f t="shared" si="971"/>
        <v>3128.5920000000001</v>
      </c>
      <c r="OWI54" s="7">
        <f t="shared" si="971"/>
        <v>3128.5920000000001</v>
      </c>
      <c r="OWJ54" s="7">
        <f t="shared" si="971"/>
        <v>3128.5920000000001</v>
      </c>
      <c r="OWK54" s="7">
        <f t="shared" si="971"/>
        <v>3128.5920000000001</v>
      </c>
      <c r="OWL54" s="7">
        <f t="shared" si="971"/>
        <v>3128.5920000000001</v>
      </c>
      <c r="OWM54" s="7">
        <f t="shared" si="971"/>
        <v>3128.5920000000001</v>
      </c>
      <c r="OWN54" s="7">
        <f t="shared" si="971"/>
        <v>3128.5920000000001</v>
      </c>
      <c r="OWO54" s="7">
        <f t="shared" si="971"/>
        <v>3128.5920000000001</v>
      </c>
      <c r="OWP54" s="7">
        <f t="shared" si="971"/>
        <v>3128.5920000000001</v>
      </c>
      <c r="OWQ54" s="7">
        <f t="shared" si="971"/>
        <v>3128.5920000000001</v>
      </c>
      <c r="OWR54" s="7">
        <f t="shared" si="971"/>
        <v>3128.5920000000001</v>
      </c>
      <c r="OWS54" s="7">
        <f t="shared" si="971"/>
        <v>3128.5920000000001</v>
      </c>
      <c r="OWT54" s="7">
        <f t="shared" si="971"/>
        <v>3128.5920000000001</v>
      </c>
      <c r="OWU54" s="7">
        <f t="shared" si="971"/>
        <v>3128.5920000000001</v>
      </c>
      <c r="OWV54" s="7">
        <f t="shared" si="971"/>
        <v>3128.5920000000001</v>
      </c>
      <c r="OWW54" s="7">
        <f t="shared" si="971"/>
        <v>3128.5920000000001</v>
      </c>
      <c r="OWX54" s="7">
        <f t="shared" ref="OWX54:OZI54" si="972">OWX49+OWW54</f>
        <v>3128.5920000000001</v>
      </c>
      <c r="OWY54" s="7">
        <f t="shared" si="972"/>
        <v>3128.5920000000001</v>
      </c>
      <c r="OWZ54" s="7">
        <f t="shared" si="972"/>
        <v>3128.5920000000001</v>
      </c>
      <c r="OXA54" s="7">
        <f t="shared" si="972"/>
        <v>3128.5920000000001</v>
      </c>
      <c r="OXB54" s="7">
        <f t="shared" si="972"/>
        <v>3128.5920000000001</v>
      </c>
      <c r="OXC54" s="7">
        <f t="shared" si="972"/>
        <v>3128.5920000000001</v>
      </c>
      <c r="OXD54" s="7">
        <f t="shared" si="972"/>
        <v>3128.5920000000001</v>
      </c>
      <c r="OXE54" s="7">
        <f t="shared" si="972"/>
        <v>3128.5920000000001</v>
      </c>
      <c r="OXF54" s="7">
        <f t="shared" si="972"/>
        <v>3128.5920000000001</v>
      </c>
      <c r="OXG54" s="7">
        <f t="shared" si="972"/>
        <v>3128.5920000000001</v>
      </c>
      <c r="OXH54" s="7">
        <f t="shared" si="972"/>
        <v>3128.5920000000001</v>
      </c>
      <c r="OXI54" s="7">
        <f t="shared" si="972"/>
        <v>3128.5920000000001</v>
      </c>
      <c r="OXJ54" s="7">
        <f t="shared" si="972"/>
        <v>3128.5920000000001</v>
      </c>
      <c r="OXK54" s="7">
        <f t="shared" si="972"/>
        <v>3128.5920000000001</v>
      </c>
      <c r="OXL54" s="7">
        <f t="shared" si="972"/>
        <v>3128.5920000000001</v>
      </c>
      <c r="OXM54" s="7">
        <f t="shared" si="972"/>
        <v>3128.5920000000001</v>
      </c>
      <c r="OXN54" s="7">
        <f t="shared" si="972"/>
        <v>3128.5920000000001</v>
      </c>
      <c r="OXO54" s="7">
        <f t="shared" si="972"/>
        <v>3128.5920000000001</v>
      </c>
      <c r="OXP54" s="7">
        <f t="shared" si="972"/>
        <v>3128.5920000000001</v>
      </c>
      <c r="OXQ54" s="7">
        <f t="shared" si="972"/>
        <v>3128.5920000000001</v>
      </c>
      <c r="OXR54" s="7">
        <f t="shared" si="972"/>
        <v>3128.5920000000001</v>
      </c>
      <c r="OXS54" s="7">
        <f t="shared" si="972"/>
        <v>3128.5920000000001</v>
      </c>
      <c r="OXT54" s="7">
        <f t="shared" si="972"/>
        <v>3128.5920000000001</v>
      </c>
      <c r="OXU54" s="7">
        <f t="shared" si="972"/>
        <v>3128.5920000000001</v>
      </c>
      <c r="OXV54" s="7">
        <f t="shared" si="972"/>
        <v>3128.5920000000001</v>
      </c>
      <c r="OXW54" s="7">
        <f t="shared" si="972"/>
        <v>3128.5920000000001</v>
      </c>
      <c r="OXX54" s="7">
        <f t="shared" si="972"/>
        <v>3128.5920000000001</v>
      </c>
      <c r="OXY54" s="7">
        <f t="shared" si="972"/>
        <v>3128.5920000000001</v>
      </c>
      <c r="OXZ54" s="7">
        <f t="shared" si="972"/>
        <v>3128.5920000000001</v>
      </c>
      <c r="OYA54" s="7">
        <f t="shared" si="972"/>
        <v>3128.5920000000001</v>
      </c>
      <c r="OYB54" s="7">
        <f t="shared" si="972"/>
        <v>3128.5920000000001</v>
      </c>
      <c r="OYC54" s="7">
        <f t="shared" si="972"/>
        <v>3128.5920000000001</v>
      </c>
      <c r="OYD54" s="7">
        <f t="shared" si="972"/>
        <v>3128.5920000000001</v>
      </c>
      <c r="OYE54" s="7">
        <f t="shared" si="972"/>
        <v>3128.5920000000001</v>
      </c>
      <c r="OYF54" s="7">
        <f t="shared" si="972"/>
        <v>3128.5920000000001</v>
      </c>
      <c r="OYG54" s="7">
        <f t="shared" si="972"/>
        <v>3128.5920000000001</v>
      </c>
      <c r="OYH54" s="7">
        <f t="shared" si="972"/>
        <v>3128.5920000000001</v>
      </c>
      <c r="OYI54" s="7">
        <f t="shared" si="972"/>
        <v>3128.5920000000001</v>
      </c>
      <c r="OYJ54" s="7">
        <f t="shared" si="972"/>
        <v>3128.5920000000001</v>
      </c>
      <c r="OYK54" s="7">
        <f t="shared" si="972"/>
        <v>3128.5920000000001</v>
      </c>
      <c r="OYL54" s="7">
        <f t="shared" si="972"/>
        <v>3128.5920000000001</v>
      </c>
      <c r="OYM54" s="7">
        <f t="shared" si="972"/>
        <v>3128.5920000000001</v>
      </c>
      <c r="OYN54" s="7">
        <f t="shared" si="972"/>
        <v>3128.5920000000001</v>
      </c>
      <c r="OYO54" s="7">
        <f t="shared" si="972"/>
        <v>3128.5920000000001</v>
      </c>
      <c r="OYP54" s="7">
        <f t="shared" si="972"/>
        <v>3128.5920000000001</v>
      </c>
      <c r="OYQ54" s="7">
        <f t="shared" si="972"/>
        <v>3128.5920000000001</v>
      </c>
      <c r="OYR54" s="7">
        <f t="shared" si="972"/>
        <v>3128.5920000000001</v>
      </c>
      <c r="OYS54" s="7">
        <f t="shared" si="972"/>
        <v>3128.5920000000001</v>
      </c>
      <c r="OYT54" s="7">
        <f t="shared" si="972"/>
        <v>3128.5920000000001</v>
      </c>
      <c r="OYU54" s="7">
        <f t="shared" si="972"/>
        <v>3128.5920000000001</v>
      </c>
      <c r="OYV54" s="7">
        <f t="shared" si="972"/>
        <v>3128.5920000000001</v>
      </c>
      <c r="OYW54" s="7">
        <f t="shared" si="972"/>
        <v>3128.5920000000001</v>
      </c>
      <c r="OYX54" s="7">
        <f t="shared" si="972"/>
        <v>3128.5920000000001</v>
      </c>
      <c r="OYY54" s="7">
        <f t="shared" si="972"/>
        <v>3128.5920000000001</v>
      </c>
      <c r="OYZ54" s="7">
        <f t="shared" si="972"/>
        <v>3128.5920000000001</v>
      </c>
      <c r="OZA54" s="7">
        <f t="shared" si="972"/>
        <v>3128.5920000000001</v>
      </c>
      <c r="OZB54" s="7">
        <f t="shared" si="972"/>
        <v>3128.5920000000001</v>
      </c>
      <c r="OZC54" s="7">
        <f t="shared" si="972"/>
        <v>3128.5920000000001</v>
      </c>
      <c r="OZD54" s="7">
        <f t="shared" si="972"/>
        <v>3128.5920000000001</v>
      </c>
      <c r="OZE54" s="7">
        <f t="shared" si="972"/>
        <v>3128.5920000000001</v>
      </c>
      <c r="OZF54" s="7">
        <f t="shared" si="972"/>
        <v>3128.5920000000001</v>
      </c>
      <c r="OZG54" s="7">
        <f t="shared" si="972"/>
        <v>3128.5920000000001</v>
      </c>
      <c r="OZH54" s="7">
        <f t="shared" si="972"/>
        <v>3128.5920000000001</v>
      </c>
      <c r="OZI54" s="7">
        <f t="shared" si="972"/>
        <v>3128.5920000000001</v>
      </c>
      <c r="OZJ54" s="7">
        <f t="shared" ref="OZJ54:PBU54" si="973">OZJ49+OZI54</f>
        <v>3128.5920000000001</v>
      </c>
      <c r="OZK54" s="7">
        <f t="shared" si="973"/>
        <v>3128.5920000000001</v>
      </c>
      <c r="OZL54" s="7">
        <f t="shared" si="973"/>
        <v>3128.5920000000001</v>
      </c>
      <c r="OZM54" s="7">
        <f t="shared" si="973"/>
        <v>3128.5920000000001</v>
      </c>
      <c r="OZN54" s="7">
        <f t="shared" si="973"/>
        <v>3128.5920000000001</v>
      </c>
      <c r="OZO54" s="7">
        <f t="shared" si="973"/>
        <v>3128.5920000000001</v>
      </c>
      <c r="OZP54" s="7">
        <f t="shared" si="973"/>
        <v>3128.5920000000001</v>
      </c>
      <c r="OZQ54" s="7">
        <f t="shared" si="973"/>
        <v>3128.5920000000001</v>
      </c>
      <c r="OZR54" s="7">
        <f t="shared" si="973"/>
        <v>3128.5920000000001</v>
      </c>
      <c r="OZS54" s="7">
        <f t="shared" si="973"/>
        <v>3128.5920000000001</v>
      </c>
      <c r="OZT54" s="7">
        <f t="shared" si="973"/>
        <v>3128.5920000000001</v>
      </c>
      <c r="OZU54" s="7">
        <f t="shared" si="973"/>
        <v>3128.5920000000001</v>
      </c>
      <c r="OZV54" s="7">
        <f t="shared" si="973"/>
        <v>3128.5920000000001</v>
      </c>
      <c r="OZW54" s="7">
        <f t="shared" si="973"/>
        <v>3128.5920000000001</v>
      </c>
      <c r="OZX54" s="7">
        <f t="shared" si="973"/>
        <v>3128.5920000000001</v>
      </c>
      <c r="OZY54" s="7">
        <f t="shared" si="973"/>
        <v>3128.5920000000001</v>
      </c>
      <c r="OZZ54" s="7">
        <f t="shared" si="973"/>
        <v>3128.5920000000001</v>
      </c>
      <c r="PAA54" s="7">
        <f t="shared" si="973"/>
        <v>3128.5920000000001</v>
      </c>
      <c r="PAB54" s="7">
        <f t="shared" si="973"/>
        <v>3128.5920000000001</v>
      </c>
      <c r="PAC54" s="7">
        <f t="shared" si="973"/>
        <v>3128.5920000000001</v>
      </c>
      <c r="PAD54" s="7">
        <f t="shared" si="973"/>
        <v>3128.5920000000001</v>
      </c>
      <c r="PAE54" s="7">
        <f t="shared" si="973"/>
        <v>3128.5920000000001</v>
      </c>
      <c r="PAF54" s="7">
        <f t="shared" si="973"/>
        <v>3128.5920000000001</v>
      </c>
      <c r="PAG54" s="7">
        <f t="shared" si="973"/>
        <v>3128.5920000000001</v>
      </c>
      <c r="PAH54" s="7">
        <f t="shared" si="973"/>
        <v>3128.5920000000001</v>
      </c>
      <c r="PAI54" s="7">
        <f t="shared" si="973"/>
        <v>3128.5920000000001</v>
      </c>
      <c r="PAJ54" s="7">
        <f t="shared" si="973"/>
        <v>3128.5920000000001</v>
      </c>
      <c r="PAK54" s="7">
        <f t="shared" si="973"/>
        <v>3128.5920000000001</v>
      </c>
      <c r="PAL54" s="7">
        <f t="shared" si="973"/>
        <v>3128.5920000000001</v>
      </c>
      <c r="PAM54" s="7">
        <f t="shared" si="973"/>
        <v>3128.5920000000001</v>
      </c>
      <c r="PAN54" s="7">
        <f t="shared" si="973"/>
        <v>3128.5920000000001</v>
      </c>
      <c r="PAO54" s="7">
        <f t="shared" si="973"/>
        <v>3128.5920000000001</v>
      </c>
      <c r="PAP54" s="7">
        <f t="shared" si="973"/>
        <v>3128.5920000000001</v>
      </c>
      <c r="PAQ54" s="7">
        <f t="shared" si="973"/>
        <v>3128.5920000000001</v>
      </c>
      <c r="PAR54" s="7">
        <f t="shared" si="973"/>
        <v>3128.5920000000001</v>
      </c>
      <c r="PAS54" s="7">
        <f t="shared" si="973"/>
        <v>3128.5920000000001</v>
      </c>
      <c r="PAT54" s="7">
        <f t="shared" si="973"/>
        <v>3128.5920000000001</v>
      </c>
      <c r="PAU54" s="7">
        <f t="shared" si="973"/>
        <v>3128.5920000000001</v>
      </c>
      <c r="PAV54" s="7">
        <f t="shared" si="973"/>
        <v>3128.5920000000001</v>
      </c>
      <c r="PAW54" s="7">
        <f t="shared" si="973"/>
        <v>3128.5920000000001</v>
      </c>
      <c r="PAX54" s="7">
        <f t="shared" si="973"/>
        <v>3128.5920000000001</v>
      </c>
      <c r="PAY54" s="7">
        <f t="shared" si="973"/>
        <v>3128.5920000000001</v>
      </c>
      <c r="PAZ54" s="7">
        <f t="shared" si="973"/>
        <v>3128.5920000000001</v>
      </c>
      <c r="PBA54" s="7">
        <f t="shared" si="973"/>
        <v>3128.5920000000001</v>
      </c>
      <c r="PBB54" s="7">
        <f t="shared" si="973"/>
        <v>3128.5920000000001</v>
      </c>
      <c r="PBC54" s="7">
        <f t="shared" si="973"/>
        <v>3128.5920000000001</v>
      </c>
      <c r="PBD54" s="7">
        <f t="shared" si="973"/>
        <v>3128.5920000000001</v>
      </c>
      <c r="PBE54" s="7">
        <f t="shared" si="973"/>
        <v>3128.5920000000001</v>
      </c>
      <c r="PBF54" s="7">
        <f t="shared" si="973"/>
        <v>3128.5920000000001</v>
      </c>
      <c r="PBG54" s="7">
        <f t="shared" si="973"/>
        <v>3128.5920000000001</v>
      </c>
      <c r="PBH54" s="7">
        <f t="shared" si="973"/>
        <v>3128.5920000000001</v>
      </c>
      <c r="PBI54" s="7">
        <f t="shared" si="973"/>
        <v>3128.5920000000001</v>
      </c>
      <c r="PBJ54" s="7">
        <f t="shared" si="973"/>
        <v>3128.5920000000001</v>
      </c>
      <c r="PBK54" s="7">
        <f t="shared" si="973"/>
        <v>3128.5920000000001</v>
      </c>
      <c r="PBL54" s="7">
        <f t="shared" si="973"/>
        <v>3128.5920000000001</v>
      </c>
      <c r="PBM54" s="7">
        <f t="shared" si="973"/>
        <v>3128.5920000000001</v>
      </c>
      <c r="PBN54" s="7">
        <f t="shared" si="973"/>
        <v>3128.5920000000001</v>
      </c>
      <c r="PBO54" s="7">
        <f t="shared" si="973"/>
        <v>3128.5920000000001</v>
      </c>
      <c r="PBP54" s="7">
        <f t="shared" si="973"/>
        <v>3128.5920000000001</v>
      </c>
      <c r="PBQ54" s="7">
        <f t="shared" si="973"/>
        <v>3128.5920000000001</v>
      </c>
      <c r="PBR54" s="7">
        <f t="shared" si="973"/>
        <v>3128.5920000000001</v>
      </c>
      <c r="PBS54" s="7">
        <f t="shared" si="973"/>
        <v>3128.5920000000001</v>
      </c>
      <c r="PBT54" s="7">
        <f t="shared" si="973"/>
        <v>3128.5920000000001</v>
      </c>
      <c r="PBU54" s="7">
        <f t="shared" si="973"/>
        <v>3128.5920000000001</v>
      </c>
      <c r="PBV54" s="7">
        <f t="shared" ref="PBV54:PEG54" si="974">PBV49+PBU54</f>
        <v>3128.5920000000001</v>
      </c>
      <c r="PBW54" s="7">
        <f t="shared" si="974"/>
        <v>3128.5920000000001</v>
      </c>
      <c r="PBX54" s="7">
        <f t="shared" si="974"/>
        <v>3128.5920000000001</v>
      </c>
      <c r="PBY54" s="7">
        <f t="shared" si="974"/>
        <v>3128.5920000000001</v>
      </c>
      <c r="PBZ54" s="7">
        <f t="shared" si="974"/>
        <v>3128.5920000000001</v>
      </c>
      <c r="PCA54" s="7">
        <f t="shared" si="974"/>
        <v>3128.5920000000001</v>
      </c>
      <c r="PCB54" s="7">
        <f t="shared" si="974"/>
        <v>3128.5920000000001</v>
      </c>
      <c r="PCC54" s="7">
        <f t="shared" si="974"/>
        <v>3128.5920000000001</v>
      </c>
      <c r="PCD54" s="7">
        <f t="shared" si="974"/>
        <v>3128.5920000000001</v>
      </c>
      <c r="PCE54" s="7">
        <f t="shared" si="974"/>
        <v>3128.5920000000001</v>
      </c>
      <c r="PCF54" s="7">
        <f t="shared" si="974"/>
        <v>3128.5920000000001</v>
      </c>
      <c r="PCG54" s="7">
        <f t="shared" si="974"/>
        <v>3128.5920000000001</v>
      </c>
      <c r="PCH54" s="7">
        <f t="shared" si="974"/>
        <v>3128.5920000000001</v>
      </c>
      <c r="PCI54" s="7">
        <f t="shared" si="974"/>
        <v>3128.5920000000001</v>
      </c>
      <c r="PCJ54" s="7">
        <f t="shared" si="974"/>
        <v>3128.5920000000001</v>
      </c>
      <c r="PCK54" s="7">
        <f t="shared" si="974"/>
        <v>3128.5920000000001</v>
      </c>
      <c r="PCL54" s="7">
        <f t="shared" si="974"/>
        <v>3128.5920000000001</v>
      </c>
      <c r="PCM54" s="7">
        <f t="shared" si="974"/>
        <v>3128.5920000000001</v>
      </c>
      <c r="PCN54" s="7">
        <f t="shared" si="974"/>
        <v>3128.5920000000001</v>
      </c>
      <c r="PCO54" s="7">
        <f t="shared" si="974"/>
        <v>3128.5920000000001</v>
      </c>
      <c r="PCP54" s="7">
        <f t="shared" si="974"/>
        <v>3128.5920000000001</v>
      </c>
      <c r="PCQ54" s="7">
        <f t="shared" si="974"/>
        <v>3128.5920000000001</v>
      </c>
      <c r="PCR54" s="7">
        <f t="shared" si="974"/>
        <v>3128.5920000000001</v>
      </c>
      <c r="PCS54" s="7">
        <f t="shared" si="974"/>
        <v>3128.5920000000001</v>
      </c>
      <c r="PCT54" s="7">
        <f t="shared" si="974"/>
        <v>3128.5920000000001</v>
      </c>
      <c r="PCU54" s="7">
        <f t="shared" si="974"/>
        <v>3128.5920000000001</v>
      </c>
      <c r="PCV54" s="7">
        <f t="shared" si="974"/>
        <v>3128.5920000000001</v>
      </c>
      <c r="PCW54" s="7">
        <f t="shared" si="974"/>
        <v>3128.5920000000001</v>
      </c>
      <c r="PCX54" s="7">
        <f t="shared" si="974"/>
        <v>3128.5920000000001</v>
      </c>
      <c r="PCY54" s="7">
        <f t="shared" si="974"/>
        <v>3128.5920000000001</v>
      </c>
      <c r="PCZ54" s="7">
        <f t="shared" si="974"/>
        <v>3128.5920000000001</v>
      </c>
      <c r="PDA54" s="7">
        <f t="shared" si="974"/>
        <v>3128.5920000000001</v>
      </c>
      <c r="PDB54" s="7">
        <f t="shared" si="974"/>
        <v>3128.5920000000001</v>
      </c>
      <c r="PDC54" s="7">
        <f t="shared" si="974"/>
        <v>3128.5920000000001</v>
      </c>
      <c r="PDD54" s="7">
        <f t="shared" si="974"/>
        <v>3128.5920000000001</v>
      </c>
      <c r="PDE54" s="7">
        <f t="shared" si="974"/>
        <v>3128.5920000000001</v>
      </c>
      <c r="PDF54" s="7">
        <f t="shared" si="974"/>
        <v>3128.5920000000001</v>
      </c>
      <c r="PDG54" s="7">
        <f t="shared" si="974"/>
        <v>3128.5920000000001</v>
      </c>
      <c r="PDH54" s="7">
        <f t="shared" si="974"/>
        <v>3128.5920000000001</v>
      </c>
      <c r="PDI54" s="7">
        <f t="shared" si="974"/>
        <v>3128.5920000000001</v>
      </c>
      <c r="PDJ54" s="7">
        <f t="shared" si="974"/>
        <v>3128.5920000000001</v>
      </c>
      <c r="PDK54" s="7">
        <f t="shared" si="974"/>
        <v>3128.5920000000001</v>
      </c>
      <c r="PDL54" s="7">
        <f t="shared" si="974"/>
        <v>3128.5920000000001</v>
      </c>
      <c r="PDM54" s="7">
        <f t="shared" si="974"/>
        <v>3128.5920000000001</v>
      </c>
      <c r="PDN54" s="7">
        <f t="shared" si="974"/>
        <v>3128.5920000000001</v>
      </c>
      <c r="PDO54" s="7">
        <f t="shared" si="974"/>
        <v>3128.5920000000001</v>
      </c>
      <c r="PDP54" s="7">
        <f t="shared" si="974"/>
        <v>3128.5920000000001</v>
      </c>
      <c r="PDQ54" s="7">
        <f t="shared" si="974"/>
        <v>3128.5920000000001</v>
      </c>
      <c r="PDR54" s="7">
        <f t="shared" si="974"/>
        <v>3128.5920000000001</v>
      </c>
      <c r="PDS54" s="7">
        <f t="shared" si="974"/>
        <v>3128.5920000000001</v>
      </c>
      <c r="PDT54" s="7">
        <f t="shared" si="974"/>
        <v>3128.5920000000001</v>
      </c>
      <c r="PDU54" s="7">
        <f t="shared" si="974"/>
        <v>3128.5920000000001</v>
      </c>
      <c r="PDV54" s="7">
        <f t="shared" si="974"/>
        <v>3128.5920000000001</v>
      </c>
      <c r="PDW54" s="7">
        <f t="shared" si="974"/>
        <v>3128.5920000000001</v>
      </c>
      <c r="PDX54" s="7">
        <f t="shared" si="974"/>
        <v>3128.5920000000001</v>
      </c>
      <c r="PDY54" s="7">
        <f t="shared" si="974"/>
        <v>3128.5920000000001</v>
      </c>
      <c r="PDZ54" s="7">
        <f t="shared" si="974"/>
        <v>3128.5920000000001</v>
      </c>
      <c r="PEA54" s="7">
        <f t="shared" si="974"/>
        <v>3128.5920000000001</v>
      </c>
      <c r="PEB54" s="7">
        <f t="shared" si="974"/>
        <v>3128.5920000000001</v>
      </c>
      <c r="PEC54" s="7">
        <f t="shared" si="974"/>
        <v>3128.5920000000001</v>
      </c>
      <c r="PED54" s="7">
        <f t="shared" si="974"/>
        <v>3128.5920000000001</v>
      </c>
      <c r="PEE54" s="7">
        <f t="shared" si="974"/>
        <v>3128.5920000000001</v>
      </c>
      <c r="PEF54" s="7">
        <f t="shared" si="974"/>
        <v>3128.5920000000001</v>
      </c>
      <c r="PEG54" s="7">
        <f t="shared" si="974"/>
        <v>3128.5920000000001</v>
      </c>
      <c r="PEH54" s="7">
        <f t="shared" ref="PEH54:PGS54" si="975">PEH49+PEG54</f>
        <v>3128.5920000000001</v>
      </c>
      <c r="PEI54" s="7">
        <f t="shared" si="975"/>
        <v>3128.5920000000001</v>
      </c>
      <c r="PEJ54" s="7">
        <f t="shared" si="975"/>
        <v>3128.5920000000001</v>
      </c>
      <c r="PEK54" s="7">
        <f t="shared" si="975"/>
        <v>3128.5920000000001</v>
      </c>
      <c r="PEL54" s="7">
        <f t="shared" si="975"/>
        <v>3128.5920000000001</v>
      </c>
      <c r="PEM54" s="7">
        <f t="shared" si="975"/>
        <v>3128.5920000000001</v>
      </c>
      <c r="PEN54" s="7">
        <f t="shared" si="975"/>
        <v>3128.5920000000001</v>
      </c>
      <c r="PEO54" s="7">
        <f t="shared" si="975"/>
        <v>3128.5920000000001</v>
      </c>
      <c r="PEP54" s="7">
        <f t="shared" si="975"/>
        <v>3128.5920000000001</v>
      </c>
      <c r="PEQ54" s="7">
        <f t="shared" si="975"/>
        <v>3128.5920000000001</v>
      </c>
      <c r="PER54" s="7">
        <f t="shared" si="975"/>
        <v>3128.5920000000001</v>
      </c>
      <c r="PES54" s="7">
        <f t="shared" si="975"/>
        <v>3128.5920000000001</v>
      </c>
      <c r="PET54" s="7">
        <f t="shared" si="975"/>
        <v>3128.5920000000001</v>
      </c>
      <c r="PEU54" s="7">
        <f t="shared" si="975"/>
        <v>3128.5920000000001</v>
      </c>
      <c r="PEV54" s="7">
        <f t="shared" si="975"/>
        <v>3128.5920000000001</v>
      </c>
      <c r="PEW54" s="7">
        <f t="shared" si="975"/>
        <v>3128.5920000000001</v>
      </c>
      <c r="PEX54" s="7">
        <f t="shared" si="975"/>
        <v>3128.5920000000001</v>
      </c>
      <c r="PEY54" s="7">
        <f t="shared" si="975"/>
        <v>3128.5920000000001</v>
      </c>
      <c r="PEZ54" s="7">
        <f t="shared" si="975"/>
        <v>3128.5920000000001</v>
      </c>
      <c r="PFA54" s="7">
        <f t="shared" si="975"/>
        <v>3128.5920000000001</v>
      </c>
      <c r="PFB54" s="7">
        <f t="shared" si="975"/>
        <v>3128.5920000000001</v>
      </c>
      <c r="PFC54" s="7">
        <f t="shared" si="975"/>
        <v>3128.5920000000001</v>
      </c>
      <c r="PFD54" s="7">
        <f t="shared" si="975"/>
        <v>3128.5920000000001</v>
      </c>
      <c r="PFE54" s="7">
        <f t="shared" si="975"/>
        <v>3128.5920000000001</v>
      </c>
      <c r="PFF54" s="7">
        <f t="shared" si="975"/>
        <v>3128.5920000000001</v>
      </c>
      <c r="PFG54" s="7">
        <f t="shared" si="975"/>
        <v>3128.5920000000001</v>
      </c>
      <c r="PFH54" s="7">
        <f t="shared" si="975"/>
        <v>3128.5920000000001</v>
      </c>
      <c r="PFI54" s="7">
        <f t="shared" si="975"/>
        <v>3128.5920000000001</v>
      </c>
      <c r="PFJ54" s="7">
        <f t="shared" si="975"/>
        <v>3128.5920000000001</v>
      </c>
      <c r="PFK54" s="7">
        <f t="shared" si="975"/>
        <v>3128.5920000000001</v>
      </c>
      <c r="PFL54" s="7">
        <f t="shared" si="975"/>
        <v>3128.5920000000001</v>
      </c>
      <c r="PFM54" s="7">
        <f t="shared" si="975"/>
        <v>3128.5920000000001</v>
      </c>
      <c r="PFN54" s="7">
        <f t="shared" si="975"/>
        <v>3128.5920000000001</v>
      </c>
      <c r="PFO54" s="7">
        <f t="shared" si="975"/>
        <v>3128.5920000000001</v>
      </c>
      <c r="PFP54" s="7">
        <f t="shared" si="975"/>
        <v>3128.5920000000001</v>
      </c>
      <c r="PFQ54" s="7">
        <f t="shared" si="975"/>
        <v>3128.5920000000001</v>
      </c>
      <c r="PFR54" s="7">
        <f t="shared" si="975"/>
        <v>3128.5920000000001</v>
      </c>
      <c r="PFS54" s="7">
        <f t="shared" si="975"/>
        <v>3128.5920000000001</v>
      </c>
      <c r="PFT54" s="7">
        <f t="shared" si="975"/>
        <v>3128.5920000000001</v>
      </c>
      <c r="PFU54" s="7">
        <f t="shared" si="975"/>
        <v>3128.5920000000001</v>
      </c>
      <c r="PFV54" s="7">
        <f t="shared" si="975"/>
        <v>3128.5920000000001</v>
      </c>
      <c r="PFW54" s="7">
        <f t="shared" si="975"/>
        <v>3128.5920000000001</v>
      </c>
      <c r="PFX54" s="7">
        <f t="shared" si="975"/>
        <v>3128.5920000000001</v>
      </c>
      <c r="PFY54" s="7">
        <f t="shared" si="975"/>
        <v>3128.5920000000001</v>
      </c>
      <c r="PFZ54" s="7">
        <f t="shared" si="975"/>
        <v>3128.5920000000001</v>
      </c>
      <c r="PGA54" s="7">
        <f t="shared" si="975"/>
        <v>3128.5920000000001</v>
      </c>
      <c r="PGB54" s="7">
        <f t="shared" si="975"/>
        <v>3128.5920000000001</v>
      </c>
      <c r="PGC54" s="7">
        <f t="shared" si="975"/>
        <v>3128.5920000000001</v>
      </c>
      <c r="PGD54" s="7">
        <f t="shared" si="975"/>
        <v>3128.5920000000001</v>
      </c>
      <c r="PGE54" s="7">
        <f t="shared" si="975"/>
        <v>3128.5920000000001</v>
      </c>
      <c r="PGF54" s="7">
        <f t="shared" si="975"/>
        <v>3128.5920000000001</v>
      </c>
      <c r="PGG54" s="7">
        <f t="shared" si="975"/>
        <v>3128.5920000000001</v>
      </c>
      <c r="PGH54" s="7">
        <f t="shared" si="975"/>
        <v>3128.5920000000001</v>
      </c>
      <c r="PGI54" s="7">
        <f t="shared" si="975"/>
        <v>3128.5920000000001</v>
      </c>
      <c r="PGJ54" s="7">
        <f t="shared" si="975"/>
        <v>3128.5920000000001</v>
      </c>
      <c r="PGK54" s="7">
        <f t="shared" si="975"/>
        <v>3128.5920000000001</v>
      </c>
      <c r="PGL54" s="7">
        <f t="shared" si="975"/>
        <v>3128.5920000000001</v>
      </c>
      <c r="PGM54" s="7">
        <f t="shared" si="975"/>
        <v>3128.5920000000001</v>
      </c>
      <c r="PGN54" s="7">
        <f t="shared" si="975"/>
        <v>3128.5920000000001</v>
      </c>
      <c r="PGO54" s="7">
        <f t="shared" si="975"/>
        <v>3128.5920000000001</v>
      </c>
      <c r="PGP54" s="7">
        <f t="shared" si="975"/>
        <v>3128.5920000000001</v>
      </c>
      <c r="PGQ54" s="7">
        <f t="shared" si="975"/>
        <v>3128.5920000000001</v>
      </c>
      <c r="PGR54" s="7">
        <f t="shared" si="975"/>
        <v>3128.5920000000001</v>
      </c>
      <c r="PGS54" s="7">
        <f t="shared" si="975"/>
        <v>3128.5920000000001</v>
      </c>
      <c r="PGT54" s="7">
        <f t="shared" ref="PGT54:PJE54" si="976">PGT49+PGS54</f>
        <v>3128.5920000000001</v>
      </c>
      <c r="PGU54" s="7">
        <f t="shared" si="976"/>
        <v>3128.5920000000001</v>
      </c>
      <c r="PGV54" s="7">
        <f t="shared" si="976"/>
        <v>3128.5920000000001</v>
      </c>
      <c r="PGW54" s="7">
        <f t="shared" si="976"/>
        <v>3128.5920000000001</v>
      </c>
      <c r="PGX54" s="7">
        <f t="shared" si="976"/>
        <v>3128.5920000000001</v>
      </c>
      <c r="PGY54" s="7">
        <f t="shared" si="976"/>
        <v>3128.5920000000001</v>
      </c>
      <c r="PGZ54" s="7">
        <f t="shared" si="976"/>
        <v>3128.5920000000001</v>
      </c>
      <c r="PHA54" s="7">
        <f t="shared" si="976"/>
        <v>3128.5920000000001</v>
      </c>
      <c r="PHB54" s="7">
        <f t="shared" si="976"/>
        <v>3128.5920000000001</v>
      </c>
      <c r="PHC54" s="7">
        <f t="shared" si="976"/>
        <v>3128.5920000000001</v>
      </c>
      <c r="PHD54" s="7">
        <f t="shared" si="976"/>
        <v>3128.5920000000001</v>
      </c>
      <c r="PHE54" s="7">
        <f t="shared" si="976"/>
        <v>3128.5920000000001</v>
      </c>
      <c r="PHF54" s="7">
        <f t="shared" si="976"/>
        <v>3128.5920000000001</v>
      </c>
      <c r="PHG54" s="7">
        <f t="shared" si="976"/>
        <v>3128.5920000000001</v>
      </c>
      <c r="PHH54" s="7">
        <f t="shared" si="976"/>
        <v>3128.5920000000001</v>
      </c>
      <c r="PHI54" s="7">
        <f t="shared" si="976"/>
        <v>3128.5920000000001</v>
      </c>
      <c r="PHJ54" s="7">
        <f t="shared" si="976"/>
        <v>3128.5920000000001</v>
      </c>
      <c r="PHK54" s="7">
        <f t="shared" si="976"/>
        <v>3128.5920000000001</v>
      </c>
      <c r="PHL54" s="7">
        <f t="shared" si="976"/>
        <v>3128.5920000000001</v>
      </c>
      <c r="PHM54" s="7">
        <f t="shared" si="976"/>
        <v>3128.5920000000001</v>
      </c>
      <c r="PHN54" s="7">
        <f t="shared" si="976"/>
        <v>3128.5920000000001</v>
      </c>
      <c r="PHO54" s="7">
        <f t="shared" si="976"/>
        <v>3128.5920000000001</v>
      </c>
      <c r="PHP54" s="7">
        <f t="shared" si="976"/>
        <v>3128.5920000000001</v>
      </c>
      <c r="PHQ54" s="7">
        <f t="shared" si="976"/>
        <v>3128.5920000000001</v>
      </c>
      <c r="PHR54" s="7">
        <f t="shared" si="976"/>
        <v>3128.5920000000001</v>
      </c>
      <c r="PHS54" s="7">
        <f t="shared" si="976"/>
        <v>3128.5920000000001</v>
      </c>
      <c r="PHT54" s="7">
        <f t="shared" si="976"/>
        <v>3128.5920000000001</v>
      </c>
      <c r="PHU54" s="7">
        <f t="shared" si="976"/>
        <v>3128.5920000000001</v>
      </c>
      <c r="PHV54" s="7">
        <f t="shared" si="976"/>
        <v>3128.5920000000001</v>
      </c>
      <c r="PHW54" s="7">
        <f t="shared" si="976"/>
        <v>3128.5920000000001</v>
      </c>
      <c r="PHX54" s="7">
        <f t="shared" si="976"/>
        <v>3128.5920000000001</v>
      </c>
      <c r="PHY54" s="7">
        <f t="shared" si="976"/>
        <v>3128.5920000000001</v>
      </c>
      <c r="PHZ54" s="7">
        <f t="shared" si="976"/>
        <v>3128.5920000000001</v>
      </c>
      <c r="PIA54" s="7">
        <f t="shared" si="976"/>
        <v>3128.5920000000001</v>
      </c>
      <c r="PIB54" s="7">
        <f t="shared" si="976"/>
        <v>3128.5920000000001</v>
      </c>
      <c r="PIC54" s="7">
        <f t="shared" si="976"/>
        <v>3128.5920000000001</v>
      </c>
      <c r="PID54" s="7">
        <f t="shared" si="976"/>
        <v>3128.5920000000001</v>
      </c>
      <c r="PIE54" s="7">
        <f t="shared" si="976"/>
        <v>3128.5920000000001</v>
      </c>
      <c r="PIF54" s="7">
        <f t="shared" si="976"/>
        <v>3128.5920000000001</v>
      </c>
      <c r="PIG54" s="7">
        <f t="shared" si="976"/>
        <v>3128.5920000000001</v>
      </c>
      <c r="PIH54" s="7">
        <f t="shared" si="976"/>
        <v>3128.5920000000001</v>
      </c>
      <c r="PII54" s="7">
        <f t="shared" si="976"/>
        <v>3128.5920000000001</v>
      </c>
      <c r="PIJ54" s="7">
        <f t="shared" si="976"/>
        <v>3128.5920000000001</v>
      </c>
      <c r="PIK54" s="7">
        <f t="shared" si="976"/>
        <v>3128.5920000000001</v>
      </c>
      <c r="PIL54" s="7">
        <f t="shared" si="976"/>
        <v>3128.5920000000001</v>
      </c>
      <c r="PIM54" s="7">
        <f t="shared" si="976"/>
        <v>3128.5920000000001</v>
      </c>
      <c r="PIN54" s="7">
        <f t="shared" si="976"/>
        <v>3128.5920000000001</v>
      </c>
      <c r="PIO54" s="7">
        <f t="shared" si="976"/>
        <v>3128.5920000000001</v>
      </c>
      <c r="PIP54" s="7">
        <f t="shared" si="976"/>
        <v>3128.5920000000001</v>
      </c>
      <c r="PIQ54" s="7">
        <f t="shared" si="976"/>
        <v>3128.5920000000001</v>
      </c>
      <c r="PIR54" s="7">
        <f t="shared" si="976"/>
        <v>3128.5920000000001</v>
      </c>
      <c r="PIS54" s="7">
        <f t="shared" si="976"/>
        <v>3128.5920000000001</v>
      </c>
      <c r="PIT54" s="7">
        <f t="shared" si="976"/>
        <v>3128.5920000000001</v>
      </c>
      <c r="PIU54" s="7">
        <f t="shared" si="976"/>
        <v>3128.5920000000001</v>
      </c>
      <c r="PIV54" s="7">
        <f t="shared" si="976"/>
        <v>3128.5920000000001</v>
      </c>
      <c r="PIW54" s="7">
        <f t="shared" si="976"/>
        <v>3128.5920000000001</v>
      </c>
      <c r="PIX54" s="7">
        <f t="shared" si="976"/>
        <v>3128.5920000000001</v>
      </c>
      <c r="PIY54" s="7">
        <f t="shared" si="976"/>
        <v>3128.5920000000001</v>
      </c>
      <c r="PIZ54" s="7">
        <f t="shared" si="976"/>
        <v>3128.5920000000001</v>
      </c>
      <c r="PJA54" s="7">
        <f t="shared" si="976"/>
        <v>3128.5920000000001</v>
      </c>
      <c r="PJB54" s="7">
        <f t="shared" si="976"/>
        <v>3128.5920000000001</v>
      </c>
      <c r="PJC54" s="7">
        <f t="shared" si="976"/>
        <v>3128.5920000000001</v>
      </c>
      <c r="PJD54" s="7">
        <f t="shared" si="976"/>
        <v>3128.5920000000001</v>
      </c>
      <c r="PJE54" s="7">
        <f t="shared" si="976"/>
        <v>3128.5920000000001</v>
      </c>
      <c r="PJF54" s="7">
        <f t="shared" ref="PJF54:PLQ54" si="977">PJF49+PJE54</f>
        <v>3128.5920000000001</v>
      </c>
      <c r="PJG54" s="7">
        <f t="shared" si="977"/>
        <v>3128.5920000000001</v>
      </c>
      <c r="PJH54" s="7">
        <f t="shared" si="977"/>
        <v>3128.5920000000001</v>
      </c>
      <c r="PJI54" s="7">
        <f t="shared" si="977"/>
        <v>3128.5920000000001</v>
      </c>
      <c r="PJJ54" s="7">
        <f t="shared" si="977"/>
        <v>3128.5920000000001</v>
      </c>
      <c r="PJK54" s="7">
        <f t="shared" si="977"/>
        <v>3128.5920000000001</v>
      </c>
      <c r="PJL54" s="7">
        <f t="shared" si="977"/>
        <v>3128.5920000000001</v>
      </c>
      <c r="PJM54" s="7">
        <f t="shared" si="977"/>
        <v>3128.5920000000001</v>
      </c>
      <c r="PJN54" s="7">
        <f t="shared" si="977"/>
        <v>3128.5920000000001</v>
      </c>
      <c r="PJO54" s="7">
        <f t="shared" si="977"/>
        <v>3128.5920000000001</v>
      </c>
      <c r="PJP54" s="7">
        <f t="shared" si="977"/>
        <v>3128.5920000000001</v>
      </c>
      <c r="PJQ54" s="7">
        <f t="shared" si="977"/>
        <v>3128.5920000000001</v>
      </c>
      <c r="PJR54" s="7">
        <f t="shared" si="977"/>
        <v>3128.5920000000001</v>
      </c>
      <c r="PJS54" s="7">
        <f t="shared" si="977"/>
        <v>3128.5920000000001</v>
      </c>
      <c r="PJT54" s="7">
        <f t="shared" si="977"/>
        <v>3128.5920000000001</v>
      </c>
      <c r="PJU54" s="7">
        <f t="shared" si="977"/>
        <v>3128.5920000000001</v>
      </c>
      <c r="PJV54" s="7">
        <f t="shared" si="977"/>
        <v>3128.5920000000001</v>
      </c>
      <c r="PJW54" s="7">
        <f t="shared" si="977"/>
        <v>3128.5920000000001</v>
      </c>
      <c r="PJX54" s="7">
        <f t="shared" si="977"/>
        <v>3128.5920000000001</v>
      </c>
      <c r="PJY54" s="7">
        <f t="shared" si="977"/>
        <v>3128.5920000000001</v>
      </c>
      <c r="PJZ54" s="7">
        <f t="shared" si="977"/>
        <v>3128.5920000000001</v>
      </c>
      <c r="PKA54" s="7">
        <f t="shared" si="977"/>
        <v>3128.5920000000001</v>
      </c>
      <c r="PKB54" s="7">
        <f t="shared" si="977"/>
        <v>3128.5920000000001</v>
      </c>
      <c r="PKC54" s="7">
        <f t="shared" si="977"/>
        <v>3128.5920000000001</v>
      </c>
      <c r="PKD54" s="7">
        <f t="shared" si="977"/>
        <v>3128.5920000000001</v>
      </c>
      <c r="PKE54" s="7">
        <f t="shared" si="977"/>
        <v>3128.5920000000001</v>
      </c>
      <c r="PKF54" s="7">
        <f t="shared" si="977"/>
        <v>3128.5920000000001</v>
      </c>
      <c r="PKG54" s="7">
        <f t="shared" si="977"/>
        <v>3128.5920000000001</v>
      </c>
      <c r="PKH54" s="7">
        <f t="shared" si="977"/>
        <v>3128.5920000000001</v>
      </c>
      <c r="PKI54" s="7">
        <f t="shared" si="977"/>
        <v>3128.5920000000001</v>
      </c>
      <c r="PKJ54" s="7">
        <f t="shared" si="977"/>
        <v>3128.5920000000001</v>
      </c>
      <c r="PKK54" s="7">
        <f t="shared" si="977"/>
        <v>3128.5920000000001</v>
      </c>
      <c r="PKL54" s="7">
        <f t="shared" si="977"/>
        <v>3128.5920000000001</v>
      </c>
      <c r="PKM54" s="7">
        <f t="shared" si="977"/>
        <v>3128.5920000000001</v>
      </c>
      <c r="PKN54" s="7">
        <f t="shared" si="977"/>
        <v>3128.5920000000001</v>
      </c>
      <c r="PKO54" s="7">
        <f t="shared" si="977"/>
        <v>3128.5920000000001</v>
      </c>
      <c r="PKP54" s="7">
        <f t="shared" si="977"/>
        <v>3128.5920000000001</v>
      </c>
      <c r="PKQ54" s="7">
        <f t="shared" si="977"/>
        <v>3128.5920000000001</v>
      </c>
      <c r="PKR54" s="7">
        <f t="shared" si="977"/>
        <v>3128.5920000000001</v>
      </c>
      <c r="PKS54" s="7">
        <f t="shared" si="977"/>
        <v>3128.5920000000001</v>
      </c>
      <c r="PKT54" s="7">
        <f t="shared" si="977"/>
        <v>3128.5920000000001</v>
      </c>
      <c r="PKU54" s="7">
        <f t="shared" si="977"/>
        <v>3128.5920000000001</v>
      </c>
      <c r="PKV54" s="7">
        <f t="shared" si="977"/>
        <v>3128.5920000000001</v>
      </c>
      <c r="PKW54" s="7">
        <f t="shared" si="977"/>
        <v>3128.5920000000001</v>
      </c>
      <c r="PKX54" s="7">
        <f t="shared" si="977"/>
        <v>3128.5920000000001</v>
      </c>
      <c r="PKY54" s="7">
        <f t="shared" si="977"/>
        <v>3128.5920000000001</v>
      </c>
      <c r="PKZ54" s="7">
        <f t="shared" si="977"/>
        <v>3128.5920000000001</v>
      </c>
      <c r="PLA54" s="7">
        <f t="shared" si="977"/>
        <v>3128.5920000000001</v>
      </c>
      <c r="PLB54" s="7">
        <f t="shared" si="977"/>
        <v>3128.5920000000001</v>
      </c>
      <c r="PLC54" s="7">
        <f t="shared" si="977"/>
        <v>3128.5920000000001</v>
      </c>
      <c r="PLD54" s="7">
        <f t="shared" si="977"/>
        <v>3128.5920000000001</v>
      </c>
      <c r="PLE54" s="7">
        <f t="shared" si="977"/>
        <v>3128.5920000000001</v>
      </c>
      <c r="PLF54" s="7">
        <f t="shared" si="977"/>
        <v>3128.5920000000001</v>
      </c>
      <c r="PLG54" s="7">
        <f t="shared" si="977"/>
        <v>3128.5920000000001</v>
      </c>
      <c r="PLH54" s="7">
        <f t="shared" si="977"/>
        <v>3128.5920000000001</v>
      </c>
      <c r="PLI54" s="7">
        <f t="shared" si="977"/>
        <v>3128.5920000000001</v>
      </c>
      <c r="PLJ54" s="7">
        <f t="shared" si="977"/>
        <v>3128.5920000000001</v>
      </c>
      <c r="PLK54" s="7">
        <f t="shared" si="977"/>
        <v>3128.5920000000001</v>
      </c>
      <c r="PLL54" s="7">
        <f t="shared" si="977"/>
        <v>3128.5920000000001</v>
      </c>
      <c r="PLM54" s="7">
        <f t="shared" si="977"/>
        <v>3128.5920000000001</v>
      </c>
      <c r="PLN54" s="7">
        <f t="shared" si="977"/>
        <v>3128.5920000000001</v>
      </c>
      <c r="PLO54" s="7">
        <f t="shared" si="977"/>
        <v>3128.5920000000001</v>
      </c>
      <c r="PLP54" s="7">
        <f t="shared" si="977"/>
        <v>3128.5920000000001</v>
      </c>
      <c r="PLQ54" s="7">
        <f t="shared" si="977"/>
        <v>3128.5920000000001</v>
      </c>
      <c r="PLR54" s="7">
        <f t="shared" ref="PLR54:POC54" si="978">PLR49+PLQ54</f>
        <v>3128.5920000000001</v>
      </c>
      <c r="PLS54" s="7">
        <f t="shared" si="978"/>
        <v>3128.5920000000001</v>
      </c>
      <c r="PLT54" s="7">
        <f t="shared" si="978"/>
        <v>3128.5920000000001</v>
      </c>
      <c r="PLU54" s="7">
        <f t="shared" si="978"/>
        <v>3128.5920000000001</v>
      </c>
      <c r="PLV54" s="7">
        <f t="shared" si="978"/>
        <v>3128.5920000000001</v>
      </c>
      <c r="PLW54" s="7">
        <f t="shared" si="978"/>
        <v>3128.5920000000001</v>
      </c>
      <c r="PLX54" s="7">
        <f t="shared" si="978"/>
        <v>3128.5920000000001</v>
      </c>
      <c r="PLY54" s="7">
        <f t="shared" si="978"/>
        <v>3128.5920000000001</v>
      </c>
      <c r="PLZ54" s="7">
        <f t="shared" si="978"/>
        <v>3128.5920000000001</v>
      </c>
      <c r="PMA54" s="7">
        <f t="shared" si="978"/>
        <v>3128.5920000000001</v>
      </c>
      <c r="PMB54" s="7">
        <f t="shared" si="978"/>
        <v>3128.5920000000001</v>
      </c>
      <c r="PMC54" s="7">
        <f t="shared" si="978"/>
        <v>3128.5920000000001</v>
      </c>
      <c r="PMD54" s="7">
        <f t="shared" si="978"/>
        <v>3128.5920000000001</v>
      </c>
      <c r="PME54" s="7">
        <f t="shared" si="978"/>
        <v>3128.5920000000001</v>
      </c>
      <c r="PMF54" s="7">
        <f t="shared" si="978"/>
        <v>3128.5920000000001</v>
      </c>
      <c r="PMG54" s="7">
        <f t="shared" si="978"/>
        <v>3128.5920000000001</v>
      </c>
      <c r="PMH54" s="7">
        <f t="shared" si="978"/>
        <v>3128.5920000000001</v>
      </c>
      <c r="PMI54" s="7">
        <f t="shared" si="978"/>
        <v>3128.5920000000001</v>
      </c>
      <c r="PMJ54" s="7">
        <f t="shared" si="978"/>
        <v>3128.5920000000001</v>
      </c>
      <c r="PMK54" s="7">
        <f t="shared" si="978"/>
        <v>3128.5920000000001</v>
      </c>
      <c r="PML54" s="7">
        <f t="shared" si="978"/>
        <v>3128.5920000000001</v>
      </c>
      <c r="PMM54" s="7">
        <f t="shared" si="978"/>
        <v>3128.5920000000001</v>
      </c>
      <c r="PMN54" s="7">
        <f t="shared" si="978"/>
        <v>3128.5920000000001</v>
      </c>
      <c r="PMO54" s="7">
        <f t="shared" si="978"/>
        <v>3128.5920000000001</v>
      </c>
      <c r="PMP54" s="7">
        <f t="shared" si="978"/>
        <v>3128.5920000000001</v>
      </c>
      <c r="PMQ54" s="7">
        <f t="shared" si="978"/>
        <v>3128.5920000000001</v>
      </c>
      <c r="PMR54" s="7">
        <f t="shared" si="978"/>
        <v>3128.5920000000001</v>
      </c>
      <c r="PMS54" s="7">
        <f t="shared" si="978"/>
        <v>3128.5920000000001</v>
      </c>
      <c r="PMT54" s="7">
        <f t="shared" si="978"/>
        <v>3128.5920000000001</v>
      </c>
      <c r="PMU54" s="7">
        <f t="shared" si="978"/>
        <v>3128.5920000000001</v>
      </c>
      <c r="PMV54" s="7">
        <f t="shared" si="978"/>
        <v>3128.5920000000001</v>
      </c>
      <c r="PMW54" s="7">
        <f t="shared" si="978"/>
        <v>3128.5920000000001</v>
      </c>
      <c r="PMX54" s="7">
        <f t="shared" si="978"/>
        <v>3128.5920000000001</v>
      </c>
      <c r="PMY54" s="7">
        <f t="shared" si="978"/>
        <v>3128.5920000000001</v>
      </c>
      <c r="PMZ54" s="7">
        <f t="shared" si="978"/>
        <v>3128.5920000000001</v>
      </c>
      <c r="PNA54" s="7">
        <f t="shared" si="978"/>
        <v>3128.5920000000001</v>
      </c>
      <c r="PNB54" s="7">
        <f t="shared" si="978"/>
        <v>3128.5920000000001</v>
      </c>
      <c r="PNC54" s="7">
        <f t="shared" si="978"/>
        <v>3128.5920000000001</v>
      </c>
      <c r="PND54" s="7">
        <f t="shared" si="978"/>
        <v>3128.5920000000001</v>
      </c>
      <c r="PNE54" s="7">
        <f t="shared" si="978"/>
        <v>3128.5920000000001</v>
      </c>
      <c r="PNF54" s="7">
        <f t="shared" si="978"/>
        <v>3128.5920000000001</v>
      </c>
      <c r="PNG54" s="7">
        <f t="shared" si="978"/>
        <v>3128.5920000000001</v>
      </c>
      <c r="PNH54" s="7">
        <f t="shared" si="978"/>
        <v>3128.5920000000001</v>
      </c>
      <c r="PNI54" s="7">
        <f t="shared" si="978"/>
        <v>3128.5920000000001</v>
      </c>
      <c r="PNJ54" s="7">
        <f t="shared" si="978"/>
        <v>3128.5920000000001</v>
      </c>
      <c r="PNK54" s="7">
        <f t="shared" si="978"/>
        <v>3128.5920000000001</v>
      </c>
      <c r="PNL54" s="7">
        <f t="shared" si="978"/>
        <v>3128.5920000000001</v>
      </c>
      <c r="PNM54" s="7">
        <f t="shared" si="978"/>
        <v>3128.5920000000001</v>
      </c>
      <c r="PNN54" s="7">
        <f t="shared" si="978"/>
        <v>3128.5920000000001</v>
      </c>
      <c r="PNO54" s="7">
        <f t="shared" si="978"/>
        <v>3128.5920000000001</v>
      </c>
      <c r="PNP54" s="7">
        <f t="shared" si="978"/>
        <v>3128.5920000000001</v>
      </c>
      <c r="PNQ54" s="7">
        <f t="shared" si="978"/>
        <v>3128.5920000000001</v>
      </c>
      <c r="PNR54" s="7">
        <f t="shared" si="978"/>
        <v>3128.5920000000001</v>
      </c>
      <c r="PNS54" s="7">
        <f t="shared" si="978"/>
        <v>3128.5920000000001</v>
      </c>
      <c r="PNT54" s="7">
        <f t="shared" si="978"/>
        <v>3128.5920000000001</v>
      </c>
      <c r="PNU54" s="7">
        <f t="shared" si="978"/>
        <v>3128.5920000000001</v>
      </c>
      <c r="PNV54" s="7">
        <f t="shared" si="978"/>
        <v>3128.5920000000001</v>
      </c>
      <c r="PNW54" s="7">
        <f t="shared" si="978"/>
        <v>3128.5920000000001</v>
      </c>
      <c r="PNX54" s="7">
        <f t="shared" si="978"/>
        <v>3128.5920000000001</v>
      </c>
      <c r="PNY54" s="7">
        <f t="shared" si="978"/>
        <v>3128.5920000000001</v>
      </c>
      <c r="PNZ54" s="7">
        <f t="shared" si="978"/>
        <v>3128.5920000000001</v>
      </c>
      <c r="POA54" s="7">
        <f t="shared" si="978"/>
        <v>3128.5920000000001</v>
      </c>
      <c r="POB54" s="7">
        <f t="shared" si="978"/>
        <v>3128.5920000000001</v>
      </c>
      <c r="POC54" s="7">
        <f t="shared" si="978"/>
        <v>3128.5920000000001</v>
      </c>
      <c r="POD54" s="7">
        <f t="shared" ref="POD54:PQO54" si="979">POD49+POC54</f>
        <v>3128.5920000000001</v>
      </c>
      <c r="POE54" s="7">
        <f t="shared" si="979"/>
        <v>3128.5920000000001</v>
      </c>
      <c r="POF54" s="7">
        <f t="shared" si="979"/>
        <v>3128.5920000000001</v>
      </c>
      <c r="POG54" s="7">
        <f t="shared" si="979"/>
        <v>3128.5920000000001</v>
      </c>
      <c r="POH54" s="7">
        <f t="shared" si="979"/>
        <v>3128.5920000000001</v>
      </c>
      <c r="POI54" s="7">
        <f t="shared" si="979"/>
        <v>3128.5920000000001</v>
      </c>
      <c r="POJ54" s="7">
        <f t="shared" si="979"/>
        <v>3128.5920000000001</v>
      </c>
      <c r="POK54" s="7">
        <f t="shared" si="979"/>
        <v>3128.5920000000001</v>
      </c>
      <c r="POL54" s="7">
        <f t="shared" si="979"/>
        <v>3128.5920000000001</v>
      </c>
      <c r="POM54" s="7">
        <f t="shared" si="979"/>
        <v>3128.5920000000001</v>
      </c>
      <c r="PON54" s="7">
        <f t="shared" si="979"/>
        <v>3128.5920000000001</v>
      </c>
      <c r="POO54" s="7">
        <f t="shared" si="979"/>
        <v>3128.5920000000001</v>
      </c>
      <c r="POP54" s="7">
        <f t="shared" si="979"/>
        <v>3128.5920000000001</v>
      </c>
      <c r="POQ54" s="7">
        <f t="shared" si="979"/>
        <v>3128.5920000000001</v>
      </c>
      <c r="POR54" s="7">
        <f t="shared" si="979"/>
        <v>3128.5920000000001</v>
      </c>
      <c r="POS54" s="7">
        <f t="shared" si="979"/>
        <v>3128.5920000000001</v>
      </c>
      <c r="POT54" s="7">
        <f t="shared" si="979"/>
        <v>3128.5920000000001</v>
      </c>
      <c r="POU54" s="7">
        <f t="shared" si="979"/>
        <v>3128.5920000000001</v>
      </c>
      <c r="POV54" s="7">
        <f t="shared" si="979"/>
        <v>3128.5920000000001</v>
      </c>
      <c r="POW54" s="7">
        <f t="shared" si="979"/>
        <v>3128.5920000000001</v>
      </c>
      <c r="POX54" s="7">
        <f t="shared" si="979"/>
        <v>3128.5920000000001</v>
      </c>
      <c r="POY54" s="7">
        <f t="shared" si="979"/>
        <v>3128.5920000000001</v>
      </c>
      <c r="POZ54" s="7">
        <f t="shared" si="979"/>
        <v>3128.5920000000001</v>
      </c>
      <c r="PPA54" s="7">
        <f t="shared" si="979"/>
        <v>3128.5920000000001</v>
      </c>
      <c r="PPB54" s="7">
        <f t="shared" si="979"/>
        <v>3128.5920000000001</v>
      </c>
      <c r="PPC54" s="7">
        <f t="shared" si="979"/>
        <v>3128.5920000000001</v>
      </c>
      <c r="PPD54" s="7">
        <f t="shared" si="979"/>
        <v>3128.5920000000001</v>
      </c>
      <c r="PPE54" s="7">
        <f t="shared" si="979"/>
        <v>3128.5920000000001</v>
      </c>
      <c r="PPF54" s="7">
        <f t="shared" si="979"/>
        <v>3128.5920000000001</v>
      </c>
      <c r="PPG54" s="7">
        <f t="shared" si="979"/>
        <v>3128.5920000000001</v>
      </c>
      <c r="PPH54" s="7">
        <f t="shared" si="979"/>
        <v>3128.5920000000001</v>
      </c>
      <c r="PPI54" s="7">
        <f t="shared" si="979"/>
        <v>3128.5920000000001</v>
      </c>
      <c r="PPJ54" s="7">
        <f t="shared" si="979"/>
        <v>3128.5920000000001</v>
      </c>
      <c r="PPK54" s="7">
        <f t="shared" si="979"/>
        <v>3128.5920000000001</v>
      </c>
      <c r="PPL54" s="7">
        <f t="shared" si="979"/>
        <v>3128.5920000000001</v>
      </c>
      <c r="PPM54" s="7">
        <f t="shared" si="979"/>
        <v>3128.5920000000001</v>
      </c>
      <c r="PPN54" s="7">
        <f t="shared" si="979"/>
        <v>3128.5920000000001</v>
      </c>
      <c r="PPO54" s="7">
        <f t="shared" si="979"/>
        <v>3128.5920000000001</v>
      </c>
      <c r="PPP54" s="7">
        <f t="shared" si="979"/>
        <v>3128.5920000000001</v>
      </c>
      <c r="PPQ54" s="7">
        <f t="shared" si="979"/>
        <v>3128.5920000000001</v>
      </c>
      <c r="PPR54" s="7">
        <f t="shared" si="979"/>
        <v>3128.5920000000001</v>
      </c>
      <c r="PPS54" s="7">
        <f t="shared" si="979"/>
        <v>3128.5920000000001</v>
      </c>
      <c r="PPT54" s="7">
        <f t="shared" si="979"/>
        <v>3128.5920000000001</v>
      </c>
      <c r="PPU54" s="7">
        <f t="shared" si="979"/>
        <v>3128.5920000000001</v>
      </c>
      <c r="PPV54" s="7">
        <f t="shared" si="979"/>
        <v>3128.5920000000001</v>
      </c>
      <c r="PPW54" s="7">
        <f t="shared" si="979"/>
        <v>3128.5920000000001</v>
      </c>
      <c r="PPX54" s="7">
        <f t="shared" si="979"/>
        <v>3128.5920000000001</v>
      </c>
      <c r="PPY54" s="7">
        <f t="shared" si="979"/>
        <v>3128.5920000000001</v>
      </c>
      <c r="PPZ54" s="7">
        <f t="shared" si="979"/>
        <v>3128.5920000000001</v>
      </c>
      <c r="PQA54" s="7">
        <f t="shared" si="979"/>
        <v>3128.5920000000001</v>
      </c>
      <c r="PQB54" s="7">
        <f t="shared" si="979"/>
        <v>3128.5920000000001</v>
      </c>
      <c r="PQC54" s="7">
        <f t="shared" si="979"/>
        <v>3128.5920000000001</v>
      </c>
      <c r="PQD54" s="7">
        <f t="shared" si="979"/>
        <v>3128.5920000000001</v>
      </c>
      <c r="PQE54" s="7">
        <f t="shared" si="979"/>
        <v>3128.5920000000001</v>
      </c>
      <c r="PQF54" s="7">
        <f t="shared" si="979"/>
        <v>3128.5920000000001</v>
      </c>
      <c r="PQG54" s="7">
        <f t="shared" si="979"/>
        <v>3128.5920000000001</v>
      </c>
      <c r="PQH54" s="7">
        <f t="shared" si="979"/>
        <v>3128.5920000000001</v>
      </c>
      <c r="PQI54" s="7">
        <f t="shared" si="979"/>
        <v>3128.5920000000001</v>
      </c>
      <c r="PQJ54" s="7">
        <f t="shared" si="979"/>
        <v>3128.5920000000001</v>
      </c>
      <c r="PQK54" s="7">
        <f t="shared" si="979"/>
        <v>3128.5920000000001</v>
      </c>
      <c r="PQL54" s="7">
        <f t="shared" si="979"/>
        <v>3128.5920000000001</v>
      </c>
      <c r="PQM54" s="7">
        <f t="shared" si="979"/>
        <v>3128.5920000000001</v>
      </c>
      <c r="PQN54" s="7">
        <f t="shared" si="979"/>
        <v>3128.5920000000001</v>
      </c>
      <c r="PQO54" s="7">
        <f t="shared" si="979"/>
        <v>3128.5920000000001</v>
      </c>
      <c r="PQP54" s="7">
        <f t="shared" ref="PQP54:PTA54" si="980">PQP49+PQO54</f>
        <v>3128.5920000000001</v>
      </c>
      <c r="PQQ54" s="7">
        <f t="shared" si="980"/>
        <v>3128.5920000000001</v>
      </c>
      <c r="PQR54" s="7">
        <f t="shared" si="980"/>
        <v>3128.5920000000001</v>
      </c>
      <c r="PQS54" s="7">
        <f t="shared" si="980"/>
        <v>3128.5920000000001</v>
      </c>
      <c r="PQT54" s="7">
        <f t="shared" si="980"/>
        <v>3128.5920000000001</v>
      </c>
      <c r="PQU54" s="7">
        <f t="shared" si="980"/>
        <v>3128.5920000000001</v>
      </c>
      <c r="PQV54" s="7">
        <f t="shared" si="980"/>
        <v>3128.5920000000001</v>
      </c>
      <c r="PQW54" s="7">
        <f t="shared" si="980"/>
        <v>3128.5920000000001</v>
      </c>
      <c r="PQX54" s="7">
        <f t="shared" si="980"/>
        <v>3128.5920000000001</v>
      </c>
      <c r="PQY54" s="7">
        <f t="shared" si="980"/>
        <v>3128.5920000000001</v>
      </c>
      <c r="PQZ54" s="7">
        <f t="shared" si="980"/>
        <v>3128.5920000000001</v>
      </c>
      <c r="PRA54" s="7">
        <f t="shared" si="980"/>
        <v>3128.5920000000001</v>
      </c>
      <c r="PRB54" s="7">
        <f t="shared" si="980"/>
        <v>3128.5920000000001</v>
      </c>
      <c r="PRC54" s="7">
        <f t="shared" si="980"/>
        <v>3128.5920000000001</v>
      </c>
      <c r="PRD54" s="7">
        <f t="shared" si="980"/>
        <v>3128.5920000000001</v>
      </c>
      <c r="PRE54" s="7">
        <f t="shared" si="980"/>
        <v>3128.5920000000001</v>
      </c>
      <c r="PRF54" s="7">
        <f t="shared" si="980"/>
        <v>3128.5920000000001</v>
      </c>
      <c r="PRG54" s="7">
        <f t="shared" si="980"/>
        <v>3128.5920000000001</v>
      </c>
      <c r="PRH54" s="7">
        <f t="shared" si="980"/>
        <v>3128.5920000000001</v>
      </c>
      <c r="PRI54" s="7">
        <f t="shared" si="980"/>
        <v>3128.5920000000001</v>
      </c>
      <c r="PRJ54" s="7">
        <f t="shared" si="980"/>
        <v>3128.5920000000001</v>
      </c>
      <c r="PRK54" s="7">
        <f t="shared" si="980"/>
        <v>3128.5920000000001</v>
      </c>
      <c r="PRL54" s="7">
        <f t="shared" si="980"/>
        <v>3128.5920000000001</v>
      </c>
      <c r="PRM54" s="7">
        <f t="shared" si="980"/>
        <v>3128.5920000000001</v>
      </c>
      <c r="PRN54" s="7">
        <f t="shared" si="980"/>
        <v>3128.5920000000001</v>
      </c>
      <c r="PRO54" s="7">
        <f t="shared" si="980"/>
        <v>3128.5920000000001</v>
      </c>
      <c r="PRP54" s="7">
        <f t="shared" si="980"/>
        <v>3128.5920000000001</v>
      </c>
      <c r="PRQ54" s="7">
        <f t="shared" si="980"/>
        <v>3128.5920000000001</v>
      </c>
      <c r="PRR54" s="7">
        <f t="shared" si="980"/>
        <v>3128.5920000000001</v>
      </c>
      <c r="PRS54" s="7">
        <f t="shared" si="980"/>
        <v>3128.5920000000001</v>
      </c>
      <c r="PRT54" s="7">
        <f t="shared" si="980"/>
        <v>3128.5920000000001</v>
      </c>
      <c r="PRU54" s="7">
        <f t="shared" si="980"/>
        <v>3128.5920000000001</v>
      </c>
      <c r="PRV54" s="7">
        <f t="shared" si="980"/>
        <v>3128.5920000000001</v>
      </c>
      <c r="PRW54" s="7">
        <f t="shared" si="980"/>
        <v>3128.5920000000001</v>
      </c>
      <c r="PRX54" s="7">
        <f t="shared" si="980"/>
        <v>3128.5920000000001</v>
      </c>
      <c r="PRY54" s="7">
        <f t="shared" si="980"/>
        <v>3128.5920000000001</v>
      </c>
      <c r="PRZ54" s="7">
        <f t="shared" si="980"/>
        <v>3128.5920000000001</v>
      </c>
      <c r="PSA54" s="7">
        <f t="shared" si="980"/>
        <v>3128.5920000000001</v>
      </c>
      <c r="PSB54" s="7">
        <f t="shared" si="980"/>
        <v>3128.5920000000001</v>
      </c>
      <c r="PSC54" s="7">
        <f t="shared" si="980"/>
        <v>3128.5920000000001</v>
      </c>
      <c r="PSD54" s="7">
        <f t="shared" si="980"/>
        <v>3128.5920000000001</v>
      </c>
      <c r="PSE54" s="7">
        <f t="shared" si="980"/>
        <v>3128.5920000000001</v>
      </c>
      <c r="PSF54" s="7">
        <f t="shared" si="980"/>
        <v>3128.5920000000001</v>
      </c>
      <c r="PSG54" s="7">
        <f t="shared" si="980"/>
        <v>3128.5920000000001</v>
      </c>
      <c r="PSH54" s="7">
        <f t="shared" si="980"/>
        <v>3128.5920000000001</v>
      </c>
      <c r="PSI54" s="7">
        <f t="shared" si="980"/>
        <v>3128.5920000000001</v>
      </c>
      <c r="PSJ54" s="7">
        <f t="shared" si="980"/>
        <v>3128.5920000000001</v>
      </c>
      <c r="PSK54" s="7">
        <f t="shared" si="980"/>
        <v>3128.5920000000001</v>
      </c>
      <c r="PSL54" s="7">
        <f t="shared" si="980"/>
        <v>3128.5920000000001</v>
      </c>
      <c r="PSM54" s="7">
        <f t="shared" si="980"/>
        <v>3128.5920000000001</v>
      </c>
      <c r="PSN54" s="7">
        <f t="shared" si="980"/>
        <v>3128.5920000000001</v>
      </c>
      <c r="PSO54" s="7">
        <f t="shared" si="980"/>
        <v>3128.5920000000001</v>
      </c>
      <c r="PSP54" s="7">
        <f t="shared" si="980"/>
        <v>3128.5920000000001</v>
      </c>
      <c r="PSQ54" s="7">
        <f t="shared" si="980"/>
        <v>3128.5920000000001</v>
      </c>
      <c r="PSR54" s="7">
        <f t="shared" si="980"/>
        <v>3128.5920000000001</v>
      </c>
      <c r="PSS54" s="7">
        <f t="shared" si="980"/>
        <v>3128.5920000000001</v>
      </c>
      <c r="PST54" s="7">
        <f t="shared" si="980"/>
        <v>3128.5920000000001</v>
      </c>
      <c r="PSU54" s="7">
        <f t="shared" si="980"/>
        <v>3128.5920000000001</v>
      </c>
      <c r="PSV54" s="7">
        <f t="shared" si="980"/>
        <v>3128.5920000000001</v>
      </c>
      <c r="PSW54" s="7">
        <f t="shared" si="980"/>
        <v>3128.5920000000001</v>
      </c>
      <c r="PSX54" s="7">
        <f t="shared" si="980"/>
        <v>3128.5920000000001</v>
      </c>
      <c r="PSY54" s="7">
        <f t="shared" si="980"/>
        <v>3128.5920000000001</v>
      </c>
      <c r="PSZ54" s="7">
        <f t="shared" si="980"/>
        <v>3128.5920000000001</v>
      </c>
      <c r="PTA54" s="7">
        <f t="shared" si="980"/>
        <v>3128.5920000000001</v>
      </c>
      <c r="PTB54" s="7">
        <f t="shared" ref="PTB54:PVM54" si="981">PTB49+PTA54</f>
        <v>3128.5920000000001</v>
      </c>
      <c r="PTC54" s="7">
        <f t="shared" si="981"/>
        <v>3128.5920000000001</v>
      </c>
      <c r="PTD54" s="7">
        <f t="shared" si="981"/>
        <v>3128.5920000000001</v>
      </c>
      <c r="PTE54" s="7">
        <f t="shared" si="981"/>
        <v>3128.5920000000001</v>
      </c>
      <c r="PTF54" s="7">
        <f t="shared" si="981"/>
        <v>3128.5920000000001</v>
      </c>
      <c r="PTG54" s="7">
        <f t="shared" si="981"/>
        <v>3128.5920000000001</v>
      </c>
      <c r="PTH54" s="7">
        <f t="shared" si="981"/>
        <v>3128.5920000000001</v>
      </c>
      <c r="PTI54" s="7">
        <f t="shared" si="981"/>
        <v>3128.5920000000001</v>
      </c>
      <c r="PTJ54" s="7">
        <f t="shared" si="981"/>
        <v>3128.5920000000001</v>
      </c>
      <c r="PTK54" s="7">
        <f t="shared" si="981"/>
        <v>3128.5920000000001</v>
      </c>
      <c r="PTL54" s="7">
        <f t="shared" si="981"/>
        <v>3128.5920000000001</v>
      </c>
      <c r="PTM54" s="7">
        <f t="shared" si="981"/>
        <v>3128.5920000000001</v>
      </c>
      <c r="PTN54" s="7">
        <f t="shared" si="981"/>
        <v>3128.5920000000001</v>
      </c>
      <c r="PTO54" s="7">
        <f t="shared" si="981"/>
        <v>3128.5920000000001</v>
      </c>
      <c r="PTP54" s="7">
        <f t="shared" si="981"/>
        <v>3128.5920000000001</v>
      </c>
      <c r="PTQ54" s="7">
        <f t="shared" si="981"/>
        <v>3128.5920000000001</v>
      </c>
      <c r="PTR54" s="7">
        <f t="shared" si="981"/>
        <v>3128.5920000000001</v>
      </c>
      <c r="PTS54" s="7">
        <f t="shared" si="981"/>
        <v>3128.5920000000001</v>
      </c>
      <c r="PTT54" s="7">
        <f t="shared" si="981"/>
        <v>3128.5920000000001</v>
      </c>
      <c r="PTU54" s="7">
        <f t="shared" si="981"/>
        <v>3128.5920000000001</v>
      </c>
      <c r="PTV54" s="7">
        <f t="shared" si="981"/>
        <v>3128.5920000000001</v>
      </c>
      <c r="PTW54" s="7">
        <f t="shared" si="981"/>
        <v>3128.5920000000001</v>
      </c>
      <c r="PTX54" s="7">
        <f t="shared" si="981"/>
        <v>3128.5920000000001</v>
      </c>
      <c r="PTY54" s="7">
        <f t="shared" si="981"/>
        <v>3128.5920000000001</v>
      </c>
      <c r="PTZ54" s="7">
        <f t="shared" si="981"/>
        <v>3128.5920000000001</v>
      </c>
      <c r="PUA54" s="7">
        <f t="shared" si="981"/>
        <v>3128.5920000000001</v>
      </c>
      <c r="PUB54" s="7">
        <f t="shared" si="981"/>
        <v>3128.5920000000001</v>
      </c>
      <c r="PUC54" s="7">
        <f t="shared" si="981"/>
        <v>3128.5920000000001</v>
      </c>
      <c r="PUD54" s="7">
        <f t="shared" si="981"/>
        <v>3128.5920000000001</v>
      </c>
      <c r="PUE54" s="7">
        <f t="shared" si="981"/>
        <v>3128.5920000000001</v>
      </c>
      <c r="PUF54" s="7">
        <f t="shared" si="981"/>
        <v>3128.5920000000001</v>
      </c>
      <c r="PUG54" s="7">
        <f t="shared" si="981"/>
        <v>3128.5920000000001</v>
      </c>
      <c r="PUH54" s="7">
        <f t="shared" si="981"/>
        <v>3128.5920000000001</v>
      </c>
      <c r="PUI54" s="7">
        <f t="shared" si="981"/>
        <v>3128.5920000000001</v>
      </c>
      <c r="PUJ54" s="7">
        <f t="shared" si="981"/>
        <v>3128.5920000000001</v>
      </c>
      <c r="PUK54" s="7">
        <f t="shared" si="981"/>
        <v>3128.5920000000001</v>
      </c>
      <c r="PUL54" s="7">
        <f t="shared" si="981"/>
        <v>3128.5920000000001</v>
      </c>
      <c r="PUM54" s="7">
        <f t="shared" si="981"/>
        <v>3128.5920000000001</v>
      </c>
      <c r="PUN54" s="7">
        <f t="shared" si="981"/>
        <v>3128.5920000000001</v>
      </c>
      <c r="PUO54" s="7">
        <f t="shared" si="981"/>
        <v>3128.5920000000001</v>
      </c>
      <c r="PUP54" s="7">
        <f t="shared" si="981"/>
        <v>3128.5920000000001</v>
      </c>
      <c r="PUQ54" s="7">
        <f t="shared" si="981"/>
        <v>3128.5920000000001</v>
      </c>
      <c r="PUR54" s="7">
        <f t="shared" si="981"/>
        <v>3128.5920000000001</v>
      </c>
      <c r="PUS54" s="7">
        <f t="shared" si="981"/>
        <v>3128.5920000000001</v>
      </c>
      <c r="PUT54" s="7">
        <f t="shared" si="981"/>
        <v>3128.5920000000001</v>
      </c>
      <c r="PUU54" s="7">
        <f t="shared" si="981"/>
        <v>3128.5920000000001</v>
      </c>
      <c r="PUV54" s="7">
        <f t="shared" si="981"/>
        <v>3128.5920000000001</v>
      </c>
      <c r="PUW54" s="7">
        <f t="shared" si="981"/>
        <v>3128.5920000000001</v>
      </c>
      <c r="PUX54" s="7">
        <f t="shared" si="981"/>
        <v>3128.5920000000001</v>
      </c>
      <c r="PUY54" s="7">
        <f t="shared" si="981"/>
        <v>3128.5920000000001</v>
      </c>
      <c r="PUZ54" s="7">
        <f t="shared" si="981"/>
        <v>3128.5920000000001</v>
      </c>
      <c r="PVA54" s="7">
        <f t="shared" si="981"/>
        <v>3128.5920000000001</v>
      </c>
      <c r="PVB54" s="7">
        <f t="shared" si="981"/>
        <v>3128.5920000000001</v>
      </c>
      <c r="PVC54" s="7">
        <f t="shared" si="981"/>
        <v>3128.5920000000001</v>
      </c>
      <c r="PVD54" s="7">
        <f t="shared" si="981"/>
        <v>3128.5920000000001</v>
      </c>
      <c r="PVE54" s="7">
        <f t="shared" si="981"/>
        <v>3128.5920000000001</v>
      </c>
      <c r="PVF54" s="7">
        <f t="shared" si="981"/>
        <v>3128.5920000000001</v>
      </c>
      <c r="PVG54" s="7">
        <f t="shared" si="981"/>
        <v>3128.5920000000001</v>
      </c>
      <c r="PVH54" s="7">
        <f t="shared" si="981"/>
        <v>3128.5920000000001</v>
      </c>
      <c r="PVI54" s="7">
        <f t="shared" si="981"/>
        <v>3128.5920000000001</v>
      </c>
      <c r="PVJ54" s="7">
        <f t="shared" si="981"/>
        <v>3128.5920000000001</v>
      </c>
      <c r="PVK54" s="7">
        <f t="shared" si="981"/>
        <v>3128.5920000000001</v>
      </c>
      <c r="PVL54" s="7">
        <f t="shared" si="981"/>
        <v>3128.5920000000001</v>
      </c>
      <c r="PVM54" s="7">
        <f t="shared" si="981"/>
        <v>3128.5920000000001</v>
      </c>
      <c r="PVN54" s="7">
        <f t="shared" ref="PVN54:PXY54" si="982">PVN49+PVM54</f>
        <v>3128.5920000000001</v>
      </c>
      <c r="PVO54" s="7">
        <f t="shared" si="982"/>
        <v>3128.5920000000001</v>
      </c>
      <c r="PVP54" s="7">
        <f t="shared" si="982"/>
        <v>3128.5920000000001</v>
      </c>
      <c r="PVQ54" s="7">
        <f t="shared" si="982"/>
        <v>3128.5920000000001</v>
      </c>
      <c r="PVR54" s="7">
        <f t="shared" si="982"/>
        <v>3128.5920000000001</v>
      </c>
      <c r="PVS54" s="7">
        <f t="shared" si="982"/>
        <v>3128.5920000000001</v>
      </c>
      <c r="PVT54" s="7">
        <f t="shared" si="982"/>
        <v>3128.5920000000001</v>
      </c>
      <c r="PVU54" s="7">
        <f t="shared" si="982"/>
        <v>3128.5920000000001</v>
      </c>
      <c r="PVV54" s="7">
        <f t="shared" si="982"/>
        <v>3128.5920000000001</v>
      </c>
      <c r="PVW54" s="7">
        <f t="shared" si="982"/>
        <v>3128.5920000000001</v>
      </c>
      <c r="PVX54" s="7">
        <f t="shared" si="982"/>
        <v>3128.5920000000001</v>
      </c>
      <c r="PVY54" s="7">
        <f t="shared" si="982"/>
        <v>3128.5920000000001</v>
      </c>
      <c r="PVZ54" s="7">
        <f t="shared" si="982"/>
        <v>3128.5920000000001</v>
      </c>
      <c r="PWA54" s="7">
        <f t="shared" si="982"/>
        <v>3128.5920000000001</v>
      </c>
      <c r="PWB54" s="7">
        <f t="shared" si="982"/>
        <v>3128.5920000000001</v>
      </c>
      <c r="PWC54" s="7">
        <f t="shared" si="982"/>
        <v>3128.5920000000001</v>
      </c>
      <c r="PWD54" s="7">
        <f t="shared" si="982"/>
        <v>3128.5920000000001</v>
      </c>
      <c r="PWE54" s="7">
        <f t="shared" si="982"/>
        <v>3128.5920000000001</v>
      </c>
      <c r="PWF54" s="7">
        <f t="shared" si="982"/>
        <v>3128.5920000000001</v>
      </c>
      <c r="PWG54" s="7">
        <f t="shared" si="982"/>
        <v>3128.5920000000001</v>
      </c>
      <c r="PWH54" s="7">
        <f t="shared" si="982"/>
        <v>3128.5920000000001</v>
      </c>
      <c r="PWI54" s="7">
        <f t="shared" si="982"/>
        <v>3128.5920000000001</v>
      </c>
      <c r="PWJ54" s="7">
        <f t="shared" si="982"/>
        <v>3128.5920000000001</v>
      </c>
      <c r="PWK54" s="7">
        <f t="shared" si="982"/>
        <v>3128.5920000000001</v>
      </c>
      <c r="PWL54" s="7">
        <f t="shared" si="982"/>
        <v>3128.5920000000001</v>
      </c>
      <c r="PWM54" s="7">
        <f t="shared" si="982"/>
        <v>3128.5920000000001</v>
      </c>
      <c r="PWN54" s="7">
        <f t="shared" si="982"/>
        <v>3128.5920000000001</v>
      </c>
      <c r="PWO54" s="7">
        <f t="shared" si="982"/>
        <v>3128.5920000000001</v>
      </c>
      <c r="PWP54" s="7">
        <f t="shared" si="982"/>
        <v>3128.5920000000001</v>
      </c>
      <c r="PWQ54" s="7">
        <f t="shared" si="982"/>
        <v>3128.5920000000001</v>
      </c>
      <c r="PWR54" s="7">
        <f t="shared" si="982"/>
        <v>3128.5920000000001</v>
      </c>
      <c r="PWS54" s="7">
        <f t="shared" si="982"/>
        <v>3128.5920000000001</v>
      </c>
      <c r="PWT54" s="7">
        <f t="shared" si="982"/>
        <v>3128.5920000000001</v>
      </c>
      <c r="PWU54" s="7">
        <f t="shared" si="982"/>
        <v>3128.5920000000001</v>
      </c>
      <c r="PWV54" s="7">
        <f t="shared" si="982"/>
        <v>3128.5920000000001</v>
      </c>
      <c r="PWW54" s="7">
        <f t="shared" si="982"/>
        <v>3128.5920000000001</v>
      </c>
      <c r="PWX54" s="7">
        <f t="shared" si="982"/>
        <v>3128.5920000000001</v>
      </c>
      <c r="PWY54" s="7">
        <f t="shared" si="982"/>
        <v>3128.5920000000001</v>
      </c>
      <c r="PWZ54" s="7">
        <f t="shared" si="982"/>
        <v>3128.5920000000001</v>
      </c>
      <c r="PXA54" s="7">
        <f t="shared" si="982"/>
        <v>3128.5920000000001</v>
      </c>
      <c r="PXB54" s="7">
        <f t="shared" si="982"/>
        <v>3128.5920000000001</v>
      </c>
      <c r="PXC54" s="7">
        <f t="shared" si="982"/>
        <v>3128.5920000000001</v>
      </c>
      <c r="PXD54" s="7">
        <f t="shared" si="982"/>
        <v>3128.5920000000001</v>
      </c>
      <c r="PXE54" s="7">
        <f t="shared" si="982"/>
        <v>3128.5920000000001</v>
      </c>
      <c r="PXF54" s="7">
        <f t="shared" si="982"/>
        <v>3128.5920000000001</v>
      </c>
      <c r="PXG54" s="7">
        <f t="shared" si="982"/>
        <v>3128.5920000000001</v>
      </c>
      <c r="PXH54" s="7">
        <f t="shared" si="982"/>
        <v>3128.5920000000001</v>
      </c>
      <c r="PXI54" s="7">
        <f t="shared" si="982"/>
        <v>3128.5920000000001</v>
      </c>
      <c r="PXJ54" s="7">
        <f t="shared" si="982"/>
        <v>3128.5920000000001</v>
      </c>
      <c r="PXK54" s="7">
        <f t="shared" si="982"/>
        <v>3128.5920000000001</v>
      </c>
      <c r="PXL54" s="7">
        <f t="shared" si="982"/>
        <v>3128.5920000000001</v>
      </c>
      <c r="PXM54" s="7">
        <f t="shared" si="982"/>
        <v>3128.5920000000001</v>
      </c>
      <c r="PXN54" s="7">
        <f t="shared" si="982"/>
        <v>3128.5920000000001</v>
      </c>
      <c r="PXO54" s="7">
        <f t="shared" si="982"/>
        <v>3128.5920000000001</v>
      </c>
      <c r="PXP54" s="7">
        <f t="shared" si="982"/>
        <v>3128.5920000000001</v>
      </c>
      <c r="PXQ54" s="7">
        <f t="shared" si="982"/>
        <v>3128.5920000000001</v>
      </c>
      <c r="PXR54" s="7">
        <f t="shared" si="982"/>
        <v>3128.5920000000001</v>
      </c>
      <c r="PXS54" s="7">
        <f t="shared" si="982"/>
        <v>3128.5920000000001</v>
      </c>
      <c r="PXT54" s="7">
        <f t="shared" si="982"/>
        <v>3128.5920000000001</v>
      </c>
      <c r="PXU54" s="7">
        <f t="shared" si="982"/>
        <v>3128.5920000000001</v>
      </c>
      <c r="PXV54" s="7">
        <f t="shared" si="982"/>
        <v>3128.5920000000001</v>
      </c>
      <c r="PXW54" s="7">
        <f t="shared" si="982"/>
        <v>3128.5920000000001</v>
      </c>
      <c r="PXX54" s="7">
        <f t="shared" si="982"/>
        <v>3128.5920000000001</v>
      </c>
      <c r="PXY54" s="7">
        <f t="shared" si="982"/>
        <v>3128.5920000000001</v>
      </c>
      <c r="PXZ54" s="7">
        <f t="shared" ref="PXZ54:QAK54" si="983">PXZ49+PXY54</f>
        <v>3128.5920000000001</v>
      </c>
      <c r="PYA54" s="7">
        <f t="shared" si="983"/>
        <v>3128.5920000000001</v>
      </c>
      <c r="PYB54" s="7">
        <f t="shared" si="983"/>
        <v>3128.5920000000001</v>
      </c>
      <c r="PYC54" s="7">
        <f t="shared" si="983"/>
        <v>3128.5920000000001</v>
      </c>
      <c r="PYD54" s="7">
        <f t="shared" si="983"/>
        <v>3128.5920000000001</v>
      </c>
      <c r="PYE54" s="7">
        <f t="shared" si="983"/>
        <v>3128.5920000000001</v>
      </c>
      <c r="PYF54" s="7">
        <f t="shared" si="983"/>
        <v>3128.5920000000001</v>
      </c>
      <c r="PYG54" s="7">
        <f t="shared" si="983"/>
        <v>3128.5920000000001</v>
      </c>
      <c r="PYH54" s="7">
        <f t="shared" si="983"/>
        <v>3128.5920000000001</v>
      </c>
      <c r="PYI54" s="7">
        <f t="shared" si="983"/>
        <v>3128.5920000000001</v>
      </c>
      <c r="PYJ54" s="7">
        <f t="shared" si="983"/>
        <v>3128.5920000000001</v>
      </c>
      <c r="PYK54" s="7">
        <f t="shared" si="983"/>
        <v>3128.5920000000001</v>
      </c>
      <c r="PYL54" s="7">
        <f t="shared" si="983"/>
        <v>3128.5920000000001</v>
      </c>
      <c r="PYM54" s="7">
        <f t="shared" si="983"/>
        <v>3128.5920000000001</v>
      </c>
      <c r="PYN54" s="7">
        <f t="shared" si="983"/>
        <v>3128.5920000000001</v>
      </c>
      <c r="PYO54" s="7">
        <f t="shared" si="983"/>
        <v>3128.5920000000001</v>
      </c>
      <c r="PYP54" s="7">
        <f t="shared" si="983"/>
        <v>3128.5920000000001</v>
      </c>
      <c r="PYQ54" s="7">
        <f t="shared" si="983"/>
        <v>3128.5920000000001</v>
      </c>
      <c r="PYR54" s="7">
        <f t="shared" si="983"/>
        <v>3128.5920000000001</v>
      </c>
      <c r="PYS54" s="7">
        <f t="shared" si="983"/>
        <v>3128.5920000000001</v>
      </c>
      <c r="PYT54" s="7">
        <f t="shared" si="983"/>
        <v>3128.5920000000001</v>
      </c>
      <c r="PYU54" s="7">
        <f t="shared" si="983"/>
        <v>3128.5920000000001</v>
      </c>
      <c r="PYV54" s="7">
        <f t="shared" si="983"/>
        <v>3128.5920000000001</v>
      </c>
      <c r="PYW54" s="7">
        <f t="shared" si="983"/>
        <v>3128.5920000000001</v>
      </c>
      <c r="PYX54" s="7">
        <f t="shared" si="983"/>
        <v>3128.5920000000001</v>
      </c>
      <c r="PYY54" s="7">
        <f t="shared" si="983"/>
        <v>3128.5920000000001</v>
      </c>
      <c r="PYZ54" s="7">
        <f t="shared" si="983"/>
        <v>3128.5920000000001</v>
      </c>
      <c r="PZA54" s="7">
        <f t="shared" si="983"/>
        <v>3128.5920000000001</v>
      </c>
      <c r="PZB54" s="7">
        <f t="shared" si="983"/>
        <v>3128.5920000000001</v>
      </c>
      <c r="PZC54" s="7">
        <f t="shared" si="983"/>
        <v>3128.5920000000001</v>
      </c>
      <c r="PZD54" s="7">
        <f t="shared" si="983"/>
        <v>3128.5920000000001</v>
      </c>
      <c r="PZE54" s="7">
        <f t="shared" si="983"/>
        <v>3128.5920000000001</v>
      </c>
      <c r="PZF54" s="7">
        <f t="shared" si="983"/>
        <v>3128.5920000000001</v>
      </c>
      <c r="PZG54" s="7">
        <f t="shared" si="983"/>
        <v>3128.5920000000001</v>
      </c>
      <c r="PZH54" s="7">
        <f t="shared" si="983"/>
        <v>3128.5920000000001</v>
      </c>
      <c r="PZI54" s="7">
        <f t="shared" si="983"/>
        <v>3128.5920000000001</v>
      </c>
      <c r="PZJ54" s="7">
        <f t="shared" si="983"/>
        <v>3128.5920000000001</v>
      </c>
      <c r="PZK54" s="7">
        <f t="shared" si="983"/>
        <v>3128.5920000000001</v>
      </c>
      <c r="PZL54" s="7">
        <f t="shared" si="983"/>
        <v>3128.5920000000001</v>
      </c>
      <c r="PZM54" s="7">
        <f t="shared" si="983"/>
        <v>3128.5920000000001</v>
      </c>
      <c r="PZN54" s="7">
        <f t="shared" si="983"/>
        <v>3128.5920000000001</v>
      </c>
      <c r="PZO54" s="7">
        <f t="shared" si="983"/>
        <v>3128.5920000000001</v>
      </c>
      <c r="PZP54" s="7">
        <f t="shared" si="983"/>
        <v>3128.5920000000001</v>
      </c>
      <c r="PZQ54" s="7">
        <f t="shared" si="983"/>
        <v>3128.5920000000001</v>
      </c>
      <c r="PZR54" s="7">
        <f t="shared" si="983"/>
        <v>3128.5920000000001</v>
      </c>
      <c r="PZS54" s="7">
        <f t="shared" si="983"/>
        <v>3128.5920000000001</v>
      </c>
      <c r="PZT54" s="7">
        <f t="shared" si="983"/>
        <v>3128.5920000000001</v>
      </c>
      <c r="PZU54" s="7">
        <f t="shared" si="983"/>
        <v>3128.5920000000001</v>
      </c>
      <c r="PZV54" s="7">
        <f t="shared" si="983"/>
        <v>3128.5920000000001</v>
      </c>
      <c r="PZW54" s="7">
        <f t="shared" si="983"/>
        <v>3128.5920000000001</v>
      </c>
      <c r="PZX54" s="7">
        <f t="shared" si="983"/>
        <v>3128.5920000000001</v>
      </c>
      <c r="PZY54" s="7">
        <f t="shared" si="983"/>
        <v>3128.5920000000001</v>
      </c>
      <c r="PZZ54" s="7">
        <f t="shared" si="983"/>
        <v>3128.5920000000001</v>
      </c>
      <c r="QAA54" s="7">
        <f t="shared" si="983"/>
        <v>3128.5920000000001</v>
      </c>
      <c r="QAB54" s="7">
        <f t="shared" si="983"/>
        <v>3128.5920000000001</v>
      </c>
      <c r="QAC54" s="7">
        <f t="shared" si="983"/>
        <v>3128.5920000000001</v>
      </c>
      <c r="QAD54" s="7">
        <f t="shared" si="983"/>
        <v>3128.5920000000001</v>
      </c>
      <c r="QAE54" s="7">
        <f t="shared" si="983"/>
        <v>3128.5920000000001</v>
      </c>
      <c r="QAF54" s="7">
        <f t="shared" si="983"/>
        <v>3128.5920000000001</v>
      </c>
      <c r="QAG54" s="7">
        <f t="shared" si="983"/>
        <v>3128.5920000000001</v>
      </c>
      <c r="QAH54" s="7">
        <f t="shared" si="983"/>
        <v>3128.5920000000001</v>
      </c>
      <c r="QAI54" s="7">
        <f t="shared" si="983"/>
        <v>3128.5920000000001</v>
      </c>
      <c r="QAJ54" s="7">
        <f t="shared" si="983"/>
        <v>3128.5920000000001</v>
      </c>
      <c r="QAK54" s="7">
        <f t="shared" si="983"/>
        <v>3128.5920000000001</v>
      </c>
      <c r="QAL54" s="7">
        <f t="shared" ref="QAL54:QCW54" si="984">QAL49+QAK54</f>
        <v>3128.5920000000001</v>
      </c>
      <c r="QAM54" s="7">
        <f t="shared" si="984"/>
        <v>3128.5920000000001</v>
      </c>
      <c r="QAN54" s="7">
        <f t="shared" si="984"/>
        <v>3128.5920000000001</v>
      </c>
      <c r="QAO54" s="7">
        <f t="shared" si="984"/>
        <v>3128.5920000000001</v>
      </c>
      <c r="QAP54" s="7">
        <f t="shared" si="984"/>
        <v>3128.5920000000001</v>
      </c>
      <c r="QAQ54" s="7">
        <f t="shared" si="984"/>
        <v>3128.5920000000001</v>
      </c>
      <c r="QAR54" s="7">
        <f t="shared" si="984"/>
        <v>3128.5920000000001</v>
      </c>
      <c r="QAS54" s="7">
        <f t="shared" si="984"/>
        <v>3128.5920000000001</v>
      </c>
      <c r="QAT54" s="7">
        <f t="shared" si="984"/>
        <v>3128.5920000000001</v>
      </c>
      <c r="QAU54" s="7">
        <f t="shared" si="984"/>
        <v>3128.5920000000001</v>
      </c>
      <c r="QAV54" s="7">
        <f t="shared" si="984"/>
        <v>3128.5920000000001</v>
      </c>
      <c r="QAW54" s="7">
        <f t="shared" si="984"/>
        <v>3128.5920000000001</v>
      </c>
      <c r="QAX54" s="7">
        <f t="shared" si="984"/>
        <v>3128.5920000000001</v>
      </c>
      <c r="QAY54" s="7">
        <f t="shared" si="984"/>
        <v>3128.5920000000001</v>
      </c>
      <c r="QAZ54" s="7">
        <f t="shared" si="984"/>
        <v>3128.5920000000001</v>
      </c>
      <c r="QBA54" s="7">
        <f t="shared" si="984"/>
        <v>3128.5920000000001</v>
      </c>
      <c r="QBB54" s="7">
        <f t="shared" si="984"/>
        <v>3128.5920000000001</v>
      </c>
      <c r="QBC54" s="7">
        <f t="shared" si="984"/>
        <v>3128.5920000000001</v>
      </c>
      <c r="QBD54" s="7">
        <f t="shared" si="984"/>
        <v>3128.5920000000001</v>
      </c>
      <c r="QBE54" s="7">
        <f t="shared" si="984"/>
        <v>3128.5920000000001</v>
      </c>
      <c r="QBF54" s="7">
        <f t="shared" si="984"/>
        <v>3128.5920000000001</v>
      </c>
      <c r="QBG54" s="7">
        <f t="shared" si="984"/>
        <v>3128.5920000000001</v>
      </c>
      <c r="QBH54" s="7">
        <f t="shared" si="984"/>
        <v>3128.5920000000001</v>
      </c>
      <c r="QBI54" s="7">
        <f t="shared" si="984"/>
        <v>3128.5920000000001</v>
      </c>
      <c r="QBJ54" s="7">
        <f t="shared" si="984"/>
        <v>3128.5920000000001</v>
      </c>
      <c r="QBK54" s="7">
        <f t="shared" si="984"/>
        <v>3128.5920000000001</v>
      </c>
      <c r="QBL54" s="7">
        <f t="shared" si="984"/>
        <v>3128.5920000000001</v>
      </c>
      <c r="QBM54" s="7">
        <f t="shared" si="984"/>
        <v>3128.5920000000001</v>
      </c>
      <c r="QBN54" s="7">
        <f t="shared" si="984"/>
        <v>3128.5920000000001</v>
      </c>
      <c r="QBO54" s="7">
        <f t="shared" si="984"/>
        <v>3128.5920000000001</v>
      </c>
      <c r="QBP54" s="7">
        <f t="shared" si="984"/>
        <v>3128.5920000000001</v>
      </c>
      <c r="QBQ54" s="7">
        <f t="shared" si="984"/>
        <v>3128.5920000000001</v>
      </c>
      <c r="QBR54" s="7">
        <f t="shared" si="984"/>
        <v>3128.5920000000001</v>
      </c>
      <c r="QBS54" s="7">
        <f t="shared" si="984"/>
        <v>3128.5920000000001</v>
      </c>
      <c r="QBT54" s="7">
        <f t="shared" si="984"/>
        <v>3128.5920000000001</v>
      </c>
      <c r="QBU54" s="7">
        <f t="shared" si="984"/>
        <v>3128.5920000000001</v>
      </c>
      <c r="QBV54" s="7">
        <f t="shared" si="984"/>
        <v>3128.5920000000001</v>
      </c>
      <c r="QBW54" s="7">
        <f t="shared" si="984"/>
        <v>3128.5920000000001</v>
      </c>
      <c r="QBX54" s="7">
        <f t="shared" si="984"/>
        <v>3128.5920000000001</v>
      </c>
      <c r="QBY54" s="7">
        <f t="shared" si="984"/>
        <v>3128.5920000000001</v>
      </c>
      <c r="QBZ54" s="7">
        <f t="shared" si="984"/>
        <v>3128.5920000000001</v>
      </c>
      <c r="QCA54" s="7">
        <f t="shared" si="984"/>
        <v>3128.5920000000001</v>
      </c>
      <c r="QCB54" s="7">
        <f t="shared" si="984"/>
        <v>3128.5920000000001</v>
      </c>
      <c r="QCC54" s="7">
        <f t="shared" si="984"/>
        <v>3128.5920000000001</v>
      </c>
      <c r="QCD54" s="7">
        <f t="shared" si="984"/>
        <v>3128.5920000000001</v>
      </c>
      <c r="QCE54" s="7">
        <f t="shared" si="984"/>
        <v>3128.5920000000001</v>
      </c>
      <c r="QCF54" s="7">
        <f t="shared" si="984"/>
        <v>3128.5920000000001</v>
      </c>
      <c r="QCG54" s="7">
        <f t="shared" si="984"/>
        <v>3128.5920000000001</v>
      </c>
      <c r="QCH54" s="7">
        <f t="shared" si="984"/>
        <v>3128.5920000000001</v>
      </c>
      <c r="QCI54" s="7">
        <f t="shared" si="984"/>
        <v>3128.5920000000001</v>
      </c>
      <c r="QCJ54" s="7">
        <f t="shared" si="984"/>
        <v>3128.5920000000001</v>
      </c>
      <c r="QCK54" s="7">
        <f t="shared" si="984"/>
        <v>3128.5920000000001</v>
      </c>
      <c r="QCL54" s="7">
        <f t="shared" si="984"/>
        <v>3128.5920000000001</v>
      </c>
      <c r="QCM54" s="7">
        <f t="shared" si="984"/>
        <v>3128.5920000000001</v>
      </c>
      <c r="QCN54" s="7">
        <f t="shared" si="984"/>
        <v>3128.5920000000001</v>
      </c>
      <c r="QCO54" s="7">
        <f t="shared" si="984"/>
        <v>3128.5920000000001</v>
      </c>
      <c r="QCP54" s="7">
        <f t="shared" si="984"/>
        <v>3128.5920000000001</v>
      </c>
      <c r="QCQ54" s="7">
        <f t="shared" si="984"/>
        <v>3128.5920000000001</v>
      </c>
      <c r="QCR54" s="7">
        <f t="shared" si="984"/>
        <v>3128.5920000000001</v>
      </c>
      <c r="QCS54" s="7">
        <f t="shared" si="984"/>
        <v>3128.5920000000001</v>
      </c>
      <c r="QCT54" s="7">
        <f t="shared" si="984"/>
        <v>3128.5920000000001</v>
      </c>
      <c r="QCU54" s="7">
        <f t="shared" si="984"/>
        <v>3128.5920000000001</v>
      </c>
      <c r="QCV54" s="7">
        <f t="shared" si="984"/>
        <v>3128.5920000000001</v>
      </c>
      <c r="QCW54" s="7">
        <f t="shared" si="984"/>
        <v>3128.5920000000001</v>
      </c>
      <c r="QCX54" s="7">
        <f t="shared" ref="QCX54:QFI54" si="985">QCX49+QCW54</f>
        <v>3128.5920000000001</v>
      </c>
      <c r="QCY54" s="7">
        <f t="shared" si="985"/>
        <v>3128.5920000000001</v>
      </c>
      <c r="QCZ54" s="7">
        <f t="shared" si="985"/>
        <v>3128.5920000000001</v>
      </c>
      <c r="QDA54" s="7">
        <f t="shared" si="985"/>
        <v>3128.5920000000001</v>
      </c>
      <c r="QDB54" s="7">
        <f t="shared" si="985"/>
        <v>3128.5920000000001</v>
      </c>
      <c r="QDC54" s="7">
        <f t="shared" si="985"/>
        <v>3128.5920000000001</v>
      </c>
      <c r="QDD54" s="7">
        <f t="shared" si="985"/>
        <v>3128.5920000000001</v>
      </c>
      <c r="QDE54" s="7">
        <f t="shared" si="985"/>
        <v>3128.5920000000001</v>
      </c>
      <c r="QDF54" s="7">
        <f t="shared" si="985"/>
        <v>3128.5920000000001</v>
      </c>
      <c r="QDG54" s="7">
        <f t="shared" si="985"/>
        <v>3128.5920000000001</v>
      </c>
      <c r="QDH54" s="7">
        <f t="shared" si="985"/>
        <v>3128.5920000000001</v>
      </c>
      <c r="QDI54" s="7">
        <f t="shared" si="985"/>
        <v>3128.5920000000001</v>
      </c>
      <c r="QDJ54" s="7">
        <f t="shared" si="985"/>
        <v>3128.5920000000001</v>
      </c>
      <c r="QDK54" s="7">
        <f t="shared" si="985"/>
        <v>3128.5920000000001</v>
      </c>
      <c r="QDL54" s="7">
        <f t="shared" si="985"/>
        <v>3128.5920000000001</v>
      </c>
      <c r="QDM54" s="7">
        <f t="shared" si="985"/>
        <v>3128.5920000000001</v>
      </c>
      <c r="QDN54" s="7">
        <f t="shared" si="985"/>
        <v>3128.5920000000001</v>
      </c>
      <c r="QDO54" s="7">
        <f t="shared" si="985"/>
        <v>3128.5920000000001</v>
      </c>
      <c r="QDP54" s="7">
        <f t="shared" si="985"/>
        <v>3128.5920000000001</v>
      </c>
      <c r="QDQ54" s="7">
        <f t="shared" si="985"/>
        <v>3128.5920000000001</v>
      </c>
      <c r="QDR54" s="7">
        <f t="shared" si="985"/>
        <v>3128.5920000000001</v>
      </c>
      <c r="QDS54" s="7">
        <f t="shared" si="985"/>
        <v>3128.5920000000001</v>
      </c>
      <c r="QDT54" s="7">
        <f t="shared" si="985"/>
        <v>3128.5920000000001</v>
      </c>
      <c r="QDU54" s="7">
        <f t="shared" si="985"/>
        <v>3128.5920000000001</v>
      </c>
      <c r="QDV54" s="7">
        <f t="shared" si="985"/>
        <v>3128.5920000000001</v>
      </c>
      <c r="QDW54" s="7">
        <f t="shared" si="985"/>
        <v>3128.5920000000001</v>
      </c>
      <c r="QDX54" s="7">
        <f t="shared" si="985"/>
        <v>3128.5920000000001</v>
      </c>
      <c r="QDY54" s="7">
        <f t="shared" si="985"/>
        <v>3128.5920000000001</v>
      </c>
      <c r="QDZ54" s="7">
        <f t="shared" si="985"/>
        <v>3128.5920000000001</v>
      </c>
      <c r="QEA54" s="7">
        <f t="shared" si="985"/>
        <v>3128.5920000000001</v>
      </c>
      <c r="QEB54" s="7">
        <f t="shared" si="985"/>
        <v>3128.5920000000001</v>
      </c>
      <c r="QEC54" s="7">
        <f t="shared" si="985"/>
        <v>3128.5920000000001</v>
      </c>
      <c r="QED54" s="7">
        <f t="shared" si="985"/>
        <v>3128.5920000000001</v>
      </c>
      <c r="QEE54" s="7">
        <f t="shared" si="985"/>
        <v>3128.5920000000001</v>
      </c>
      <c r="QEF54" s="7">
        <f t="shared" si="985"/>
        <v>3128.5920000000001</v>
      </c>
      <c r="QEG54" s="7">
        <f t="shared" si="985"/>
        <v>3128.5920000000001</v>
      </c>
      <c r="QEH54" s="7">
        <f t="shared" si="985"/>
        <v>3128.5920000000001</v>
      </c>
      <c r="QEI54" s="7">
        <f t="shared" si="985"/>
        <v>3128.5920000000001</v>
      </c>
      <c r="QEJ54" s="7">
        <f t="shared" si="985"/>
        <v>3128.5920000000001</v>
      </c>
      <c r="QEK54" s="7">
        <f t="shared" si="985"/>
        <v>3128.5920000000001</v>
      </c>
      <c r="QEL54" s="7">
        <f t="shared" si="985"/>
        <v>3128.5920000000001</v>
      </c>
      <c r="QEM54" s="7">
        <f t="shared" si="985"/>
        <v>3128.5920000000001</v>
      </c>
      <c r="QEN54" s="7">
        <f t="shared" si="985"/>
        <v>3128.5920000000001</v>
      </c>
      <c r="QEO54" s="7">
        <f t="shared" si="985"/>
        <v>3128.5920000000001</v>
      </c>
      <c r="QEP54" s="7">
        <f t="shared" si="985"/>
        <v>3128.5920000000001</v>
      </c>
      <c r="QEQ54" s="7">
        <f t="shared" si="985"/>
        <v>3128.5920000000001</v>
      </c>
      <c r="QER54" s="7">
        <f t="shared" si="985"/>
        <v>3128.5920000000001</v>
      </c>
      <c r="QES54" s="7">
        <f t="shared" si="985"/>
        <v>3128.5920000000001</v>
      </c>
      <c r="QET54" s="7">
        <f t="shared" si="985"/>
        <v>3128.5920000000001</v>
      </c>
      <c r="QEU54" s="7">
        <f t="shared" si="985"/>
        <v>3128.5920000000001</v>
      </c>
      <c r="QEV54" s="7">
        <f t="shared" si="985"/>
        <v>3128.5920000000001</v>
      </c>
      <c r="QEW54" s="7">
        <f t="shared" si="985"/>
        <v>3128.5920000000001</v>
      </c>
      <c r="QEX54" s="7">
        <f t="shared" si="985"/>
        <v>3128.5920000000001</v>
      </c>
      <c r="QEY54" s="7">
        <f t="shared" si="985"/>
        <v>3128.5920000000001</v>
      </c>
      <c r="QEZ54" s="7">
        <f t="shared" si="985"/>
        <v>3128.5920000000001</v>
      </c>
      <c r="QFA54" s="7">
        <f t="shared" si="985"/>
        <v>3128.5920000000001</v>
      </c>
      <c r="QFB54" s="7">
        <f t="shared" si="985"/>
        <v>3128.5920000000001</v>
      </c>
      <c r="QFC54" s="7">
        <f t="shared" si="985"/>
        <v>3128.5920000000001</v>
      </c>
      <c r="QFD54" s="7">
        <f t="shared" si="985"/>
        <v>3128.5920000000001</v>
      </c>
      <c r="QFE54" s="7">
        <f t="shared" si="985"/>
        <v>3128.5920000000001</v>
      </c>
      <c r="QFF54" s="7">
        <f t="shared" si="985"/>
        <v>3128.5920000000001</v>
      </c>
      <c r="QFG54" s="7">
        <f t="shared" si="985"/>
        <v>3128.5920000000001</v>
      </c>
      <c r="QFH54" s="7">
        <f t="shared" si="985"/>
        <v>3128.5920000000001</v>
      </c>
      <c r="QFI54" s="7">
        <f t="shared" si="985"/>
        <v>3128.5920000000001</v>
      </c>
      <c r="QFJ54" s="7">
        <f t="shared" ref="QFJ54:QHU54" si="986">QFJ49+QFI54</f>
        <v>3128.5920000000001</v>
      </c>
      <c r="QFK54" s="7">
        <f t="shared" si="986"/>
        <v>3128.5920000000001</v>
      </c>
      <c r="QFL54" s="7">
        <f t="shared" si="986"/>
        <v>3128.5920000000001</v>
      </c>
      <c r="QFM54" s="7">
        <f t="shared" si="986"/>
        <v>3128.5920000000001</v>
      </c>
      <c r="QFN54" s="7">
        <f t="shared" si="986"/>
        <v>3128.5920000000001</v>
      </c>
      <c r="QFO54" s="7">
        <f t="shared" si="986"/>
        <v>3128.5920000000001</v>
      </c>
      <c r="QFP54" s="7">
        <f t="shared" si="986"/>
        <v>3128.5920000000001</v>
      </c>
      <c r="QFQ54" s="7">
        <f t="shared" si="986"/>
        <v>3128.5920000000001</v>
      </c>
      <c r="QFR54" s="7">
        <f t="shared" si="986"/>
        <v>3128.5920000000001</v>
      </c>
      <c r="QFS54" s="7">
        <f t="shared" si="986"/>
        <v>3128.5920000000001</v>
      </c>
      <c r="QFT54" s="7">
        <f t="shared" si="986"/>
        <v>3128.5920000000001</v>
      </c>
      <c r="QFU54" s="7">
        <f t="shared" si="986"/>
        <v>3128.5920000000001</v>
      </c>
      <c r="QFV54" s="7">
        <f t="shared" si="986"/>
        <v>3128.5920000000001</v>
      </c>
      <c r="QFW54" s="7">
        <f t="shared" si="986"/>
        <v>3128.5920000000001</v>
      </c>
      <c r="QFX54" s="7">
        <f t="shared" si="986"/>
        <v>3128.5920000000001</v>
      </c>
      <c r="QFY54" s="7">
        <f t="shared" si="986"/>
        <v>3128.5920000000001</v>
      </c>
      <c r="QFZ54" s="7">
        <f t="shared" si="986"/>
        <v>3128.5920000000001</v>
      </c>
      <c r="QGA54" s="7">
        <f t="shared" si="986"/>
        <v>3128.5920000000001</v>
      </c>
      <c r="QGB54" s="7">
        <f t="shared" si="986"/>
        <v>3128.5920000000001</v>
      </c>
      <c r="QGC54" s="7">
        <f t="shared" si="986"/>
        <v>3128.5920000000001</v>
      </c>
      <c r="QGD54" s="7">
        <f t="shared" si="986"/>
        <v>3128.5920000000001</v>
      </c>
      <c r="QGE54" s="7">
        <f t="shared" si="986"/>
        <v>3128.5920000000001</v>
      </c>
      <c r="QGF54" s="7">
        <f t="shared" si="986"/>
        <v>3128.5920000000001</v>
      </c>
      <c r="QGG54" s="7">
        <f t="shared" si="986"/>
        <v>3128.5920000000001</v>
      </c>
      <c r="QGH54" s="7">
        <f t="shared" si="986"/>
        <v>3128.5920000000001</v>
      </c>
      <c r="QGI54" s="7">
        <f t="shared" si="986"/>
        <v>3128.5920000000001</v>
      </c>
      <c r="QGJ54" s="7">
        <f t="shared" si="986"/>
        <v>3128.5920000000001</v>
      </c>
      <c r="QGK54" s="7">
        <f t="shared" si="986"/>
        <v>3128.5920000000001</v>
      </c>
      <c r="QGL54" s="7">
        <f t="shared" si="986"/>
        <v>3128.5920000000001</v>
      </c>
      <c r="QGM54" s="7">
        <f t="shared" si="986"/>
        <v>3128.5920000000001</v>
      </c>
      <c r="QGN54" s="7">
        <f t="shared" si="986"/>
        <v>3128.5920000000001</v>
      </c>
      <c r="QGO54" s="7">
        <f t="shared" si="986"/>
        <v>3128.5920000000001</v>
      </c>
      <c r="QGP54" s="7">
        <f t="shared" si="986"/>
        <v>3128.5920000000001</v>
      </c>
      <c r="QGQ54" s="7">
        <f t="shared" si="986"/>
        <v>3128.5920000000001</v>
      </c>
      <c r="QGR54" s="7">
        <f t="shared" si="986"/>
        <v>3128.5920000000001</v>
      </c>
      <c r="QGS54" s="7">
        <f t="shared" si="986"/>
        <v>3128.5920000000001</v>
      </c>
      <c r="QGT54" s="7">
        <f t="shared" si="986"/>
        <v>3128.5920000000001</v>
      </c>
      <c r="QGU54" s="7">
        <f t="shared" si="986"/>
        <v>3128.5920000000001</v>
      </c>
      <c r="QGV54" s="7">
        <f t="shared" si="986"/>
        <v>3128.5920000000001</v>
      </c>
      <c r="QGW54" s="7">
        <f t="shared" si="986"/>
        <v>3128.5920000000001</v>
      </c>
      <c r="QGX54" s="7">
        <f t="shared" si="986"/>
        <v>3128.5920000000001</v>
      </c>
      <c r="QGY54" s="7">
        <f t="shared" si="986"/>
        <v>3128.5920000000001</v>
      </c>
      <c r="QGZ54" s="7">
        <f t="shared" si="986"/>
        <v>3128.5920000000001</v>
      </c>
      <c r="QHA54" s="7">
        <f t="shared" si="986"/>
        <v>3128.5920000000001</v>
      </c>
      <c r="QHB54" s="7">
        <f t="shared" si="986"/>
        <v>3128.5920000000001</v>
      </c>
      <c r="QHC54" s="7">
        <f t="shared" si="986"/>
        <v>3128.5920000000001</v>
      </c>
      <c r="QHD54" s="7">
        <f t="shared" si="986"/>
        <v>3128.5920000000001</v>
      </c>
      <c r="QHE54" s="7">
        <f t="shared" si="986"/>
        <v>3128.5920000000001</v>
      </c>
      <c r="QHF54" s="7">
        <f t="shared" si="986"/>
        <v>3128.5920000000001</v>
      </c>
      <c r="QHG54" s="7">
        <f t="shared" si="986"/>
        <v>3128.5920000000001</v>
      </c>
      <c r="QHH54" s="7">
        <f t="shared" si="986"/>
        <v>3128.5920000000001</v>
      </c>
      <c r="QHI54" s="7">
        <f t="shared" si="986"/>
        <v>3128.5920000000001</v>
      </c>
      <c r="QHJ54" s="7">
        <f t="shared" si="986"/>
        <v>3128.5920000000001</v>
      </c>
      <c r="QHK54" s="7">
        <f t="shared" si="986"/>
        <v>3128.5920000000001</v>
      </c>
      <c r="QHL54" s="7">
        <f t="shared" si="986"/>
        <v>3128.5920000000001</v>
      </c>
      <c r="QHM54" s="7">
        <f t="shared" si="986"/>
        <v>3128.5920000000001</v>
      </c>
      <c r="QHN54" s="7">
        <f t="shared" si="986"/>
        <v>3128.5920000000001</v>
      </c>
      <c r="QHO54" s="7">
        <f t="shared" si="986"/>
        <v>3128.5920000000001</v>
      </c>
      <c r="QHP54" s="7">
        <f t="shared" si="986"/>
        <v>3128.5920000000001</v>
      </c>
      <c r="QHQ54" s="7">
        <f t="shared" si="986"/>
        <v>3128.5920000000001</v>
      </c>
      <c r="QHR54" s="7">
        <f t="shared" si="986"/>
        <v>3128.5920000000001</v>
      </c>
      <c r="QHS54" s="7">
        <f t="shared" si="986"/>
        <v>3128.5920000000001</v>
      </c>
      <c r="QHT54" s="7">
        <f t="shared" si="986"/>
        <v>3128.5920000000001</v>
      </c>
      <c r="QHU54" s="7">
        <f t="shared" si="986"/>
        <v>3128.5920000000001</v>
      </c>
      <c r="QHV54" s="7">
        <f t="shared" ref="QHV54:QKG54" si="987">QHV49+QHU54</f>
        <v>3128.5920000000001</v>
      </c>
      <c r="QHW54" s="7">
        <f t="shared" si="987"/>
        <v>3128.5920000000001</v>
      </c>
      <c r="QHX54" s="7">
        <f t="shared" si="987"/>
        <v>3128.5920000000001</v>
      </c>
      <c r="QHY54" s="7">
        <f t="shared" si="987"/>
        <v>3128.5920000000001</v>
      </c>
      <c r="QHZ54" s="7">
        <f t="shared" si="987"/>
        <v>3128.5920000000001</v>
      </c>
      <c r="QIA54" s="7">
        <f t="shared" si="987"/>
        <v>3128.5920000000001</v>
      </c>
      <c r="QIB54" s="7">
        <f t="shared" si="987"/>
        <v>3128.5920000000001</v>
      </c>
      <c r="QIC54" s="7">
        <f t="shared" si="987"/>
        <v>3128.5920000000001</v>
      </c>
      <c r="QID54" s="7">
        <f t="shared" si="987"/>
        <v>3128.5920000000001</v>
      </c>
      <c r="QIE54" s="7">
        <f t="shared" si="987"/>
        <v>3128.5920000000001</v>
      </c>
      <c r="QIF54" s="7">
        <f t="shared" si="987"/>
        <v>3128.5920000000001</v>
      </c>
      <c r="QIG54" s="7">
        <f t="shared" si="987"/>
        <v>3128.5920000000001</v>
      </c>
      <c r="QIH54" s="7">
        <f t="shared" si="987"/>
        <v>3128.5920000000001</v>
      </c>
      <c r="QII54" s="7">
        <f t="shared" si="987"/>
        <v>3128.5920000000001</v>
      </c>
      <c r="QIJ54" s="7">
        <f t="shared" si="987"/>
        <v>3128.5920000000001</v>
      </c>
      <c r="QIK54" s="7">
        <f t="shared" si="987"/>
        <v>3128.5920000000001</v>
      </c>
      <c r="QIL54" s="7">
        <f t="shared" si="987"/>
        <v>3128.5920000000001</v>
      </c>
      <c r="QIM54" s="7">
        <f t="shared" si="987"/>
        <v>3128.5920000000001</v>
      </c>
      <c r="QIN54" s="7">
        <f t="shared" si="987"/>
        <v>3128.5920000000001</v>
      </c>
      <c r="QIO54" s="7">
        <f t="shared" si="987"/>
        <v>3128.5920000000001</v>
      </c>
      <c r="QIP54" s="7">
        <f t="shared" si="987"/>
        <v>3128.5920000000001</v>
      </c>
      <c r="QIQ54" s="7">
        <f t="shared" si="987"/>
        <v>3128.5920000000001</v>
      </c>
      <c r="QIR54" s="7">
        <f t="shared" si="987"/>
        <v>3128.5920000000001</v>
      </c>
      <c r="QIS54" s="7">
        <f t="shared" si="987"/>
        <v>3128.5920000000001</v>
      </c>
      <c r="QIT54" s="7">
        <f t="shared" si="987"/>
        <v>3128.5920000000001</v>
      </c>
      <c r="QIU54" s="7">
        <f t="shared" si="987"/>
        <v>3128.5920000000001</v>
      </c>
      <c r="QIV54" s="7">
        <f t="shared" si="987"/>
        <v>3128.5920000000001</v>
      </c>
      <c r="QIW54" s="7">
        <f t="shared" si="987"/>
        <v>3128.5920000000001</v>
      </c>
      <c r="QIX54" s="7">
        <f t="shared" si="987"/>
        <v>3128.5920000000001</v>
      </c>
      <c r="QIY54" s="7">
        <f t="shared" si="987"/>
        <v>3128.5920000000001</v>
      </c>
      <c r="QIZ54" s="7">
        <f t="shared" si="987"/>
        <v>3128.5920000000001</v>
      </c>
      <c r="QJA54" s="7">
        <f t="shared" si="987"/>
        <v>3128.5920000000001</v>
      </c>
      <c r="QJB54" s="7">
        <f t="shared" si="987"/>
        <v>3128.5920000000001</v>
      </c>
      <c r="QJC54" s="7">
        <f t="shared" si="987"/>
        <v>3128.5920000000001</v>
      </c>
      <c r="QJD54" s="7">
        <f t="shared" si="987"/>
        <v>3128.5920000000001</v>
      </c>
      <c r="QJE54" s="7">
        <f t="shared" si="987"/>
        <v>3128.5920000000001</v>
      </c>
      <c r="QJF54" s="7">
        <f t="shared" si="987"/>
        <v>3128.5920000000001</v>
      </c>
      <c r="QJG54" s="7">
        <f t="shared" si="987"/>
        <v>3128.5920000000001</v>
      </c>
      <c r="QJH54" s="7">
        <f t="shared" si="987"/>
        <v>3128.5920000000001</v>
      </c>
      <c r="QJI54" s="7">
        <f t="shared" si="987"/>
        <v>3128.5920000000001</v>
      </c>
      <c r="QJJ54" s="7">
        <f t="shared" si="987"/>
        <v>3128.5920000000001</v>
      </c>
      <c r="QJK54" s="7">
        <f t="shared" si="987"/>
        <v>3128.5920000000001</v>
      </c>
      <c r="QJL54" s="7">
        <f t="shared" si="987"/>
        <v>3128.5920000000001</v>
      </c>
      <c r="QJM54" s="7">
        <f t="shared" si="987"/>
        <v>3128.5920000000001</v>
      </c>
      <c r="QJN54" s="7">
        <f t="shared" si="987"/>
        <v>3128.5920000000001</v>
      </c>
      <c r="QJO54" s="7">
        <f t="shared" si="987"/>
        <v>3128.5920000000001</v>
      </c>
      <c r="QJP54" s="7">
        <f t="shared" si="987"/>
        <v>3128.5920000000001</v>
      </c>
      <c r="QJQ54" s="7">
        <f t="shared" si="987"/>
        <v>3128.5920000000001</v>
      </c>
      <c r="QJR54" s="7">
        <f t="shared" si="987"/>
        <v>3128.5920000000001</v>
      </c>
      <c r="QJS54" s="7">
        <f t="shared" si="987"/>
        <v>3128.5920000000001</v>
      </c>
      <c r="QJT54" s="7">
        <f t="shared" si="987"/>
        <v>3128.5920000000001</v>
      </c>
      <c r="QJU54" s="7">
        <f t="shared" si="987"/>
        <v>3128.5920000000001</v>
      </c>
      <c r="QJV54" s="7">
        <f t="shared" si="987"/>
        <v>3128.5920000000001</v>
      </c>
      <c r="QJW54" s="7">
        <f t="shared" si="987"/>
        <v>3128.5920000000001</v>
      </c>
      <c r="QJX54" s="7">
        <f t="shared" si="987"/>
        <v>3128.5920000000001</v>
      </c>
      <c r="QJY54" s="7">
        <f t="shared" si="987"/>
        <v>3128.5920000000001</v>
      </c>
      <c r="QJZ54" s="7">
        <f t="shared" si="987"/>
        <v>3128.5920000000001</v>
      </c>
      <c r="QKA54" s="7">
        <f t="shared" si="987"/>
        <v>3128.5920000000001</v>
      </c>
      <c r="QKB54" s="7">
        <f t="shared" si="987"/>
        <v>3128.5920000000001</v>
      </c>
      <c r="QKC54" s="7">
        <f t="shared" si="987"/>
        <v>3128.5920000000001</v>
      </c>
      <c r="QKD54" s="7">
        <f t="shared" si="987"/>
        <v>3128.5920000000001</v>
      </c>
      <c r="QKE54" s="7">
        <f t="shared" si="987"/>
        <v>3128.5920000000001</v>
      </c>
      <c r="QKF54" s="7">
        <f t="shared" si="987"/>
        <v>3128.5920000000001</v>
      </c>
      <c r="QKG54" s="7">
        <f t="shared" si="987"/>
        <v>3128.5920000000001</v>
      </c>
      <c r="QKH54" s="7">
        <f t="shared" ref="QKH54:QMS54" si="988">QKH49+QKG54</f>
        <v>3128.5920000000001</v>
      </c>
      <c r="QKI54" s="7">
        <f t="shared" si="988"/>
        <v>3128.5920000000001</v>
      </c>
      <c r="QKJ54" s="7">
        <f t="shared" si="988"/>
        <v>3128.5920000000001</v>
      </c>
      <c r="QKK54" s="7">
        <f t="shared" si="988"/>
        <v>3128.5920000000001</v>
      </c>
      <c r="QKL54" s="7">
        <f t="shared" si="988"/>
        <v>3128.5920000000001</v>
      </c>
      <c r="QKM54" s="7">
        <f t="shared" si="988"/>
        <v>3128.5920000000001</v>
      </c>
      <c r="QKN54" s="7">
        <f t="shared" si="988"/>
        <v>3128.5920000000001</v>
      </c>
      <c r="QKO54" s="7">
        <f t="shared" si="988"/>
        <v>3128.5920000000001</v>
      </c>
      <c r="QKP54" s="7">
        <f t="shared" si="988"/>
        <v>3128.5920000000001</v>
      </c>
      <c r="QKQ54" s="7">
        <f t="shared" si="988"/>
        <v>3128.5920000000001</v>
      </c>
      <c r="QKR54" s="7">
        <f t="shared" si="988"/>
        <v>3128.5920000000001</v>
      </c>
      <c r="QKS54" s="7">
        <f t="shared" si="988"/>
        <v>3128.5920000000001</v>
      </c>
      <c r="QKT54" s="7">
        <f t="shared" si="988"/>
        <v>3128.5920000000001</v>
      </c>
      <c r="QKU54" s="7">
        <f t="shared" si="988"/>
        <v>3128.5920000000001</v>
      </c>
      <c r="QKV54" s="7">
        <f t="shared" si="988"/>
        <v>3128.5920000000001</v>
      </c>
      <c r="QKW54" s="7">
        <f t="shared" si="988"/>
        <v>3128.5920000000001</v>
      </c>
      <c r="QKX54" s="7">
        <f t="shared" si="988"/>
        <v>3128.5920000000001</v>
      </c>
      <c r="QKY54" s="7">
        <f t="shared" si="988"/>
        <v>3128.5920000000001</v>
      </c>
      <c r="QKZ54" s="7">
        <f t="shared" si="988"/>
        <v>3128.5920000000001</v>
      </c>
      <c r="QLA54" s="7">
        <f t="shared" si="988"/>
        <v>3128.5920000000001</v>
      </c>
      <c r="QLB54" s="7">
        <f t="shared" si="988"/>
        <v>3128.5920000000001</v>
      </c>
      <c r="QLC54" s="7">
        <f t="shared" si="988"/>
        <v>3128.5920000000001</v>
      </c>
      <c r="QLD54" s="7">
        <f t="shared" si="988"/>
        <v>3128.5920000000001</v>
      </c>
      <c r="QLE54" s="7">
        <f t="shared" si="988"/>
        <v>3128.5920000000001</v>
      </c>
      <c r="QLF54" s="7">
        <f t="shared" si="988"/>
        <v>3128.5920000000001</v>
      </c>
      <c r="QLG54" s="7">
        <f t="shared" si="988"/>
        <v>3128.5920000000001</v>
      </c>
      <c r="QLH54" s="7">
        <f t="shared" si="988"/>
        <v>3128.5920000000001</v>
      </c>
      <c r="QLI54" s="7">
        <f t="shared" si="988"/>
        <v>3128.5920000000001</v>
      </c>
      <c r="QLJ54" s="7">
        <f t="shared" si="988"/>
        <v>3128.5920000000001</v>
      </c>
      <c r="QLK54" s="7">
        <f t="shared" si="988"/>
        <v>3128.5920000000001</v>
      </c>
      <c r="QLL54" s="7">
        <f t="shared" si="988"/>
        <v>3128.5920000000001</v>
      </c>
      <c r="QLM54" s="7">
        <f t="shared" si="988"/>
        <v>3128.5920000000001</v>
      </c>
      <c r="QLN54" s="7">
        <f t="shared" si="988"/>
        <v>3128.5920000000001</v>
      </c>
      <c r="QLO54" s="7">
        <f t="shared" si="988"/>
        <v>3128.5920000000001</v>
      </c>
      <c r="QLP54" s="7">
        <f t="shared" si="988"/>
        <v>3128.5920000000001</v>
      </c>
      <c r="QLQ54" s="7">
        <f t="shared" si="988"/>
        <v>3128.5920000000001</v>
      </c>
      <c r="QLR54" s="7">
        <f t="shared" si="988"/>
        <v>3128.5920000000001</v>
      </c>
      <c r="QLS54" s="7">
        <f t="shared" si="988"/>
        <v>3128.5920000000001</v>
      </c>
      <c r="QLT54" s="7">
        <f t="shared" si="988"/>
        <v>3128.5920000000001</v>
      </c>
      <c r="QLU54" s="7">
        <f t="shared" si="988"/>
        <v>3128.5920000000001</v>
      </c>
      <c r="QLV54" s="7">
        <f t="shared" si="988"/>
        <v>3128.5920000000001</v>
      </c>
      <c r="QLW54" s="7">
        <f t="shared" si="988"/>
        <v>3128.5920000000001</v>
      </c>
      <c r="QLX54" s="7">
        <f t="shared" si="988"/>
        <v>3128.5920000000001</v>
      </c>
      <c r="QLY54" s="7">
        <f t="shared" si="988"/>
        <v>3128.5920000000001</v>
      </c>
      <c r="QLZ54" s="7">
        <f t="shared" si="988"/>
        <v>3128.5920000000001</v>
      </c>
      <c r="QMA54" s="7">
        <f t="shared" si="988"/>
        <v>3128.5920000000001</v>
      </c>
      <c r="QMB54" s="7">
        <f t="shared" si="988"/>
        <v>3128.5920000000001</v>
      </c>
      <c r="QMC54" s="7">
        <f t="shared" si="988"/>
        <v>3128.5920000000001</v>
      </c>
      <c r="QMD54" s="7">
        <f t="shared" si="988"/>
        <v>3128.5920000000001</v>
      </c>
      <c r="QME54" s="7">
        <f t="shared" si="988"/>
        <v>3128.5920000000001</v>
      </c>
      <c r="QMF54" s="7">
        <f t="shared" si="988"/>
        <v>3128.5920000000001</v>
      </c>
      <c r="QMG54" s="7">
        <f t="shared" si="988"/>
        <v>3128.5920000000001</v>
      </c>
      <c r="QMH54" s="7">
        <f t="shared" si="988"/>
        <v>3128.5920000000001</v>
      </c>
      <c r="QMI54" s="7">
        <f t="shared" si="988"/>
        <v>3128.5920000000001</v>
      </c>
      <c r="QMJ54" s="7">
        <f t="shared" si="988"/>
        <v>3128.5920000000001</v>
      </c>
      <c r="QMK54" s="7">
        <f t="shared" si="988"/>
        <v>3128.5920000000001</v>
      </c>
      <c r="QML54" s="7">
        <f t="shared" si="988"/>
        <v>3128.5920000000001</v>
      </c>
      <c r="QMM54" s="7">
        <f t="shared" si="988"/>
        <v>3128.5920000000001</v>
      </c>
      <c r="QMN54" s="7">
        <f t="shared" si="988"/>
        <v>3128.5920000000001</v>
      </c>
      <c r="QMO54" s="7">
        <f t="shared" si="988"/>
        <v>3128.5920000000001</v>
      </c>
      <c r="QMP54" s="7">
        <f t="shared" si="988"/>
        <v>3128.5920000000001</v>
      </c>
      <c r="QMQ54" s="7">
        <f t="shared" si="988"/>
        <v>3128.5920000000001</v>
      </c>
      <c r="QMR54" s="7">
        <f t="shared" si="988"/>
        <v>3128.5920000000001</v>
      </c>
      <c r="QMS54" s="7">
        <f t="shared" si="988"/>
        <v>3128.5920000000001</v>
      </c>
      <c r="QMT54" s="7">
        <f t="shared" ref="QMT54:QPE54" si="989">QMT49+QMS54</f>
        <v>3128.5920000000001</v>
      </c>
      <c r="QMU54" s="7">
        <f t="shared" si="989"/>
        <v>3128.5920000000001</v>
      </c>
      <c r="QMV54" s="7">
        <f t="shared" si="989"/>
        <v>3128.5920000000001</v>
      </c>
      <c r="QMW54" s="7">
        <f t="shared" si="989"/>
        <v>3128.5920000000001</v>
      </c>
      <c r="QMX54" s="7">
        <f t="shared" si="989"/>
        <v>3128.5920000000001</v>
      </c>
      <c r="QMY54" s="7">
        <f t="shared" si="989"/>
        <v>3128.5920000000001</v>
      </c>
      <c r="QMZ54" s="7">
        <f t="shared" si="989"/>
        <v>3128.5920000000001</v>
      </c>
      <c r="QNA54" s="7">
        <f t="shared" si="989"/>
        <v>3128.5920000000001</v>
      </c>
      <c r="QNB54" s="7">
        <f t="shared" si="989"/>
        <v>3128.5920000000001</v>
      </c>
      <c r="QNC54" s="7">
        <f t="shared" si="989"/>
        <v>3128.5920000000001</v>
      </c>
      <c r="QND54" s="7">
        <f t="shared" si="989"/>
        <v>3128.5920000000001</v>
      </c>
      <c r="QNE54" s="7">
        <f t="shared" si="989"/>
        <v>3128.5920000000001</v>
      </c>
      <c r="QNF54" s="7">
        <f t="shared" si="989"/>
        <v>3128.5920000000001</v>
      </c>
      <c r="QNG54" s="7">
        <f t="shared" si="989"/>
        <v>3128.5920000000001</v>
      </c>
      <c r="QNH54" s="7">
        <f t="shared" si="989"/>
        <v>3128.5920000000001</v>
      </c>
      <c r="QNI54" s="7">
        <f t="shared" si="989"/>
        <v>3128.5920000000001</v>
      </c>
      <c r="QNJ54" s="7">
        <f t="shared" si="989"/>
        <v>3128.5920000000001</v>
      </c>
      <c r="QNK54" s="7">
        <f t="shared" si="989"/>
        <v>3128.5920000000001</v>
      </c>
      <c r="QNL54" s="7">
        <f t="shared" si="989"/>
        <v>3128.5920000000001</v>
      </c>
      <c r="QNM54" s="7">
        <f t="shared" si="989"/>
        <v>3128.5920000000001</v>
      </c>
      <c r="QNN54" s="7">
        <f t="shared" si="989"/>
        <v>3128.5920000000001</v>
      </c>
      <c r="QNO54" s="7">
        <f t="shared" si="989"/>
        <v>3128.5920000000001</v>
      </c>
      <c r="QNP54" s="7">
        <f t="shared" si="989"/>
        <v>3128.5920000000001</v>
      </c>
      <c r="QNQ54" s="7">
        <f t="shared" si="989"/>
        <v>3128.5920000000001</v>
      </c>
      <c r="QNR54" s="7">
        <f t="shared" si="989"/>
        <v>3128.5920000000001</v>
      </c>
      <c r="QNS54" s="7">
        <f t="shared" si="989"/>
        <v>3128.5920000000001</v>
      </c>
      <c r="QNT54" s="7">
        <f t="shared" si="989"/>
        <v>3128.5920000000001</v>
      </c>
      <c r="QNU54" s="7">
        <f t="shared" si="989"/>
        <v>3128.5920000000001</v>
      </c>
      <c r="QNV54" s="7">
        <f t="shared" si="989"/>
        <v>3128.5920000000001</v>
      </c>
      <c r="QNW54" s="7">
        <f t="shared" si="989"/>
        <v>3128.5920000000001</v>
      </c>
      <c r="QNX54" s="7">
        <f t="shared" si="989"/>
        <v>3128.5920000000001</v>
      </c>
      <c r="QNY54" s="7">
        <f t="shared" si="989"/>
        <v>3128.5920000000001</v>
      </c>
      <c r="QNZ54" s="7">
        <f t="shared" si="989"/>
        <v>3128.5920000000001</v>
      </c>
      <c r="QOA54" s="7">
        <f t="shared" si="989"/>
        <v>3128.5920000000001</v>
      </c>
      <c r="QOB54" s="7">
        <f t="shared" si="989"/>
        <v>3128.5920000000001</v>
      </c>
      <c r="QOC54" s="7">
        <f t="shared" si="989"/>
        <v>3128.5920000000001</v>
      </c>
      <c r="QOD54" s="7">
        <f t="shared" si="989"/>
        <v>3128.5920000000001</v>
      </c>
      <c r="QOE54" s="7">
        <f t="shared" si="989"/>
        <v>3128.5920000000001</v>
      </c>
      <c r="QOF54" s="7">
        <f t="shared" si="989"/>
        <v>3128.5920000000001</v>
      </c>
      <c r="QOG54" s="7">
        <f t="shared" si="989"/>
        <v>3128.5920000000001</v>
      </c>
      <c r="QOH54" s="7">
        <f t="shared" si="989"/>
        <v>3128.5920000000001</v>
      </c>
      <c r="QOI54" s="7">
        <f t="shared" si="989"/>
        <v>3128.5920000000001</v>
      </c>
      <c r="QOJ54" s="7">
        <f t="shared" si="989"/>
        <v>3128.5920000000001</v>
      </c>
      <c r="QOK54" s="7">
        <f t="shared" si="989"/>
        <v>3128.5920000000001</v>
      </c>
      <c r="QOL54" s="7">
        <f t="shared" si="989"/>
        <v>3128.5920000000001</v>
      </c>
      <c r="QOM54" s="7">
        <f t="shared" si="989"/>
        <v>3128.5920000000001</v>
      </c>
      <c r="QON54" s="7">
        <f t="shared" si="989"/>
        <v>3128.5920000000001</v>
      </c>
      <c r="QOO54" s="7">
        <f t="shared" si="989"/>
        <v>3128.5920000000001</v>
      </c>
      <c r="QOP54" s="7">
        <f t="shared" si="989"/>
        <v>3128.5920000000001</v>
      </c>
      <c r="QOQ54" s="7">
        <f t="shared" si="989"/>
        <v>3128.5920000000001</v>
      </c>
      <c r="QOR54" s="7">
        <f t="shared" si="989"/>
        <v>3128.5920000000001</v>
      </c>
      <c r="QOS54" s="7">
        <f t="shared" si="989"/>
        <v>3128.5920000000001</v>
      </c>
      <c r="QOT54" s="7">
        <f t="shared" si="989"/>
        <v>3128.5920000000001</v>
      </c>
      <c r="QOU54" s="7">
        <f t="shared" si="989"/>
        <v>3128.5920000000001</v>
      </c>
      <c r="QOV54" s="7">
        <f t="shared" si="989"/>
        <v>3128.5920000000001</v>
      </c>
      <c r="QOW54" s="7">
        <f t="shared" si="989"/>
        <v>3128.5920000000001</v>
      </c>
      <c r="QOX54" s="7">
        <f t="shared" si="989"/>
        <v>3128.5920000000001</v>
      </c>
      <c r="QOY54" s="7">
        <f t="shared" si="989"/>
        <v>3128.5920000000001</v>
      </c>
      <c r="QOZ54" s="7">
        <f t="shared" si="989"/>
        <v>3128.5920000000001</v>
      </c>
      <c r="QPA54" s="7">
        <f t="shared" si="989"/>
        <v>3128.5920000000001</v>
      </c>
      <c r="QPB54" s="7">
        <f t="shared" si="989"/>
        <v>3128.5920000000001</v>
      </c>
      <c r="QPC54" s="7">
        <f t="shared" si="989"/>
        <v>3128.5920000000001</v>
      </c>
      <c r="QPD54" s="7">
        <f t="shared" si="989"/>
        <v>3128.5920000000001</v>
      </c>
      <c r="QPE54" s="7">
        <f t="shared" si="989"/>
        <v>3128.5920000000001</v>
      </c>
      <c r="QPF54" s="7">
        <f t="shared" ref="QPF54:QRQ54" si="990">QPF49+QPE54</f>
        <v>3128.5920000000001</v>
      </c>
      <c r="QPG54" s="7">
        <f t="shared" si="990"/>
        <v>3128.5920000000001</v>
      </c>
      <c r="QPH54" s="7">
        <f t="shared" si="990"/>
        <v>3128.5920000000001</v>
      </c>
      <c r="QPI54" s="7">
        <f t="shared" si="990"/>
        <v>3128.5920000000001</v>
      </c>
      <c r="QPJ54" s="7">
        <f t="shared" si="990"/>
        <v>3128.5920000000001</v>
      </c>
      <c r="QPK54" s="7">
        <f t="shared" si="990"/>
        <v>3128.5920000000001</v>
      </c>
      <c r="QPL54" s="7">
        <f t="shared" si="990"/>
        <v>3128.5920000000001</v>
      </c>
      <c r="QPM54" s="7">
        <f t="shared" si="990"/>
        <v>3128.5920000000001</v>
      </c>
      <c r="QPN54" s="7">
        <f t="shared" si="990"/>
        <v>3128.5920000000001</v>
      </c>
      <c r="QPO54" s="7">
        <f t="shared" si="990"/>
        <v>3128.5920000000001</v>
      </c>
      <c r="QPP54" s="7">
        <f t="shared" si="990"/>
        <v>3128.5920000000001</v>
      </c>
      <c r="QPQ54" s="7">
        <f t="shared" si="990"/>
        <v>3128.5920000000001</v>
      </c>
      <c r="QPR54" s="7">
        <f t="shared" si="990"/>
        <v>3128.5920000000001</v>
      </c>
      <c r="QPS54" s="7">
        <f t="shared" si="990"/>
        <v>3128.5920000000001</v>
      </c>
      <c r="QPT54" s="7">
        <f t="shared" si="990"/>
        <v>3128.5920000000001</v>
      </c>
      <c r="QPU54" s="7">
        <f t="shared" si="990"/>
        <v>3128.5920000000001</v>
      </c>
      <c r="QPV54" s="7">
        <f t="shared" si="990"/>
        <v>3128.5920000000001</v>
      </c>
      <c r="QPW54" s="7">
        <f t="shared" si="990"/>
        <v>3128.5920000000001</v>
      </c>
      <c r="QPX54" s="7">
        <f t="shared" si="990"/>
        <v>3128.5920000000001</v>
      </c>
      <c r="QPY54" s="7">
        <f t="shared" si="990"/>
        <v>3128.5920000000001</v>
      </c>
      <c r="QPZ54" s="7">
        <f t="shared" si="990"/>
        <v>3128.5920000000001</v>
      </c>
      <c r="QQA54" s="7">
        <f t="shared" si="990"/>
        <v>3128.5920000000001</v>
      </c>
      <c r="QQB54" s="7">
        <f t="shared" si="990"/>
        <v>3128.5920000000001</v>
      </c>
      <c r="QQC54" s="7">
        <f t="shared" si="990"/>
        <v>3128.5920000000001</v>
      </c>
      <c r="QQD54" s="7">
        <f t="shared" si="990"/>
        <v>3128.5920000000001</v>
      </c>
      <c r="QQE54" s="7">
        <f t="shared" si="990"/>
        <v>3128.5920000000001</v>
      </c>
      <c r="QQF54" s="7">
        <f t="shared" si="990"/>
        <v>3128.5920000000001</v>
      </c>
      <c r="QQG54" s="7">
        <f t="shared" si="990"/>
        <v>3128.5920000000001</v>
      </c>
      <c r="QQH54" s="7">
        <f t="shared" si="990"/>
        <v>3128.5920000000001</v>
      </c>
      <c r="QQI54" s="7">
        <f t="shared" si="990"/>
        <v>3128.5920000000001</v>
      </c>
      <c r="QQJ54" s="7">
        <f t="shared" si="990"/>
        <v>3128.5920000000001</v>
      </c>
      <c r="QQK54" s="7">
        <f t="shared" si="990"/>
        <v>3128.5920000000001</v>
      </c>
      <c r="QQL54" s="7">
        <f t="shared" si="990"/>
        <v>3128.5920000000001</v>
      </c>
      <c r="QQM54" s="7">
        <f t="shared" si="990"/>
        <v>3128.5920000000001</v>
      </c>
      <c r="QQN54" s="7">
        <f t="shared" si="990"/>
        <v>3128.5920000000001</v>
      </c>
      <c r="QQO54" s="7">
        <f t="shared" si="990"/>
        <v>3128.5920000000001</v>
      </c>
      <c r="QQP54" s="7">
        <f t="shared" si="990"/>
        <v>3128.5920000000001</v>
      </c>
      <c r="QQQ54" s="7">
        <f t="shared" si="990"/>
        <v>3128.5920000000001</v>
      </c>
      <c r="QQR54" s="7">
        <f t="shared" si="990"/>
        <v>3128.5920000000001</v>
      </c>
      <c r="QQS54" s="7">
        <f t="shared" si="990"/>
        <v>3128.5920000000001</v>
      </c>
      <c r="QQT54" s="7">
        <f t="shared" si="990"/>
        <v>3128.5920000000001</v>
      </c>
      <c r="QQU54" s="7">
        <f t="shared" si="990"/>
        <v>3128.5920000000001</v>
      </c>
      <c r="QQV54" s="7">
        <f t="shared" si="990"/>
        <v>3128.5920000000001</v>
      </c>
      <c r="QQW54" s="7">
        <f t="shared" si="990"/>
        <v>3128.5920000000001</v>
      </c>
      <c r="QQX54" s="7">
        <f t="shared" si="990"/>
        <v>3128.5920000000001</v>
      </c>
      <c r="QQY54" s="7">
        <f t="shared" si="990"/>
        <v>3128.5920000000001</v>
      </c>
      <c r="QQZ54" s="7">
        <f t="shared" si="990"/>
        <v>3128.5920000000001</v>
      </c>
      <c r="QRA54" s="7">
        <f t="shared" si="990"/>
        <v>3128.5920000000001</v>
      </c>
      <c r="QRB54" s="7">
        <f t="shared" si="990"/>
        <v>3128.5920000000001</v>
      </c>
      <c r="QRC54" s="7">
        <f t="shared" si="990"/>
        <v>3128.5920000000001</v>
      </c>
      <c r="QRD54" s="7">
        <f t="shared" si="990"/>
        <v>3128.5920000000001</v>
      </c>
      <c r="QRE54" s="7">
        <f t="shared" si="990"/>
        <v>3128.5920000000001</v>
      </c>
      <c r="QRF54" s="7">
        <f t="shared" si="990"/>
        <v>3128.5920000000001</v>
      </c>
      <c r="QRG54" s="7">
        <f t="shared" si="990"/>
        <v>3128.5920000000001</v>
      </c>
      <c r="QRH54" s="7">
        <f t="shared" si="990"/>
        <v>3128.5920000000001</v>
      </c>
      <c r="QRI54" s="7">
        <f t="shared" si="990"/>
        <v>3128.5920000000001</v>
      </c>
      <c r="QRJ54" s="7">
        <f t="shared" si="990"/>
        <v>3128.5920000000001</v>
      </c>
      <c r="QRK54" s="7">
        <f t="shared" si="990"/>
        <v>3128.5920000000001</v>
      </c>
      <c r="QRL54" s="7">
        <f t="shared" si="990"/>
        <v>3128.5920000000001</v>
      </c>
      <c r="QRM54" s="7">
        <f t="shared" si="990"/>
        <v>3128.5920000000001</v>
      </c>
      <c r="QRN54" s="7">
        <f t="shared" si="990"/>
        <v>3128.5920000000001</v>
      </c>
      <c r="QRO54" s="7">
        <f t="shared" si="990"/>
        <v>3128.5920000000001</v>
      </c>
      <c r="QRP54" s="7">
        <f t="shared" si="990"/>
        <v>3128.5920000000001</v>
      </c>
      <c r="QRQ54" s="7">
        <f t="shared" si="990"/>
        <v>3128.5920000000001</v>
      </c>
      <c r="QRR54" s="7">
        <f t="shared" ref="QRR54:QUC54" si="991">QRR49+QRQ54</f>
        <v>3128.5920000000001</v>
      </c>
      <c r="QRS54" s="7">
        <f t="shared" si="991"/>
        <v>3128.5920000000001</v>
      </c>
      <c r="QRT54" s="7">
        <f t="shared" si="991"/>
        <v>3128.5920000000001</v>
      </c>
      <c r="QRU54" s="7">
        <f t="shared" si="991"/>
        <v>3128.5920000000001</v>
      </c>
      <c r="QRV54" s="7">
        <f t="shared" si="991"/>
        <v>3128.5920000000001</v>
      </c>
      <c r="QRW54" s="7">
        <f t="shared" si="991"/>
        <v>3128.5920000000001</v>
      </c>
      <c r="QRX54" s="7">
        <f t="shared" si="991"/>
        <v>3128.5920000000001</v>
      </c>
      <c r="QRY54" s="7">
        <f t="shared" si="991"/>
        <v>3128.5920000000001</v>
      </c>
      <c r="QRZ54" s="7">
        <f t="shared" si="991"/>
        <v>3128.5920000000001</v>
      </c>
      <c r="QSA54" s="7">
        <f t="shared" si="991"/>
        <v>3128.5920000000001</v>
      </c>
      <c r="QSB54" s="7">
        <f t="shared" si="991"/>
        <v>3128.5920000000001</v>
      </c>
      <c r="QSC54" s="7">
        <f t="shared" si="991"/>
        <v>3128.5920000000001</v>
      </c>
      <c r="QSD54" s="7">
        <f t="shared" si="991"/>
        <v>3128.5920000000001</v>
      </c>
      <c r="QSE54" s="7">
        <f t="shared" si="991"/>
        <v>3128.5920000000001</v>
      </c>
      <c r="QSF54" s="7">
        <f t="shared" si="991"/>
        <v>3128.5920000000001</v>
      </c>
      <c r="QSG54" s="7">
        <f t="shared" si="991"/>
        <v>3128.5920000000001</v>
      </c>
      <c r="QSH54" s="7">
        <f t="shared" si="991"/>
        <v>3128.5920000000001</v>
      </c>
      <c r="QSI54" s="7">
        <f t="shared" si="991"/>
        <v>3128.5920000000001</v>
      </c>
      <c r="QSJ54" s="7">
        <f t="shared" si="991"/>
        <v>3128.5920000000001</v>
      </c>
      <c r="QSK54" s="7">
        <f t="shared" si="991"/>
        <v>3128.5920000000001</v>
      </c>
      <c r="QSL54" s="7">
        <f t="shared" si="991"/>
        <v>3128.5920000000001</v>
      </c>
      <c r="QSM54" s="7">
        <f t="shared" si="991"/>
        <v>3128.5920000000001</v>
      </c>
      <c r="QSN54" s="7">
        <f t="shared" si="991"/>
        <v>3128.5920000000001</v>
      </c>
      <c r="QSO54" s="7">
        <f t="shared" si="991"/>
        <v>3128.5920000000001</v>
      </c>
      <c r="QSP54" s="7">
        <f t="shared" si="991"/>
        <v>3128.5920000000001</v>
      </c>
      <c r="QSQ54" s="7">
        <f t="shared" si="991"/>
        <v>3128.5920000000001</v>
      </c>
      <c r="QSR54" s="7">
        <f t="shared" si="991"/>
        <v>3128.5920000000001</v>
      </c>
      <c r="QSS54" s="7">
        <f t="shared" si="991"/>
        <v>3128.5920000000001</v>
      </c>
      <c r="QST54" s="7">
        <f t="shared" si="991"/>
        <v>3128.5920000000001</v>
      </c>
      <c r="QSU54" s="7">
        <f t="shared" si="991"/>
        <v>3128.5920000000001</v>
      </c>
      <c r="QSV54" s="7">
        <f t="shared" si="991"/>
        <v>3128.5920000000001</v>
      </c>
      <c r="QSW54" s="7">
        <f t="shared" si="991"/>
        <v>3128.5920000000001</v>
      </c>
      <c r="QSX54" s="7">
        <f t="shared" si="991"/>
        <v>3128.5920000000001</v>
      </c>
      <c r="QSY54" s="7">
        <f t="shared" si="991"/>
        <v>3128.5920000000001</v>
      </c>
      <c r="QSZ54" s="7">
        <f t="shared" si="991"/>
        <v>3128.5920000000001</v>
      </c>
      <c r="QTA54" s="7">
        <f t="shared" si="991"/>
        <v>3128.5920000000001</v>
      </c>
      <c r="QTB54" s="7">
        <f t="shared" si="991"/>
        <v>3128.5920000000001</v>
      </c>
      <c r="QTC54" s="7">
        <f t="shared" si="991"/>
        <v>3128.5920000000001</v>
      </c>
      <c r="QTD54" s="7">
        <f t="shared" si="991"/>
        <v>3128.5920000000001</v>
      </c>
      <c r="QTE54" s="7">
        <f t="shared" si="991"/>
        <v>3128.5920000000001</v>
      </c>
      <c r="QTF54" s="7">
        <f t="shared" si="991"/>
        <v>3128.5920000000001</v>
      </c>
      <c r="QTG54" s="7">
        <f t="shared" si="991"/>
        <v>3128.5920000000001</v>
      </c>
      <c r="QTH54" s="7">
        <f t="shared" si="991"/>
        <v>3128.5920000000001</v>
      </c>
      <c r="QTI54" s="7">
        <f t="shared" si="991"/>
        <v>3128.5920000000001</v>
      </c>
      <c r="QTJ54" s="7">
        <f t="shared" si="991"/>
        <v>3128.5920000000001</v>
      </c>
      <c r="QTK54" s="7">
        <f t="shared" si="991"/>
        <v>3128.5920000000001</v>
      </c>
      <c r="QTL54" s="7">
        <f t="shared" si="991"/>
        <v>3128.5920000000001</v>
      </c>
      <c r="QTM54" s="7">
        <f t="shared" si="991"/>
        <v>3128.5920000000001</v>
      </c>
      <c r="QTN54" s="7">
        <f t="shared" si="991"/>
        <v>3128.5920000000001</v>
      </c>
      <c r="QTO54" s="7">
        <f t="shared" si="991"/>
        <v>3128.5920000000001</v>
      </c>
      <c r="QTP54" s="7">
        <f t="shared" si="991"/>
        <v>3128.5920000000001</v>
      </c>
      <c r="QTQ54" s="7">
        <f t="shared" si="991"/>
        <v>3128.5920000000001</v>
      </c>
      <c r="QTR54" s="7">
        <f t="shared" si="991"/>
        <v>3128.5920000000001</v>
      </c>
      <c r="QTS54" s="7">
        <f t="shared" si="991"/>
        <v>3128.5920000000001</v>
      </c>
      <c r="QTT54" s="7">
        <f t="shared" si="991"/>
        <v>3128.5920000000001</v>
      </c>
      <c r="QTU54" s="7">
        <f t="shared" si="991"/>
        <v>3128.5920000000001</v>
      </c>
      <c r="QTV54" s="7">
        <f t="shared" si="991"/>
        <v>3128.5920000000001</v>
      </c>
      <c r="QTW54" s="7">
        <f t="shared" si="991"/>
        <v>3128.5920000000001</v>
      </c>
      <c r="QTX54" s="7">
        <f t="shared" si="991"/>
        <v>3128.5920000000001</v>
      </c>
      <c r="QTY54" s="7">
        <f t="shared" si="991"/>
        <v>3128.5920000000001</v>
      </c>
      <c r="QTZ54" s="7">
        <f t="shared" si="991"/>
        <v>3128.5920000000001</v>
      </c>
      <c r="QUA54" s="7">
        <f t="shared" si="991"/>
        <v>3128.5920000000001</v>
      </c>
      <c r="QUB54" s="7">
        <f t="shared" si="991"/>
        <v>3128.5920000000001</v>
      </c>
      <c r="QUC54" s="7">
        <f t="shared" si="991"/>
        <v>3128.5920000000001</v>
      </c>
      <c r="QUD54" s="7">
        <f t="shared" ref="QUD54:QWO54" si="992">QUD49+QUC54</f>
        <v>3128.5920000000001</v>
      </c>
      <c r="QUE54" s="7">
        <f t="shared" si="992"/>
        <v>3128.5920000000001</v>
      </c>
      <c r="QUF54" s="7">
        <f t="shared" si="992"/>
        <v>3128.5920000000001</v>
      </c>
      <c r="QUG54" s="7">
        <f t="shared" si="992"/>
        <v>3128.5920000000001</v>
      </c>
      <c r="QUH54" s="7">
        <f t="shared" si="992"/>
        <v>3128.5920000000001</v>
      </c>
      <c r="QUI54" s="7">
        <f t="shared" si="992"/>
        <v>3128.5920000000001</v>
      </c>
      <c r="QUJ54" s="7">
        <f t="shared" si="992"/>
        <v>3128.5920000000001</v>
      </c>
      <c r="QUK54" s="7">
        <f t="shared" si="992"/>
        <v>3128.5920000000001</v>
      </c>
      <c r="QUL54" s="7">
        <f t="shared" si="992"/>
        <v>3128.5920000000001</v>
      </c>
      <c r="QUM54" s="7">
        <f t="shared" si="992"/>
        <v>3128.5920000000001</v>
      </c>
      <c r="QUN54" s="7">
        <f t="shared" si="992"/>
        <v>3128.5920000000001</v>
      </c>
      <c r="QUO54" s="7">
        <f t="shared" si="992"/>
        <v>3128.5920000000001</v>
      </c>
      <c r="QUP54" s="7">
        <f t="shared" si="992"/>
        <v>3128.5920000000001</v>
      </c>
      <c r="QUQ54" s="7">
        <f t="shared" si="992"/>
        <v>3128.5920000000001</v>
      </c>
      <c r="QUR54" s="7">
        <f t="shared" si="992"/>
        <v>3128.5920000000001</v>
      </c>
      <c r="QUS54" s="7">
        <f t="shared" si="992"/>
        <v>3128.5920000000001</v>
      </c>
      <c r="QUT54" s="7">
        <f t="shared" si="992"/>
        <v>3128.5920000000001</v>
      </c>
      <c r="QUU54" s="7">
        <f t="shared" si="992"/>
        <v>3128.5920000000001</v>
      </c>
      <c r="QUV54" s="7">
        <f t="shared" si="992"/>
        <v>3128.5920000000001</v>
      </c>
      <c r="QUW54" s="7">
        <f t="shared" si="992"/>
        <v>3128.5920000000001</v>
      </c>
      <c r="QUX54" s="7">
        <f t="shared" si="992"/>
        <v>3128.5920000000001</v>
      </c>
      <c r="QUY54" s="7">
        <f t="shared" si="992"/>
        <v>3128.5920000000001</v>
      </c>
      <c r="QUZ54" s="7">
        <f t="shared" si="992"/>
        <v>3128.5920000000001</v>
      </c>
      <c r="QVA54" s="7">
        <f t="shared" si="992"/>
        <v>3128.5920000000001</v>
      </c>
      <c r="QVB54" s="7">
        <f t="shared" si="992"/>
        <v>3128.5920000000001</v>
      </c>
      <c r="QVC54" s="7">
        <f t="shared" si="992"/>
        <v>3128.5920000000001</v>
      </c>
      <c r="QVD54" s="7">
        <f t="shared" si="992"/>
        <v>3128.5920000000001</v>
      </c>
      <c r="QVE54" s="7">
        <f t="shared" si="992"/>
        <v>3128.5920000000001</v>
      </c>
      <c r="QVF54" s="7">
        <f t="shared" si="992"/>
        <v>3128.5920000000001</v>
      </c>
      <c r="QVG54" s="7">
        <f t="shared" si="992"/>
        <v>3128.5920000000001</v>
      </c>
      <c r="QVH54" s="7">
        <f t="shared" si="992"/>
        <v>3128.5920000000001</v>
      </c>
      <c r="QVI54" s="7">
        <f t="shared" si="992"/>
        <v>3128.5920000000001</v>
      </c>
      <c r="QVJ54" s="7">
        <f t="shared" si="992"/>
        <v>3128.5920000000001</v>
      </c>
      <c r="QVK54" s="7">
        <f t="shared" si="992"/>
        <v>3128.5920000000001</v>
      </c>
      <c r="QVL54" s="7">
        <f t="shared" si="992"/>
        <v>3128.5920000000001</v>
      </c>
      <c r="QVM54" s="7">
        <f t="shared" si="992"/>
        <v>3128.5920000000001</v>
      </c>
      <c r="QVN54" s="7">
        <f t="shared" si="992"/>
        <v>3128.5920000000001</v>
      </c>
      <c r="QVO54" s="7">
        <f t="shared" si="992"/>
        <v>3128.5920000000001</v>
      </c>
      <c r="QVP54" s="7">
        <f t="shared" si="992"/>
        <v>3128.5920000000001</v>
      </c>
      <c r="QVQ54" s="7">
        <f t="shared" si="992"/>
        <v>3128.5920000000001</v>
      </c>
      <c r="QVR54" s="7">
        <f t="shared" si="992"/>
        <v>3128.5920000000001</v>
      </c>
      <c r="QVS54" s="7">
        <f t="shared" si="992"/>
        <v>3128.5920000000001</v>
      </c>
      <c r="QVT54" s="7">
        <f t="shared" si="992"/>
        <v>3128.5920000000001</v>
      </c>
      <c r="QVU54" s="7">
        <f t="shared" si="992"/>
        <v>3128.5920000000001</v>
      </c>
      <c r="QVV54" s="7">
        <f t="shared" si="992"/>
        <v>3128.5920000000001</v>
      </c>
      <c r="QVW54" s="7">
        <f t="shared" si="992"/>
        <v>3128.5920000000001</v>
      </c>
      <c r="QVX54" s="7">
        <f t="shared" si="992"/>
        <v>3128.5920000000001</v>
      </c>
      <c r="QVY54" s="7">
        <f t="shared" si="992"/>
        <v>3128.5920000000001</v>
      </c>
      <c r="QVZ54" s="7">
        <f t="shared" si="992"/>
        <v>3128.5920000000001</v>
      </c>
      <c r="QWA54" s="7">
        <f t="shared" si="992"/>
        <v>3128.5920000000001</v>
      </c>
      <c r="QWB54" s="7">
        <f t="shared" si="992"/>
        <v>3128.5920000000001</v>
      </c>
      <c r="QWC54" s="7">
        <f t="shared" si="992"/>
        <v>3128.5920000000001</v>
      </c>
      <c r="QWD54" s="7">
        <f t="shared" si="992"/>
        <v>3128.5920000000001</v>
      </c>
      <c r="QWE54" s="7">
        <f t="shared" si="992"/>
        <v>3128.5920000000001</v>
      </c>
      <c r="QWF54" s="7">
        <f t="shared" si="992"/>
        <v>3128.5920000000001</v>
      </c>
      <c r="QWG54" s="7">
        <f t="shared" si="992"/>
        <v>3128.5920000000001</v>
      </c>
      <c r="QWH54" s="7">
        <f t="shared" si="992"/>
        <v>3128.5920000000001</v>
      </c>
      <c r="QWI54" s="7">
        <f t="shared" si="992"/>
        <v>3128.5920000000001</v>
      </c>
      <c r="QWJ54" s="7">
        <f t="shared" si="992"/>
        <v>3128.5920000000001</v>
      </c>
      <c r="QWK54" s="7">
        <f t="shared" si="992"/>
        <v>3128.5920000000001</v>
      </c>
      <c r="QWL54" s="7">
        <f t="shared" si="992"/>
        <v>3128.5920000000001</v>
      </c>
      <c r="QWM54" s="7">
        <f t="shared" si="992"/>
        <v>3128.5920000000001</v>
      </c>
      <c r="QWN54" s="7">
        <f t="shared" si="992"/>
        <v>3128.5920000000001</v>
      </c>
      <c r="QWO54" s="7">
        <f t="shared" si="992"/>
        <v>3128.5920000000001</v>
      </c>
      <c r="QWP54" s="7">
        <f t="shared" ref="QWP54:QZA54" si="993">QWP49+QWO54</f>
        <v>3128.5920000000001</v>
      </c>
      <c r="QWQ54" s="7">
        <f t="shared" si="993"/>
        <v>3128.5920000000001</v>
      </c>
      <c r="QWR54" s="7">
        <f t="shared" si="993"/>
        <v>3128.5920000000001</v>
      </c>
      <c r="QWS54" s="7">
        <f t="shared" si="993"/>
        <v>3128.5920000000001</v>
      </c>
      <c r="QWT54" s="7">
        <f t="shared" si="993"/>
        <v>3128.5920000000001</v>
      </c>
      <c r="QWU54" s="7">
        <f t="shared" si="993"/>
        <v>3128.5920000000001</v>
      </c>
      <c r="QWV54" s="7">
        <f t="shared" si="993"/>
        <v>3128.5920000000001</v>
      </c>
      <c r="QWW54" s="7">
        <f t="shared" si="993"/>
        <v>3128.5920000000001</v>
      </c>
      <c r="QWX54" s="7">
        <f t="shared" si="993"/>
        <v>3128.5920000000001</v>
      </c>
      <c r="QWY54" s="7">
        <f t="shared" si="993"/>
        <v>3128.5920000000001</v>
      </c>
      <c r="QWZ54" s="7">
        <f t="shared" si="993"/>
        <v>3128.5920000000001</v>
      </c>
      <c r="QXA54" s="7">
        <f t="shared" si="993"/>
        <v>3128.5920000000001</v>
      </c>
      <c r="QXB54" s="7">
        <f t="shared" si="993"/>
        <v>3128.5920000000001</v>
      </c>
      <c r="QXC54" s="7">
        <f t="shared" si="993"/>
        <v>3128.5920000000001</v>
      </c>
      <c r="QXD54" s="7">
        <f t="shared" si="993"/>
        <v>3128.5920000000001</v>
      </c>
      <c r="QXE54" s="7">
        <f t="shared" si="993"/>
        <v>3128.5920000000001</v>
      </c>
      <c r="QXF54" s="7">
        <f t="shared" si="993"/>
        <v>3128.5920000000001</v>
      </c>
      <c r="QXG54" s="7">
        <f t="shared" si="993"/>
        <v>3128.5920000000001</v>
      </c>
      <c r="QXH54" s="7">
        <f t="shared" si="993"/>
        <v>3128.5920000000001</v>
      </c>
      <c r="QXI54" s="7">
        <f t="shared" si="993"/>
        <v>3128.5920000000001</v>
      </c>
      <c r="QXJ54" s="7">
        <f t="shared" si="993"/>
        <v>3128.5920000000001</v>
      </c>
      <c r="QXK54" s="7">
        <f t="shared" si="993"/>
        <v>3128.5920000000001</v>
      </c>
      <c r="QXL54" s="7">
        <f t="shared" si="993"/>
        <v>3128.5920000000001</v>
      </c>
      <c r="QXM54" s="7">
        <f t="shared" si="993"/>
        <v>3128.5920000000001</v>
      </c>
      <c r="QXN54" s="7">
        <f t="shared" si="993"/>
        <v>3128.5920000000001</v>
      </c>
      <c r="QXO54" s="7">
        <f t="shared" si="993"/>
        <v>3128.5920000000001</v>
      </c>
      <c r="QXP54" s="7">
        <f t="shared" si="993"/>
        <v>3128.5920000000001</v>
      </c>
      <c r="QXQ54" s="7">
        <f t="shared" si="993"/>
        <v>3128.5920000000001</v>
      </c>
      <c r="QXR54" s="7">
        <f t="shared" si="993"/>
        <v>3128.5920000000001</v>
      </c>
      <c r="QXS54" s="7">
        <f t="shared" si="993"/>
        <v>3128.5920000000001</v>
      </c>
      <c r="QXT54" s="7">
        <f t="shared" si="993"/>
        <v>3128.5920000000001</v>
      </c>
      <c r="QXU54" s="7">
        <f t="shared" si="993"/>
        <v>3128.5920000000001</v>
      </c>
      <c r="QXV54" s="7">
        <f t="shared" si="993"/>
        <v>3128.5920000000001</v>
      </c>
      <c r="QXW54" s="7">
        <f t="shared" si="993"/>
        <v>3128.5920000000001</v>
      </c>
      <c r="QXX54" s="7">
        <f t="shared" si="993"/>
        <v>3128.5920000000001</v>
      </c>
      <c r="QXY54" s="7">
        <f t="shared" si="993"/>
        <v>3128.5920000000001</v>
      </c>
      <c r="QXZ54" s="7">
        <f t="shared" si="993"/>
        <v>3128.5920000000001</v>
      </c>
      <c r="QYA54" s="7">
        <f t="shared" si="993"/>
        <v>3128.5920000000001</v>
      </c>
      <c r="QYB54" s="7">
        <f t="shared" si="993"/>
        <v>3128.5920000000001</v>
      </c>
      <c r="QYC54" s="7">
        <f t="shared" si="993"/>
        <v>3128.5920000000001</v>
      </c>
      <c r="QYD54" s="7">
        <f t="shared" si="993"/>
        <v>3128.5920000000001</v>
      </c>
      <c r="QYE54" s="7">
        <f t="shared" si="993"/>
        <v>3128.5920000000001</v>
      </c>
      <c r="QYF54" s="7">
        <f t="shared" si="993"/>
        <v>3128.5920000000001</v>
      </c>
      <c r="QYG54" s="7">
        <f t="shared" si="993"/>
        <v>3128.5920000000001</v>
      </c>
      <c r="QYH54" s="7">
        <f t="shared" si="993"/>
        <v>3128.5920000000001</v>
      </c>
      <c r="QYI54" s="7">
        <f t="shared" si="993"/>
        <v>3128.5920000000001</v>
      </c>
      <c r="QYJ54" s="7">
        <f t="shared" si="993"/>
        <v>3128.5920000000001</v>
      </c>
      <c r="QYK54" s="7">
        <f t="shared" si="993"/>
        <v>3128.5920000000001</v>
      </c>
      <c r="QYL54" s="7">
        <f t="shared" si="993"/>
        <v>3128.5920000000001</v>
      </c>
      <c r="QYM54" s="7">
        <f t="shared" si="993"/>
        <v>3128.5920000000001</v>
      </c>
      <c r="QYN54" s="7">
        <f t="shared" si="993"/>
        <v>3128.5920000000001</v>
      </c>
      <c r="QYO54" s="7">
        <f t="shared" si="993"/>
        <v>3128.5920000000001</v>
      </c>
      <c r="QYP54" s="7">
        <f t="shared" si="993"/>
        <v>3128.5920000000001</v>
      </c>
      <c r="QYQ54" s="7">
        <f t="shared" si="993"/>
        <v>3128.5920000000001</v>
      </c>
      <c r="QYR54" s="7">
        <f t="shared" si="993"/>
        <v>3128.5920000000001</v>
      </c>
      <c r="QYS54" s="7">
        <f t="shared" si="993"/>
        <v>3128.5920000000001</v>
      </c>
      <c r="QYT54" s="7">
        <f t="shared" si="993"/>
        <v>3128.5920000000001</v>
      </c>
      <c r="QYU54" s="7">
        <f t="shared" si="993"/>
        <v>3128.5920000000001</v>
      </c>
      <c r="QYV54" s="7">
        <f t="shared" si="993"/>
        <v>3128.5920000000001</v>
      </c>
      <c r="QYW54" s="7">
        <f t="shared" si="993"/>
        <v>3128.5920000000001</v>
      </c>
      <c r="QYX54" s="7">
        <f t="shared" si="993"/>
        <v>3128.5920000000001</v>
      </c>
      <c r="QYY54" s="7">
        <f t="shared" si="993"/>
        <v>3128.5920000000001</v>
      </c>
      <c r="QYZ54" s="7">
        <f t="shared" si="993"/>
        <v>3128.5920000000001</v>
      </c>
      <c r="QZA54" s="7">
        <f t="shared" si="993"/>
        <v>3128.5920000000001</v>
      </c>
      <c r="QZB54" s="7">
        <f t="shared" ref="QZB54:RBM54" si="994">QZB49+QZA54</f>
        <v>3128.5920000000001</v>
      </c>
      <c r="QZC54" s="7">
        <f t="shared" si="994"/>
        <v>3128.5920000000001</v>
      </c>
      <c r="QZD54" s="7">
        <f t="shared" si="994"/>
        <v>3128.5920000000001</v>
      </c>
      <c r="QZE54" s="7">
        <f t="shared" si="994"/>
        <v>3128.5920000000001</v>
      </c>
      <c r="QZF54" s="7">
        <f t="shared" si="994"/>
        <v>3128.5920000000001</v>
      </c>
      <c r="QZG54" s="7">
        <f t="shared" si="994"/>
        <v>3128.5920000000001</v>
      </c>
      <c r="QZH54" s="7">
        <f t="shared" si="994"/>
        <v>3128.5920000000001</v>
      </c>
      <c r="QZI54" s="7">
        <f t="shared" si="994"/>
        <v>3128.5920000000001</v>
      </c>
      <c r="QZJ54" s="7">
        <f t="shared" si="994"/>
        <v>3128.5920000000001</v>
      </c>
      <c r="QZK54" s="7">
        <f t="shared" si="994"/>
        <v>3128.5920000000001</v>
      </c>
      <c r="QZL54" s="7">
        <f t="shared" si="994"/>
        <v>3128.5920000000001</v>
      </c>
      <c r="QZM54" s="7">
        <f t="shared" si="994"/>
        <v>3128.5920000000001</v>
      </c>
      <c r="QZN54" s="7">
        <f t="shared" si="994"/>
        <v>3128.5920000000001</v>
      </c>
      <c r="QZO54" s="7">
        <f t="shared" si="994"/>
        <v>3128.5920000000001</v>
      </c>
      <c r="QZP54" s="7">
        <f t="shared" si="994"/>
        <v>3128.5920000000001</v>
      </c>
      <c r="QZQ54" s="7">
        <f t="shared" si="994"/>
        <v>3128.5920000000001</v>
      </c>
      <c r="QZR54" s="7">
        <f t="shared" si="994"/>
        <v>3128.5920000000001</v>
      </c>
      <c r="QZS54" s="7">
        <f t="shared" si="994"/>
        <v>3128.5920000000001</v>
      </c>
      <c r="QZT54" s="7">
        <f t="shared" si="994"/>
        <v>3128.5920000000001</v>
      </c>
      <c r="QZU54" s="7">
        <f t="shared" si="994"/>
        <v>3128.5920000000001</v>
      </c>
      <c r="QZV54" s="7">
        <f t="shared" si="994"/>
        <v>3128.5920000000001</v>
      </c>
      <c r="QZW54" s="7">
        <f t="shared" si="994"/>
        <v>3128.5920000000001</v>
      </c>
      <c r="QZX54" s="7">
        <f t="shared" si="994"/>
        <v>3128.5920000000001</v>
      </c>
      <c r="QZY54" s="7">
        <f t="shared" si="994"/>
        <v>3128.5920000000001</v>
      </c>
      <c r="QZZ54" s="7">
        <f t="shared" si="994"/>
        <v>3128.5920000000001</v>
      </c>
      <c r="RAA54" s="7">
        <f t="shared" si="994"/>
        <v>3128.5920000000001</v>
      </c>
      <c r="RAB54" s="7">
        <f t="shared" si="994"/>
        <v>3128.5920000000001</v>
      </c>
      <c r="RAC54" s="7">
        <f t="shared" si="994"/>
        <v>3128.5920000000001</v>
      </c>
      <c r="RAD54" s="7">
        <f t="shared" si="994"/>
        <v>3128.5920000000001</v>
      </c>
      <c r="RAE54" s="7">
        <f t="shared" si="994"/>
        <v>3128.5920000000001</v>
      </c>
      <c r="RAF54" s="7">
        <f t="shared" si="994"/>
        <v>3128.5920000000001</v>
      </c>
      <c r="RAG54" s="7">
        <f t="shared" si="994"/>
        <v>3128.5920000000001</v>
      </c>
      <c r="RAH54" s="7">
        <f t="shared" si="994"/>
        <v>3128.5920000000001</v>
      </c>
      <c r="RAI54" s="7">
        <f t="shared" si="994"/>
        <v>3128.5920000000001</v>
      </c>
      <c r="RAJ54" s="7">
        <f t="shared" si="994"/>
        <v>3128.5920000000001</v>
      </c>
      <c r="RAK54" s="7">
        <f t="shared" si="994"/>
        <v>3128.5920000000001</v>
      </c>
      <c r="RAL54" s="7">
        <f t="shared" si="994"/>
        <v>3128.5920000000001</v>
      </c>
      <c r="RAM54" s="7">
        <f t="shared" si="994"/>
        <v>3128.5920000000001</v>
      </c>
      <c r="RAN54" s="7">
        <f t="shared" si="994"/>
        <v>3128.5920000000001</v>
      </c>
      <c r="RAO54" s="7">
        <f t="shared" si="994"/>
        <v>3128.5920000000001</v>
      </c>
      <c r="RAP54" s="7">
        <f t="shared" si="994"/>
        <v>3128.5920000000001</v>
      </c>
      <c r="RAQ54" s="7">
        <f t="shared" si="994"/>
        <v>3128.5920000000001</v>
      </c>
      <c r="RAR54" s="7">
        <f t="shared" si="994"/>
        <v>3128.5920000000001</v>
      </c>
      <c r="RAS54" s="7">
        <f t="shared" si="994"/>
        <v>3128.5920000000001</v>
      </c>
      <c r="RAT54" s="7">
        <f t="shared" si="994"/>
        <v>3128.5920000000001</v>
      </c>
      <c r="RAU54" s="7">
        <f t="shared" si="994"/>
        <v>3128.5920000000001</v>
      </c>
      <c r="RAV54" s="7">
        <f t="shared" si="994"/>
        <v>3128.5920000000001</v>
      </c>
      <c r="RAW54" s="7">
        <f t="shared" si="994"/>
        <v>3128.5920000000001</v>
      </c>
      <c r="RAX54" s="7">
        <f t="shared" si="994"/>
        <v>3128.5920000000001</v>
      </c>
      <c r="RAY54" s="7">
        <f t="shared" si="994"/>
        <v>3128.5920000000001</v>
      </c>
      <c r="RAZ54" s="7">
        <f t="shared" si="994"/>
        <v>3128.5920000000001</v>
      </c>
      <c r="RBA54" s="7">
        <f t="shared" si="994"/>
        <v>3128.5920000000001</v>
      </c>
      <c r="RBB54" s="7">
        <f t="shared" si="994"/>
        <v>3128.5920000000001</v>
      </c>
      <c r="RBC54" s="7">
        <f t="shared" si="994"/>
        <v>3128.5920000000001</v>
      </c>
      <c r="RBD54" s="7">
        <f t="shared" si="994"/>
        <v>3128.5920000000001</v>
      </c>
      <c r="RBE54" s="7">
        <f t="shared" si="994"/>
        <v>3128.5920000000001</v>
      </c>
      <c r="RBF54" s="7">
        <f t="shared" si="994"/>
        <v>3128.5920000000001</v>
      </c>
      <c r="RBG54" s="7">
        <f t="shared" si="994"/>
        <v>3128.5920000000001</v>
      </c>
      <c r="RBH54" s="7">
        <f t="shared" si="994"/>
        <v>3128.5920000000001</v>
      </c>
      <c r="RBI54" s="7">
        <f t="shared" si="994"/>
        <v>3128.5920000000001</v>
      </c>
      <c r="RBJ54" s="7">
        <f t="shared" si="994"/>
        <v>3128.5920000000001</v>
      </c>
      <c r="RBK54" s="7">
        <f t="shared" si="994"/>
        <v>3128.5920000000001</v>
      </c>
      <c r="RBL54" s="7">
        <f t="shared" si="994"/>
        <v>3128.5920000000001</v>
      </c>
      <c r="RBM54" s="7">
        <f t="shared" si="994"/>
        <v>3128.5920000000001</v>
      </c>
      <c r="RBN54" s="7">
        <f t="shared" ref="RBN54:RDY54" si="995">RBN49+RBM54</f>
        <v>3128.5920000000001</v>
      </c>
      <c r="RBO54" s="7">
        <f t="shared" si="995"/>
        <v>3128.5920000000001</v>
      </c>
      <c r="RBP54" s="7">
        <f t="shared" si="995"/>
        <v>3128.5920000000001</v>
      </c>
      <c r="RBQ54" s="7">
        <f t="shared" si="995"/>
        <v>3128.5920000000001</v>
      </c>
      <c r="RBR54" s="7">
        <f t="shared" si="995"/>
        <v>3128.5920000000001</v>
      </c>
      <c r="RBS54" s="7">
        <f t="shared" si="995"/>
        <v>3128.5920000000001</v>
      </c>
      <c r="RBT54" s="7">
        <f t="shared" si="995"/>
        <v>3128.5920000000001</v>
      </c>
      <c r="RBU54" s="7">
        <f t="shared" si="995"/>
        <v>3128.5920000000001</v>
      </c>
      <c r="RBV54" s="7">
        <f t="shared" si="995"/>
        <v>3128.5920000000001</v>
      </c>
      <c r="RBW54" s="7">
        <f t="shared" si="995"/>
        <v>3128.5920000000001</v>
      </c>
      <c r="RBX54" s="7">
        <f t="shared" si="995"/>
        <v>3128.5920000000001</v>
      </c>
      <c r="RBY54" s="7">
        <f t="shared" si="995"/>
        <v>3128.5920000000001</v>
      </c>
      <c r="RBZ54" s="7">
        <f t="shared" si="995"/>
        <v>3128.5920000000001</v>
      </c>
      <c r="RCA54" s="7">
        <f t="shared" si="995"/>
        <v>3128.5920000000001</v>
      </c>
      <c r="RCB54" s="7">
        <f t="shared" si="995"/>
        <v>3128.5920000000001</v>
      </c>
      <c r="RCC54" s="7">
        <f t="shared" si="995"/>
        <v>3128.5920000000001</v>
      </c>
      <c r="RCD54" s="7">
        <f t="shared" si="995"/>
        <v>3128.5920000000001</v>
      </c>
      <c r="RCE54" s="7">
        <f t="shared" si="995"/>
        <v>3128.5920000000001</v>
      </c>
      <c r="RCF54" s="7">
        <f t="shared" si="995"/>
        <v>3128.5920000000001</v>
      </c>
      <c r="RCG54" s="7">
        <f t="shared" si="995"/>
        <v>3128.5920000000001</v>
      </c>
      <c r="RCH54" s="7">
        <f t="shared" si="995"/>
        <v>3128.5920000000001</v>
      </c>
      <c r="RCI54" s="7">
        <f t="shared" si="995"/>
        <v>3128.5920000000001</v>
      </c>
      <c r="RCJ54" s="7">
        <f t="shared" si="995"/>
        <v>3128.5920000000001</v>
      </c>
      <c r="RCK54" s="7">
        <f t="shared" si="995"/>
        <v>3128.5920000000001</v>
      </c>
      <c r="RCL54" s="7">
        <f t="shared" si="995"/>
        <v>3128.5920000000001</v>
      </c>
      <c r="RCM54" s="7">
        <f t="shared" si="995"/>
        <v>3128.5920000000001</v>
      </c>
      <c r="RCN54" s="7">
        <f t="shared" si="995"/>
        <v>3128.5920000000001</v>
      </c>
      <c r="RCO54" s="7">
        <f t="shared" si="995"/>
        <v>3128.5920000000001</v>
      </c>
      <c r="RCP54" s="7">
        <f t="shared" si="995"/>
        <v>3128.5920000000001</v>
      </c>
      <c r="RCQ54" s="7">
        <f t="shared" si="995"/>
        <v>3128.5920000000001</v>
      </c>
      <c r="RCR54" s="7">
        <f t="shared" si="995"/>
        <v>3128.5920000000001</v>
      </c>
      <c r="RCS54" s="7">
        <f t="shared" si="995"/>
        <v>3128.5920000000001</v>
      </c>
      <c r="RCT54" s="7">
        <f t="shared" si="995"/>
        <v>3128.5920000000001</v>
      </c>
      <c r="RCU54" s="7">
        <f t="shared" si="995"/>
        <v>3128.5920000000001</v>
      </c>
      <c r="RCV54" s="7">
        <f t="shared" si="995"/>
        <v>3128.5920000000001</v>
      </c>
      <c r="RCW54" s="7">
        <f t="shared" si="995"/>
        <v>3128.5920000000001</v>
      </c>
      <c r="RCX54" s="7">
        <f t="shared" si="995"/>
        <v>3128.5920000000001</v>
      </c>
      <c r="RCY54" s="7">
        <f t="shared" si="995"/>
        <v>3128.5920000000001</v>
      </c>
      <c r="RCZ54" s="7">
        <f t="shared" si="995"/>
        <v>3128.5920000000001</v>
      </c>
      <c r="RDA54" s="7">
        <f t="shared" si="995"/>
        <v>3128.5920000000001</v>
      </c>
      <c r="RDB54" s="7">
        <f t="shared" si="995"/>
        <v>3128.5920000000001</v>
      </c>
      <c r="RDC54" s="7">
        <f t="shared" si="995"/>
        <v>3128.5920000000001</v>
      </c>
      <c r="RDD54" s="7">
        <f t="shared" si="995"/>
        <v>3128.5920000000001</v>
      </c>
      <c r="RDE54" s="7">
        <f t="shared" si="995"/>
        <v>3128.5920000000001</v>
      </c>
      <c r="RDF54" s="7">
        <f t="shared" si="995"/>
        <v>3128.5920000000001</v>
      </c>
      <c r="RDG54" s="7">
        <f t="shared" si="995"/>
        <v>3128.5920000000001</v>
      </c>
      <c r="RDH54" s="7">
        <f t="shared" si="995"/>
        <v>3128.5920000000001</v>
      </c>
      <c r="RDI54" s="7">
        <f t="shared" si="995"/>
        <v>3128.5920000000001</v>
      </c>
      <c r="RDJ54" s="7">
        <f t="shared" si="995"/>
        <v>3128.5920000000001</v>
      </c>
      <c r="RDK54" s="7">
        <f t="shared" si="995"/>
        <v>3128.5920000000001</v>
      </c>
      <c r="RDL54" s="7">
        <f t="shared" si="995"/>
        <v>3128.5920000000001</v>
      </c>
      <c r="RDM54" s="7">
        <f t="shared" si="995"/>
        <v>3128.5920000000001</v>
      </c>
      <c r="RDN54" s="7">
        <f t="shared" si="995"/>
        <v>3128.5920000000001</v>
      </c>
      <c r="RDO54" s="7">
        <f t="shared" si="995"/>
        <v>3128.5920000000001</v>
      </c>
      <c r="RDP54" s="7">
        <f t="shared" si="995"/>
        <v>3128.5920000000001</v>
      </c>
      <c r="RDQ54" s="7">
        <f t="shared" si="995"/>
        <v>3128.5920000000001</v>
      </c>
      <c r="RDR54" s="7">
        <f t="shared" si="995"/>
        <v>3128.5920000000001</v>
      </c>
      <c r="RDS54" s="7">
        <f t="shared" si="995"/>
        <v>3128.5920000000001</v>
      </c>
      <c r="RDT54" s="7">
        <f t="shared" si="995"/>
        <v>3128.5920000000001</v>
      </c>
      <c r="RDU54" s="7">
        <f t="shared" si="995"/>
        <v>3128.5920000000001</v>
      </c>
      <c r="RDV54" s="7">
        <f t="shared" si="995"/>
        <v>3128.5920000000001</v>
      </c>
      <c r="RDW54" s="7">
        <f t="shared" si="995"/>
        <v>3128.5920000000001</v>
      </c>
      <c r="RDX54" s="7">
        <f t="shared" si="995"/>
        <v>3128.5920000000001</v>
      </c>
      <c r="RDY54" s="7">
        <f t="shared" si="995"/>
        <v>3128.5920000000001</v>
      </c>
      <c r="RDZ54" s="7">
        <f t="shared" ref="RDZ54:RGK54" si="996">RDZ49+RDY54</f>
        <v>3128.5920000000001</v>
      </c>
      <c r="REA54" s="7">
        <f t="shared" si="996"/>
        <v>3128.5920000000001</v>
      </c>
      <c r="REB54" s="7">
        <f t="shared" si="996"/>
        <v>3128.5920000000001</v>
      </c>
      <c r="REC54" s="7">
        <f t="shared" si="996"/>
        <v>3128.5920000000001</v>
      </c>
      <c r="RED54" s="7">
        <f t="shared" si="996"/>
        <v>3128.5920000000001</v>
      </c>
      <c r="REE54" s="7">
        <f t="shared" si="996"/>
        <v>3128.5920000000001</v>
      </c>
      <c r="REF54" s="7">
        <f t="shared" si="996"/>
        <v>3128.5920000000001</v>
      </c>
      <c r="REG54" s="7">
        <f t="shared" si="996"/>
        <v>3128.5920000000001</v>
      </c>
      <c r="REH54" s="7">
        <f t="shared" si="996"/>
        <v>3128.5920000000001</v>
      </c>
      <c r="REI54" s="7">
        <f t="shared" si="996"/>
        <v>3128.5920000000001</v>
      </c>
      <c r="REJ54" s="7">
        <f t="shared" si="996"/>
        <v>3128.5920000000001</v>
      </c>
      <c r="REK54" s="7">
        <f t="shared" si="996"/>
        <v>3128.5920000000001</v>
      </c>
      <c r="REL54" s="7">
        <f t="shared" si="996"/>
        <v>3128.5920000000001</v>
      </c>
      <c r="REM54" s="7">
        <f t="shared" si="996"/>
        <v>3128.5920000000001</v>
      </c>
      <c r="REN54" s="7">
        <f t="shared" si="996"/>
        <v>3128.5920000000001</v>
      </c>
      <c r="REO54" s="7">
        <f t="shared" si="996"/>
        <v>3128.5920000000001</v>
      </c>
      <c r="REP54" s="7">
        <f t="shared" si="996"/>
        <v>3128.5920000000001</v>
      </c>
      <c r="REQ54" s="7">
        <f t="shared" si="996"/>
        <v>3128.5920000000001</v>
      </c>
      <c r="RER54" s="7">
        <f t="shared" si="996"/>
        <v>3128.5920000000001</v>
      </c>
      <c r="RES54" s="7">
        <f t="shared" si="996"/>
        <v>3128.5920000000001</v>
      </c>
      <c r="RET54" s="7">
        <f t="shared" si="996"/>
        <v>3128.5920000000001</v>
      </c>
      <c r="REU54" s="7">
        <f t="shared" si="996"/>
        <v>3128.5920000000001</v>
      </c>
      <c r="REV54" s="7">
        <f t="shared" si="996"/>
        <v>3128.5920000000001</v>
      </c>
      <c r="REW54" s="7">
        <f t="shared" si="996"/>
        <v>3128.5920000000001</v>
      </c>
      <c r="REX54" s="7">
        <f t="shared" si="996"/>
        <v>3128.5920000000001</v>
      </c>
      <c r="REY54" s="7">
        <f t="shared" si="996"/>
        <v>3128.5920000000001</v>
      </c>
      <c r="REZ54" s="7">
        <f t="shared" si="996"/>
        <v>3128.5920000000001</v>
      </c>
      <c r="RFA54" s="7">
        <f t="shared" si="996"/>
        <v>3128.5920000000001</v>
      </c>
      <c r="RFB54" s="7">
        <f t="shared" si="996"/>
        <v>3128.5920000000001</v>
      </c>
      <c r="RFC54" s="7">
        <f t="shared" si="996"/>
        <v>3128.5920000000001</v>
      </c>
      <c r="RFD54" s="7">
        <f t="shared" si="996"/>
        <v>3128.5920000000001</v>
      </c>
      <c r="RFE54" s="7">
        <f t="shared" si="996"/>
        <v>3128.5920000000001</v>
      </c>
      <c r="RFF54" s="7">
        <f t="shared" si="996"/>
        <v>3128.5920000000001</v>
      </c>
      <c r="RFG54" s="7">
        <f t="shared" si="996"/>
        <v>3128.5920000000001</v>
      </c>
      <c r="RFH54" s="7">
        <f t="shared" si="996"/>
        <v>3128.5920000000001</v>
      </c>
      <c r="RFI54" s="7">
        <f t="shared" si="996"/>
        <v>3128.5920000000001</v>
      </c>
      <c r="RFJ54" s="7">
        <f t="shared" si="996"/>
        <v>3128.5920000000001</v>
      </c>
      <c r="RFK54" s="7">
        <f t="shared" si="996"/>
        <v>3128.5920000000001</v>
      </c>
      <c r="RFL54" s="7">
        <f t="shared" si="996"/>
        <v>3128.5920000000001</v>
      </c>
      <c r="RFM54" s="7">
        <f t="shared" si="996"/>
        <v>3128.5920000000001</v>
      </c>
      <c r="RFN54" s="7">
        <f t="shared" si="996"/>
        <v>3128.5920000000001</v>
      </c>
      <c r="RFO54" s="7">
        <f t="shared" si="996"/>
        <v>3128.5920000000001</v>
      </c>
      <c r="RFP54" s="7">
        <f t="shared" si="996"/>
        <v>3128.5920000000001</v>
      </c>
      <c r="RFQ54" s="7">
        <f t="shared" si="996"/>
        <v>3128.5920000000001</v>
      </c>
      <c r="RFR54" s="7">
        <f t="shared" si="996"/>
        <v>3128.5920000000001</v>
      </c>
      <c r="RFS54" s="7">
        <f t="shared" si="996"/>
        <v>3128.5920000000001</v>
      </c>
      <c r="RFT54" s="7">
        <f t="shared" si="996"/>
        <v>3128.5920000000001</v>
      </c>
      <c r="RFU54" s="7">
        <f t="shared" si="996"/>
        <v>3128.5920000000001</v>
      </c>
      <c r="RFV54" s="7">
        <f t="shared" si="996"/>
        <v>3128.5920000000001</v>
      </c>
      <c r="RFW54" s="7">
        <f t="shared" si="996"/>
        <v>3128.5920000000001</v>
      </c>
      <c r="RFX54" s="7">
        <f t="shared" si="996"/>
        <v>3128.5920000000001</v>
      </c>
      <c r="RFY54" s="7">
        <f t="shared" si="996"/>
        <v>3128.5920000000001</v>
      </c>
      <c r="RFZ54" s="7">
        <f t="shared" si="996"/>
        <v>3128.5920000000001</v>
      </c>
      <c r="RGA54" s="7">
        <f t="shared" si="996"/>
        <v>3128.5920000000001</v>
      </c>
      <c r="RGB54" s="7">
        <f t="shared" si="996"/>
        <v>3128.5920000000001</v>
      </c>
      <c r="RGC54" s="7">
        <f t="shared" si="996"/>
        <v>3128.5920000000001</v>
      </c>
      <c r="RGD54" s="7">
        <f t="shared" si="996"/>
        <v>3128.5920000000001</v>
      </c>
      <c r="RGE54" s="7">
        <f t="shared" si="996"/>
        <v>3128.5920000000001</v>
      </c>
      <c r="RGF54" s="7">
        <f t="shared" si="996"/>
        <v>3128.5920000000001</v>
      </c>
      <c r="RGG54" s="7">
        <f t="shared" si="996"/>
        <v>3128.5920000000001</v>
      </c>
      <c r="RGH54" s="7">
        <f t="shared" si="996"/>
        <v>3128.5920000000001</v>
      </c>
      <c r="RGI54" s="7">
        <f t="shared" si="996"/>
        <v>3128.5920000000001</v>
      </c>
      <c r="RGJ54" s="7">
        <f t="shared" si="996"/>
        <v>3128.5920000000001</v>
      </c>
      <c r="RGK54" s="7">
        <f t="shared" si="996"/>
        <v>3128.5920000000001</v>
      </c>
      <c r="RGL54" s="7">
        <f t="shared" ref="RGL54:RIW54" si="997">RGL49+RGK54</f>
        <v>3128.5920000000001</v>
      </c>
      <c r="RGM54" s="7">
        <f t="shared" si="997"/>
        <v>3128.5920000000001</v>
      </c>
      <c r="RGN54" s="7">
        <f t="shared" si="997"/>
        <v>3128.5920000000001</v>
      </c>
      <c r="RGO54" s="7">
        <f t="shared" si="997"/>
        <v>3128.5920000000001</v>
      </c>
      <c r="RGP54" s="7">
        <f t="shared" si="997"/>
        <v>3128.5920000000001</v>
      </c>
      <c r="RGQ54" s="7">
        <f t="shared" si="997"/>
        <v>3128.5920000000001</v>
      </c>
      <c r="RGR54" s="7">
        <f t="shared" si="997"/>
        <v>3128.5920000000001</v>
      </c>
      <c r="RGS54" s="7">
        <f t="shared" si="997"/>
        <v>3128.5920000000001</v>
      </c>
      <c r="RGT54" s="7">
        <f t="shared" si="997"/>
        <v>3128.5920000000001</v>
      </c>
      <c r="RGU54" s="7">
        <f t="shared" si="997"/>
        <v>3128.5920000000001</v>
      </c>
      <c r="RGV54" s="7">
        <f t="shared" si="997"/>
        <v>3128.5920000000001</v>
      </c>
      <c r="RGW54" s="7">
        <f t="shared" si="997"/>
        <v>3128.5920000000001</v>
      </c>
      <c r="RGX54" s="7">
        <f t="shared" si="997"/>
        <v>3128.5920000000001</v>
      </c>
      <c r="RGY54" s="7">
        <f t="shared" si="997"/>
        <v>3128.5920000000001</v>
      </c>
      <c r="RGZ54" s="7">
        <f t="shared" si="997"/>
        <v>3128.5920000000001</v>
      </c>
      <c r="RHA54" s="7">
        <f t="shared" si="997"/>
        <v>3128.5920000000001</v>
      </c>
      <c r="RHB54" s="7">
        <f t="shared" si="997"/>
        <v>3128.5920000000001</v>
      </c>
      <c r="RHC54" s="7">
        <f t="shared" si="997"/>
        <v>3128.5920000000001</v>
      </c>
      <c r="RHD54" s="7">
        <f t="shared" si="997"/>
        <v>3128.5920000000001</v>
      </c>
      <c r="RHE54" s="7">
        <f t="shared" si="997"/>
        <v>3128.5920000000001</v>
      </c>
      <c r="RHF54" s="7">
        <f t="shared" si="997"/>
        <v>3128.5920000000001</v>
      </c>
      <c r="RHG54" s="7">
        <f t="shared" si="997"/>
        <v>3128.5920000000001</v>
      </c>
      <c r="RHH54" s="7">
        <f t="shared" si="997"/>
        <v>3128.5920000000001</v>
      </c>
      <c r="RHI54" s="7">
        <f t="shared" si="997"/>
        <v>3128.5920000000001</v>
      </c>
      <c r="RHJ54" s="7">
        <f t="shared" si="997"/>
        <v>3128.5920000000001</v>
      </c>
      <c r="RHK54" s="7">
        <f t="shared" si="997"/>
        <v>3128.5920000000001</v>
      </c>
      <c r="RHL54" s="7">
        <f t="shared" si="997"/>
        <v>3128.5920000000001</v>
      </c>
      <c r="RHM54" s="7">
        <f t="shared" si="997"/>
        <v>3128.5920000000001</v>
      </c>
      <c r="RHN54" s="7">
        <f t="shared" si="997"/>
        <v>3128.5920000000001</v>
      </c>
      <c r="RHO54" s="7">
        <f t="shared" si="997"/>
        <v>3128.5920000000001</v>
      </c>
      <c r="RHP54" s="7">
        <f t="shared" si="997"/>
        <v>3128.5920000000001</v>
      </c>
      <c r="RHQ54" s="7">
        <f t="shared" si="997"/>
        <v>3128.5920000000001</v>
      </c>
      <c r="RHR54" s="7">
        <f t="shared" si="997"/>
        <v>3128.5920000000001</v>
      </c>
      <c r="RHS54" s="7">
        <f t="shared" si="997"/>
        <v>3128.5920000000001</v>
      </c>
      <c r="RHT54" s="7">
        <f t="shared" si="997"/>
        <v>3128.5920000000001</v>
      </c>
      <c r="RHU54" s="7">
        <f t="shared" si="997"/>
        <v>3128.5920000000001</v>
      </c>
      <c r="RHV54" s="7">
        <f t="shared" si="997"/>
        <v>3128.5920000000001</v>
      </c>
      <c r="RHW54" s="7">
        <f t="shared" si="997"/>
        <v>3128.5920000000001</v>
      </c>
      <c r="RHX54" s="7">
        <f t="shared" si="997"/>
        <v>3128.5920000000001</v>
      </c>
      <c r="RHY54" s="7">
        <f t="shared" si="997"/>
        <v>3128.5920000000001</v>
      </c>
      <c r="RHZ54" s="7">
        <f t="shared" si="997"/>
        <v>3128.5920000000001</v>
      </c>
      <c r="RIA54" s="7">
        <f t="shared" si="997"/>
        <v>3128.5920000000001</v>
      </c>
      <c r="RIB54" s="7">
        <f t="shared" si="997"/>
        <v>3128.5920000000001</v>
      </c>
      <c r="RIC54" s="7">
        <f t="shared" si="997"/>
        <v>3128.5920000000001</v>
      </c>
      <c r="RID54" s="7">
        <f t="shared" si="997"/>
        <v>3128.5920000000001</v>
      </c>
      <c r="RIE54" s="7">
        <f t="shared" si="997"/>
        <v>3128.5920000000001</v>
      </c>
      <c r="RIF54" s="7">
        <f t="shared" si="997"/>
        <v>3128.5920000000001</v>
      </c>
      <c r="RIG54" s="7">
        <f t="shared" si="997"/>
        <v>3128.5920000000001</v>
      </c>
      <c r="RIH54" s="7">
        <f t="shared" si="997"/>
        <v>3128.5920000000001</v>
      </c>
      <c r="RII54" s="7">
        <f t="shared" si="997"/>
        <v>3128.5920000000001</v>
      </c>
      <c r="RIJ54" s="7">
        <f t="shared" si="997"/>
        <v>3128.5920000000001</v>
      </c>
      <c r="RIK54" s="7">
        <f t="shared" si="997"/>
        <v>3128.5920000000001</v>
      </c>
      <c r="RIL54" s="7">
        <f t="shared" si="997"/>
        <v>3128.5920000000001</v>
      </c>
      <c r="RIM54" s="7">
        <f t="shared" si="997"/>
        <v>3128.5920000000001</v>
      </c>
      <c r="RIN54" s="7">
        <f t="shared" si="997"/>
        <v>3128.5920000000001</v>
      </c>
      <c r="RIO54" s="7">
        <f t="shared" si="997"/>
        <v>3128.5920000000001</v>
      </c>
      <c r="RIP54" s="7">
        <f t="shared" si="997"/>
        <v>3128.5920000000001</v>
      </c>
      <c r="RIQ54" s="7">
        <f t="shared" si="997"/>
        <v>3128.5920000000001</v>
      </c>
      <c r="RIR54" s="7">
        <f t="shared" si="997"/>
        <v>3128.5920000000001</v>
      </c>
      <c r="RIS54" s="7">
        <f t="shared" si="997"/>
        <v>3128.5920000000001</v>
      </c>
      <c r="RIT54" s="7">
        <f t="shared" si="997"/>
        <v>3128.5920000000001</v>
      </c>
      <c r="RIU54" s="7">
        <f t="shared" si="997"/>
        <v>3128.5920000000001</v>
      </c>
      <c r="RIV54" s="7">
        <f t="shared" si="997"/>
        <v>3128.5920000000001</v>
      </c>
      <c r="RIW54" s="7">
        <f t="shared" si="997"/>
        <v>3128.5920000000001</v>
      </c>
      <c r="RIX54" s="7">
        <f t="shared" ref="RIX54:RLI54" si="998">RIX49+RIW54</f>
        <v>3128.5920000000001</v>
      </c>
      <c r="RIY54" s="7">
        <f t="shared" si="998"/>
        <v>3128.5920000000001</v>
      </c>
      <c r="RIZ54" s="7">
        <f t="shared" si="998"/>
        <v>3128.5920000000001</v>
      </c>
      <c r="RJA54" s="7">
        <f t="shared" si="998"/>
        <v>3128.5920000000001</v>
      </c>
      <c r="RJB54" s="7">
        <f t="shared" si="998"/>
        <v>3128.5920000000001</v>
      </c>
      <c r="RJC54" s="7">
        <f t="shared" si="998"/>
        <v>3128.5920000000001</v>
      </c>
      <c r="RJD54" s="7">
        <f t="shared" si="998"/>
        <v>3128.5920000000001</v>
      </c>
      <c r="RJE54" s="7">
        <f t="shared" si="998"/>
        <v>3128.5920000000001</v>
      </c>
      <c r="RJF54" s="7">
        <f t="shared" si="998"/>
        <v>3128.5920000000001</v>
      </c>
      <c r="RJG54" s="7">
        <f t="shared" si="998"/>
        <v>3128.5920000000001</v>
      </c>
      <c r="RJH54" s="7">
        <f t="shared" si="998"/>
        <v>3128.5920000000001</v>
      </c>
      <c r="RJI54" s="7">
        <f t="shared" si="998"/>
        <v>3128.5920000000001</v>
      </c>
      <c r="RJJ54" s="7">
        <f t="shared" si="998"/>
        <v>3128.5920000000001</v>
      </c>
      <c r="RJK54" s="7">
        <f t="shared" si="998"/>
        <v>3128.5920000000001</v>
      </c>
      <c r="RJL54" s="7">
        <f t="shared" si="998"/>
        <v>3128.5920000000001</v>
      </c>
      <c r="RJM54" s="7">
        <f t="shared" si="998"/>
        <v>3128.5920000000001</v>
      </c>
      <c r="RJN54" s="7">
        <f t="shared" si="998"/>
        <v>3128.5920000000001</v>
      </c>
      <c r="RJO54" s="7">
        <f t="shared" si="998"/>
        <v>3128.5920000000001</v>
      </c>
      <c r="RJP54" s="7">
        <f t="shared" si="998"/>
        <v>3128.5920000000001</v>
      </c>
      <c r="RJQ54" s="7">
        <f t="shared" si="998"/>
        <v>3128.5920000000001</v>
      </c>
      <c r="RJR54" s="7">
        <f t="shared" si="998"/>
        <v>3128.5920000000001</v>
      </c>
      <c r="RJS54" s="7">
        <f t="shared" si="998"/>
        <v>3128.5920000000001</v>
      </c>
      <c r="RJT54" s="7">
        <f t="shared" si="998"/>
        <v>3128.5920000000001</v>
      </c>
      <c r="RJU54" s="7">
        <f t="shared" si="998"/>
        <v>3128.5920000000001</v>
      </c>
      <c r="RJV54" s="7">
        <f t="shared" si="998"/>
        <v>3128.5920000000001</v>
      </c>
      <c r="RJW54" s="7">
        <f t="shared" si="998"/>
        <v>3128.5920000000001</v>
      </c>
      <c r="RJX54" s="7">
        <f t="shared" si="998"/>
        <v>3128.5920000000001</v>
      </c>
      <c r="RJY54" s="7">
        <f t="shared" si="998"/>
        <v>3128.5920000000001</v>
      </c>
      <c r="RJZ54" s="7">
        <f t="shared" si="998"/>
        <v>3128.5920000000001</v>
      </c>
      <c r="RKA54" s="7">
        <f t="shared" si="998"/>
        <v>3128.5920000000001</v>
      </c>
      <c r="RKB54" s="7">
        <f t="shared" si="998"/>
        <v>3128.5920000000001</v>
      </c>
      <c r="RKC54" s="7">
        <f t="shared" si="998"/>
        <v>3128.5920000000001</v>
      </c>
      <c r="RKD54" s="7">
        <f t="shared" si="998"/>
        <v>3128.5920000000001</v>
      </c>
      <c r="RKE54" s="7">
        <f t="shared" si="998"/>
        <v>3128.5920000000001</v>
      </c>
      <c r="RKF54" s="7">
        <f t="shared" si="998"/>
        <v>3128.5920000000001</v>
      </c>
      <c r="RKG54" s="7">
        <f t="shared" si="998"/>
        <v>3128.5920000000001</v>
      </c>
      <c r="RKH54" s="7">
        <f t="shared" si="998"/>
        <v>3128.5920000000001</v>
      </c>
      <c r="RKI54" s="7">
        <f t="shared" si="998"/>
        <v>3128.5920000000001</v>
      </c>
      <c r="RKJ54" s="7">
        <f t="shared" si="998"/>
        <v>3128.5920000000001</v>
      </c>
      <c r="RKK54" s="7">
        <f t="shared" si="998"/>
        <v>3128.5920000000001</v>
      </c>
      <c r="RKL54" s="7">
        <f t="shared" si="998"/>
        <v>3128.5920000000001</v>
      </c>
      <c r="RKM54" s="7">
        <f t="shared" si="998"/>
        <v>3128.5920000000001</v>
      </c>
      <c r="RKN54" s="7">
        <f t="shared" si="998"/>
        <v>3128.5920000000001</v>
      </c>
      <c r="RKO54" s="7">
        <f t="shared" si="998"/>
        <v>3128.5920000000001</v>
      </c>
      <c r="RKP54" s="7">
        <f t="shared" si="998"/>
        <v>3128.5920000000001</v>
      </c>
      <c r="RKQ54" s="7">
        <f t="shared" si="998"/>
        <v>3128.5920000000001</v>
      </c>
      <c r="RKR54" s="7">
        <f t="shared" si="998"/>
        <v>3128.5920000000001</v>
      </c>
      <c r="RKS54" s="7">
        <f t="shared" si="998"/>
        <v>3128.5920000000001</v>
      </c>
      <c r="RKT54" s="7">
        <f t="shared" si="998"/>
        <v>3128.5920000000001</v>
      </c>
      <c r="RKU54" s="7">
        <f t="shared" si="998"/>
        <v>3128.5920000000001</v>
      </c>
      <c r="RKV54" s="7">
        <f t="shared" si="998"/>
        <v>3128.5920000000001</v>
      </c>
      <c r="RKW54" s="7">
        <f t="shared" si="998"/>
        <v>3128.5920000000001</v>
      </c>
      <c r="RKX54" s="7">
        <f t="shared" si="998"/>
        <v>3128.5920000000001</v>
      </c>
      <c r="RKY54" s="7">
        <f t="shared" si="998"/>
        <v>3128.5920000000001</v>
      </c>
      <c r="RKZ54" s="7">
        <f t="shared" si="998"/>
        <v>3128.5920000000001</v>
      </c>
      <c r="RLA54" s="7">
        <f t="shared" si="998"/>
        <v>3128.5920000000001</v>
      </c>
      <c r="RLB54" s="7">
        <f t="shared" si="998"/>
        <v>3128.5920000000001</v>
      </c>
      <c r="RLC54" s="7">
        <f t="shared" si="998"/>
        <v>3128.5920000000001</v>
      </c>
      <c r="RLD54" s="7">
        <f t="shared" si="998"/>
        <v>3128.5920000000001</v>
      </c>
      <c r="RLE54" s="7">
        <f t="shared" si="998"/>
        <v>3128.5920000000001</v>
      </c>
      <c r="RLF54" s="7">
        <f t="shared" si="998"/>
        <v>3128.5920000000001</v>
      </c>
      <c r="RLG54" s="7">
        <f t="shared" si="998"/>
        <v>3128.5920000000001</v>
      </c>
      <c r="RLH54" s="7">
        <f t="shared" si="998"/>
        <v>3128.5920000000001</v>
      </c>
      <c r="RLI54" s="7">
        <f t="shared" si="998"/>
        <v>3128.5920000000001</v>
      </c>
      <c r="RLJ54" s="7">
        <f t="shared" ref="RLJ54:RNU54" si="999">RLJ49+RLI54</f>
        <v>3128.5920000000001</v>
      </c>
      <c r="RLK54" s="7">
        <f t="shared" si="999"/>
        <v>3128.5920000000001</v>
      </c>
      <c r="RLL54" s="7">
        <f t="shared" si="999"/>
        <v>3128.5920000000001</v>
      </c>
      <c r="RLM54" s="7">
        <f t="shared" si="999"/>
        <v>3128.5920000000001</v>
      </c>
      <c r="RLN54" s="7">
        <f t="shared" si="999"/>
        <v>3128.5920000000001</v>
      </c>
      <c r="RLO54" s="7">
        <f t="shared" si="999"/>
        <v>3128.5920000000001</v>
      </c>
      <c r="RLP54" s="7">
        <f t="shared" si="999"/>
        <v>3128.5920000000001</v>
      </c>
      <c r="RLQ54" s="7">
        <f t="shared" si="999"/>
        <v>3128.5920000000001</v>
      </c>
      <c r="RLR54" s="7">
        <f t="shared" si="999"/>
        <v>3128.5920000000001</v>
      </c>
      <c r="RLS54" s="7">
        <f t="shared" si="999"/>
        <v>3128.5920000000001</v>
      </c>
      <c r="RLT54" s="7">
        <f t="shared" si="999"/>
        <v>3128.5920000000001</v>
      </c>
      <c r="RLU54" s="7">
        <f t="shared" si="999"/>
        <v>3128.5920000000001</v>
      </c>
      <c r="RLV54" s="7">
        <f t="shared" si="999"/>
        <v>3128.5920000000001</v>
      </c>
      <c r="RLW54" s="7">
        <f t="shared" si="999"/>
        <v>3128.5920000000001</v>
      </c>
      <c r="RLX54" s="7">
        <f t="shared" si="999"/>
        <v>3128.5920000000001</v>
      </c>
      <c r="RLY54" s="7">
        <f t="shared" si="999"/>
        <v>3128.5920000000001</v>
      </c>
      <c r="RLZ54" s="7">
        <f t="shared" si="999"/>
        <v>3128.5920000000001</v>
      </c>
      <c r="RMA54" s="7">
        <f t="shared" si="999"/>
        <v>3128.5920000000001</v>
      </c>
      <c r="RMB54" s="7">
        <f t="shared" si="999"/>
        <v>3128.5920000000001</v>
      </c>
      <c r="RMC54" s="7">
        <f t="shared" si="999"/>
        <v>3128.5920000000001</v>
      </c>
      <c r="RMD54" s="7">
        <f t="shared" si="999"/>
        <v>3128.5920000000001</v>
      </c>
      <c r="RME54" s="7">
        <f t="shared" si="999"/>
        <v>3128.5920000000001</v>
      </c>
      <c r="RMF54" s="7">
        <f t="shared" si="999"/>
        <v>3128.5920000000001</v>
      </c>
      <c r="RMG54" s="7">
        <f t="shared" si="999"/>
        <v>3128.5920000000001</v>
      </c>
      <c r="RMH54" s="7">
        <f t="shared" si="999"/>
        <v>3128.5920000000001</v>
      </c>
      <c r="RMI54" s="7">
        <f t="shared" si="999"/>
        <v>3128.5920000000001</v>
      </c>
      <c r="RMJ54" s="7">
        <f t="shared" si="999"/>
        <v>3128.5920000000001</v>
      </c>
      <c r="RMK54" s="7">
        <f t="shared" si="999"/>
        <v>3128.5920000000001</v>
      </c>
      <c r="RML54" s="7">
        <f t="shared" si="999"/>
        <v>3128.5920000000001</v>
      </c>
      <c r="RMM54" s="7">
        <f t="shared" si="999"/>
        <v>3128.5920000000001</v>
      </c>
      <c r="RMN54" s="7">
        <f t="shared" si="999"/>
        <v>3128.5920000000001</v>
      </c>
      <c r="RMO54" s="7">
        <f t="shared" si="999"/>
        <v>3128.5920000000001</v>
      </c>
      <c r="RMP54" s="7">
        <f t="shared" si="999"/>
        <v>3128.5920000000001</v>
      </c>
      <c r="RMQ54" s="7">
        <f t="shared" si="999"/>
        <v>3128.5920000000001</v>
      </c>
      <c r="RMR54" s="7">
        <f t="shared" si="999"/>
        <v>3128.5920000000001</v>
      </c>
      <c r="RMS54" s="7">
        <f t="shared" si="999"/>
        <v>3128.5920000000001</v>
      </c>
      <c r="RMT54" s="7">
        <f t="shared" si="999"/>
        <v>3128.5920000000001</v>
      </c>
      <c r="RMU54" s="7">
        <f t="shared" si="999"/>
        <v>3128.5920000000001</v>
      </c>
      <c r="RMV54" s="7">
        <f t="shared" si="999"/>
        <v>3128.5920000000001</v>
      </c>
      <c r="RMW54" s="7">
        <f t="shared" si="999"/>
        <v>3128.5920000000001</v>
      </c>
      <c r="RMX54" s="7">
        <f t="shared" si="999"/>
        <v>3128.5920000000001</v>
      </c>
      <c r="RMY54" s="7">
        <f t="shared" si="999"/>
        <v>3128.5920000000001</v>
      </c>
      <c r="RMZ54" s="7">
        <f t="shared" si="999"/>
        <v>3128.5920000000001</v>
      </c>
      <c r="RNA54" s="7">
        <f t="shared" si="999"/>
        <v>3128.5920000000001</v>
      </c>
      <c r="RNB54" s="7">
        <f t="shared" si="999"/>
        <v>3128.5920000000001</v>
      </c>
      <c r="RNC54" s="7">
        <f t="shared" si="999"/>
        <v>3128.5920000000001</v>
      </c>
      <c r="RND54" s="7">
        <f t="shared" si="999"/>
        <v>3128.5920000000001</v>
      </c>
      <c r="RNE54" s="7">
        <f t="shared" si="999"/>
        <v>3128.5920000000001</v>
      </c>
      <c r="RNF54" s="7">
        <f t="shared" si="999"/>
        <v>3128.5920000000001</v>
      </c>
      <c r="RNG54" s="7">
        <f t="shared" si="999"/>
        <v>3128.5920000000001</v>
      </c>
      <c r="RNH54" s="7">
        <f t="shared" si="999"/>
        <v>3128.5920000000001</v>
      </c>
      <c r="RNI54" s="7">
        <f t="shared" si="999"/>
        <v>3128.5920000000001</v>
      </c>
      <c r="RNJ54" s="7">
        <f t="shared" si="999"/>
        <v>3128.5920000000001</v>
      </c>
      <c r="RNK54" s="7">
        <f t="shared" si="999"/>
        <v>3128.5920000000001</v>
      </c>
      <c r="RNL54" s="7">
        <f t="shared" si="999"/>
        <v>3128.5920000000001</v>
      </c>
      <c r="RNM54" s="7">
        <f t="shared" si="999"/>
        <v>3128.5920000000001</v>
      </c>
      <c r="RNN54" s="7">
        <f t="shared" si="999"/>
        <v>3128.5920000000001</v>
      </c>
      <c r="RNO54" s="7">
        <f t="shared" si="999"/>
        <v>3128.5920000000001</v>
      </c>
      <c r="RNP54" s="7">
        <f t="shared" si="999"/>
        <v>3128.5920000000001</v>
      </c>
      <c r="RNQ54" s="7">
        <f t="shared" si="999"/>
        <v>3128.5920000000001</v>
      </c>
      <c r="RNR54" s="7">
        <f t="shared" si="999"/>
        <v>3128.5920000000001</v>
      </c>
      <c r="RNS54" s="7">
        <f t="shared" si="999"/>
        <v>3128.5920000000001</v>
      </c>
      <c r="RNT54" s="7">
        <f t="shared" si="999"/>
        <v>3128.5920000000001</v>
      </c>
      <c r="RNU54" s="7">
        <f t="shared" si="999"/>
        <v>3128.5920000000001</v>
      </c>
      <c r="RNV54" s="7">
        <f t="shared" ref="RNV54:RQG54" si="1000">RNV49+RNU54</f>
        <v>3128.5920000000001</v>
      </c>
      <c r="RNW54" s="7">
        <f t="shared" si="1000"/>
        <v>3128.5920000000001</v>
      </c>
      <c r="RNX54" s="7">
        <f t="shared" si="1000"/>
        <v>3128.5920000000001</v>
      </c>
      <c r="RNY54" s="7">
        <f t="shared" si="1000"/>
        <v>3128.5920000000001</v>
      </c>
      <c r="RNZ54" s="7">
        <f t="shared" si="1000"/>
        <v>3128.5920000000001</v>
      </c>
      <c r="ROA54" s="7">
        <f t="shared" si="1000"/>
        <v>3128.5920000000001</v>
      </c>
      <c r="ROB54" s="7">
        <f t="shared" si="1000"/>
        <v>3128.5920000000001</v>
      </c>
      <c r="ROC54" s="7">
        <f t="shared" si="1000"/>
        <v>3128.5920000000001</v>
      </c>
      <c r="ROD54" s="7">
        <f t="shared" si="1000"/>
        <v>3128.5920000000001</v>
      </c>
      <c r="ROE54" s="7">
        <f t="shared" si="1000"/>
        <v>3128.5920000000001</v>
      </c>
      <c r="ROF54" s="7">
        <f t="shared" si="1000"/>
        <v>3128.5920000000001</v>
      </c>
      <c r="ROG54" s="7">
        <f t="shared" si="1000"/>
        <v>3128.5920000000001</v>
      </c>
      <c r="ROH54" s="7">
        <f t="shared" si="1000"/>
        <v>3128.5920000000001</v>
      </c>
      <c r="ROI54" s="7">
        <f t="shared" si="1000"/>
        <v>3128.5920000000001</v>
      </c>
      <c r="ROJ54" s="7">
        <f t="shared" si="1000"/>
        <v>3128.5920000000001</v>
      </c>
      <c r="ROK54" s="7">
        <f t="shared" si="1000"/>
        <v>3128.5920000000001</v>
      </c>
      <c r="ROL54" s="7">
        <f t="shared" si="1000"/>
        <v>3128.5920000000001</v>
      </c>
      <c r="ROM54" s="7">
        <f t="shared" si="1000"/>
        <v>3128.5920000000001</v>
      </c>
      <c r="RON54" s="7">
        <f t="shared" si="1000"/>
        <v>3128.5920000000001</v>
      </c>
      <c r="ROO54" s="7">
        <f t="shared" si="1000"/>
        <v>3128.5920000000001</v>
      </c>
      <c r="ROP54" s="7">
        <f t="shared" si="1000"/>
        <v>3128.5920000000001</v>
      </c>
      <c r="ROQ54" s="7">
        <f t="shared" si="1000"/>
        <v>3128.5920000000001</v>
      </c>
      <c r="ROR54" s="7">
        <f t="shared" si="1000"/>
        <v>3128.5920000000001</v>
      </c>
      <c r="ROS54" s="7">
        <f t="shared" si="1000"/>
        <v>3128.5920000000001</v>
      </c>
      <c r="ROT54" s="7">
        <f t="shared" si="1000"/>
        <v>3128.5920000000001</v>
      </c>
      <c r="ROU54" s="7">
        <f t="shared" si="1000"/>
        <v>3128.5920000000001</v>
      </c>
      <c r="ROV54" s="7">
        <f t="shared" si="1000"/>
        <v>3128.5920000000001</v>
      </c>
      <c r="ROW54" s="7">
        <f t="shared" si="1000"/>
        <v>3128.5920000000001</v>
      </c>
      <c r="ROX54" s="7">
        <f t="shared" si="1000"/>
        <v>3128.5920000000001</v>
      </c>
      <c r="ROY54" s="7">
        <f t="shared" si="1000"/>
        <v>3128.5920000000001</v>
      </c>
      <c r="ROZ54" s="7">
        <f t="shared" si="1000"/>
        <v>3128.5920000000001</v>
      </c>
      <c r="RPA54" s="7">
        <f t="shared" si="1000"/>
        <v>3128.5920000000001</v>
      </c>
      <c r="RPB54" s="7">
        <f t="shared" si="1000"/>
        <v>3128.5920000000001</v>
      </c>
      <c r="RPC54" s="7">
        <f t="shared" si="1000"/>
        <v>3128.5920000000001</v>
      </c>
      <c r="RPD54" s="7">
        <f t="shared" si="1000"/>
        <v>3128.5920000000001</v>
      </c>
      <c r="RPE54" s="7">
        <f t="shared" si="1000"/>
        <v>3128.5920000000001</v>
      </c>
      <c r="RPF54" s="7">
        <f t="shared" si="1000"/>
        <v>3128.5920000000001</v>
      </c>
      <c r="RPG54" s="7">
        <f t="shared" si="1000"/>
        <v>3128.5920000000001</v>
      </c>
      <c r="RPH54" s="7">
        <f t="shared" si="1000"/>
        <v>3128.5920000000001</v>
      </c>
      <c r="RPI54" s="7">
        <f t="shared" si="1000"/>
        <v>3128.5920000000001</v>
      </c>
      <c r="RPJ54" s="7">
        <f t="shared" si="1000"/>
        <v>3128.5920000000001</v>
      </c>
      <c r="RPK54" s="7">
        <f t="shared" si="1000"/>
        <v>3128.5920000000001</v>
      </c>
      <c r="RPL54" s="7">
        <f t="shared" si="1000"/>
        <v>3128.5920000000001</v>
      </c>
      <c r="RPM54" s="7">
        <f t="shared" si="1000"/>
        <v>3128.5920000000001</v>
      </c>
      <c r="RPN54" s="7">
        <f t="shared" si="1000"/>
        <v>3128.5920000000001</v>
      </c>
      <c r="RPO54" s="7">
        <f t="shared" si="1000"/>
        <v>3128.5920000000001</v>
      </c>
      <c r="RPP54" s="7">
        <f t="shared" si="1000"/>
        <v>3128.5920000000001</v>
      </c>
      <c r="RPQ54" s="7">
        <f t="shared" si="1000"/>
        <v>3128.5920000000001</v>
      </c>
      <c r="RPR54" s="7">
        <f t="shared" si="1000"/>
        <v>3128.5920000000001</v>
      </c>
      <c r="RPS54" s="7">
        <f t="shared" si="1000"/>
        <v>3128.5920000000001</v>
      </c>
      <c r="RPT54" s="7">
        <f t="shared" si="1000"/>
        <v>3128.5920000000001</v>
      </c>
      <c r="RPU54" s="7">
        <f t="shared" si="1000"/>
        <v>3128.5920000000001</v>
      </c>
      <c r="RPV54" s="7">
        <f t="shared" si="1000"/>
        <v>3128.5920000000001</v>
      </c>
      <c r="RPW54" s="7">
        <f t="shared" si="1000"/>
        <v>3128.5920000000001</v>
      </c>
      <c r="RPX54" s="7">
        <f t="shared" si="1000"/>
        <v>3128.5920000000001</v>
      </c>
      <c r="RPY54" s="7">
        <f t="shared" si="1000"/>
        <v>3128.5920000000001</v>
      </c>
      <c r="RPZ54" s="7">
        <f t="shared" si="1000"/>
        <v>3128.5920000000001</v>
      </c>
      <c r="RQA54" s="7">
        <f t="shared" si="1000"/>
        <v>3128.5920000000001</v>
      </c>
      <c r="RQB54" s="7">
        <f t="shared" si="1000"/>
        <v>3128.5920000000001</v>
      </c>
      <c r="RQC54" s="7">
        <f t="shared" si="1000"/>
        <v>3128.5920000000001</v>
      </c>
      <c r="RQD54" s="7">
        <f t="shared" si="1000"/>
        <v>3128.5920000000001</v>
      </c>
      <c r="RQE54" s="7">
        <f t="shared" si="1000"/>
        <v>3128.5920000000001</v>
      </c>
      <c r="RQF54" s="7">
        <f t="shared" si="1000"/>
        <v>3128.5920000000001</v>
      </c>
      <c r="RQG54" s="7">
        <f t="shared" si="1000"/>
        <v>3128.5920000000001</v>
      </c>
      <c r="RQH54" s="7">
        <f t="shared" ref="RQH54:RSS54" si="1001">RQH49+RQG54</f>
        <v>3128.5920000000001</v>
      </c>
      <c r="RQI54" s="7">
        <f t="shared" si="1001"/>
        <v>3128.5920000000001</v>
      </c>
      <c r="RQJ54" s="7">
        <f t="shared" si="1001"/>
        <v>3128.5920000000001</v>
      </c>
      <c r="RQK54" s="7">
        <f t="shared" si="1001"/>
        <v>3128.5920000000001</v>
      </c>
      <c r="RQL54" s="7">
        <f t="shared" si="1001"/>
        <v>3128.5920000000001</v>
      </c>
      <c r="RQM54" s="7">
        <f t="shared" si="1001"/>
        <v>3128.5920000000001</v>
      </c>
      <c r="RQN54" s="7">
        <f t="shared" si="1001"/>
        <v>3128.5920000000001</v>
      </c>
      <c r="RQO54" s="7">
        <f t="shared" si="1001"/>
        <v>3128.5920000000001</v>
      </c>
      <c r="RQP54" s="7">
        <f t="shared" si="1001"/>
        <v>3128.5920000000001</v>
      </c>
      <c r="RQQ54" s="7">
        <f t="shared" si="1001"/>
        <v>3128.5920000000001</v>
      </c>
      <c r="RQR54" s="7">
        <f t="shared" si="1001"/>
        <v>3128.5920000000001</v>
      </c>
      <c r="RQS54" s="7">
        <f t="shared" si="1001"/>
        <v>3128.5920000000001</v>
      </c>
      <c r="RQT54" s="7">
        <f t="shared" si="1001"/>
        <v>3128.5920000000001</v>
      </c>
      <c r="RQU54" s="7">
        <f t="shared" si="1001"/>
        <v>3128.5920000000001</v>
      </c>
      <c r="RQV54" s="7">
        <f t="shared" si="1001"/>
        <v>3128.5920000000001</v>
      </c>
      <c r="RQW54" s="7">
        <f t="shared" si="1001"/>
        <v>3128.5920000000001</v>
      </c>
      <c r="RQX54" s="7">
        <f t="shared" si="1001"/>
        <v>3128.5920000000001</v>
      </c>
      <c r="RQY54" s="7">
        <f t="shared" si="1001"/>
        <v>3128.5920000000001</v>
      </c>
      <c r="RQZ54" s="7">
        <f t="shared" si="1001"/>
        <v>3128.5920000000001</v>
      </c>
      <c r="RRA54" s="7">
        <f t="shared" si="1001"/>
        <v>3128.5920000000001</v>
      </c>
      <c r="RRB54" s="7">
        <f t="shared" si="1001"/>
        <v>3128.5920000000001</v>
      </c>
      <c r="RRC54" s="7">
        <f t="shared" si="1001"/>
        <v>3128.5920000000001</v>
      </c>
      <c r="RRD54" s="7">
        <f t="shared" si="1001"/>
        <v>3128.5920000000001</v>
      </c>
      <c r="RRE54" s="7">
        <f t="shared" si="1001"/>
        <v>3128.5920000000001</v>
      </c>
      <c r="RRF54" s="7">
        <f t="shared" si="1001"/>
        <v>3128.5920000000001</v>
      </c>
      <c r="RRG54" s="7">
        <f t="shared" si="1001"/>
        <v>3128.5920000000001</v>
      </c>
      <c r="RRH54" s="7">
        <f t="shared" si="1001"/>
        <v>3128.5920000000001</v>
      </c>
      <c r="RRI54" s="7">
        <f t="shared" si="1001"/>
        <v>3128.5920000000001</v>
      </c>
      <c r="RRJ54" s="7">
        <f t="shared" si="1001"/>
        <v>3128.5920000000001</v>
      </c>
      <c r="RRK54" s="7">
        <f t="shared" si="1001"/>
        <v>3128.5920000000001</v>
      </c>
      <c r="RRL54" s="7">
        <f t="shared" si="1001"/>
        <v>3128.5920000000001</v>
      </c>
      <c r="RRM54" s="7">
        <f t="shared" si="1001"/>
        <v>3128.5920000000001</v>
      </c>
      <c r="RRN54" s="7">
        <f t="shared" si="1001"/>
        <v>3128.5920000000001</v>
      </c>
      <c r="RRO54" s="7">
        <f t="shared" si="1001"/>
        <v>3128.5920000000001</v>
      </c>
      <c r="RRP54" s="7">
        <f t="shared" si="1001"/>
        <v>3128.5920000000001</v>
      </c>
      <c r="RRQ54" s="7">
        <f t="shared" si="1001"/>
        <v>3128.5920000000001</v>
      </c>
      <c r="RRR54" s="7">
        <f t="shared" si="1001"/>
        <v>3128.5920000000001</v>
      </c>
      <c r="RRS54" s="7">
        <f t="shared" si="1001"/>
        <v>3128.5920000000001</v>
      </c>
      <c r="RRT54" s="7">
        <f t="shared" si="1001"/>
        <v>3128.5920000000001</v>
      </c>
      <c r="RRU54" s="7">
        <f t="shared" si="1001"/>
        <v>3128.5920000000001</v>
      </c>
      <c r="RRV54" s="7">
        <f t="shared" si="1001"/>
        <v>3128.5920000000001</v>
      </c>
      <c r="RRW54" s="7">
        <f t="shared" si="1001"/>
        <v>3128.5920000000001</v>
      </c>
      <c r="RRX54" s="7">
        <f t="shared" si="1001"/>
        <v>3128.5920000000001</v>
      </c>
      <c r="RRY54" s="7">
        <f t="shared" si="1001"/>
        <v>3128.5920000000001</v>
      </c>
      <c r="RRZ54" s="7">
        <f t="shared" si="1001"/>
        <v>3128.5920000000001</v>
      </c>
      <c r="RSA54" s="7">
        <f t="shared" si="1001"/>
        <v>3128.5920000000001</v>
      </c>
      <c r="RSB54" s="7">
        <f t="shared" si="1001"/>
        <v>3128.5920000000001</v>
      </c>
      <c r="RSC54" s="7">
        <f t="shared" si="1001"/>
        <v>3128.5920000000001</v>
      </c>
      <c r="RSD54" s="7">
        <f t="shared" si="1001"/>
        <v>3128.5920000000001</v>
      </c>
      <c r="RSE54" s="7">
        <f t="shared" si="1001"/>
        <v>3128.5920000000001</v>
      </c>
      <c r="RSF54" s="7">
        <f t="shared" si="1001"/>
        <v>3128.5920000000001</v>
      </c>
      <c r="RSG54" s="7">
        <f t="shared" si="1001"/>
        <v>3128.5920000000001</v>
      </c>
      <c r="RSH54" s="7">
        <f t="shared" si="1001"/>
        <v>3128.5920000000001</v>
      </c>
      <c r="RSI54" s="7">
        <f t="shared" si="1001"/>
        <v>3128.5920000000001</v>
      </c>
      <c r="RSJ54" s="7">
        <f t="shared" si="1001"/>
        <v>3128.5920000000001</v>
      </c>
      <c r="RSK54" s="7">
        <f t="shared" si="1001"/>
        <v>3128.5920000000001</v>
      </c>
      <c r="RSL54" s="7">
        <f t="shared" si="1001"/>
        <v>3128.5920000000001</v>
      </c>
      <c r="RSM54" s="7">
        <f t="shared" si="1001"/>
        <v>3128.5920000000001</v>
      </c>
      <c r="RSN54" s="7">
        <f t="shared" si="1001"/>
        <v>3128.5920000000001</v>
      </c>
      <c r="RSO54" s="7">
        <f t="shared" si="1001"/>
        <v>3128.5920000000001</v>
      </c>
      <c r="RSP54" s="7">
        <f t="shared" si="1001"/>
        <v>3128.5920000000001</v>
      </c>
      <c r="RSQ54" s="7">
        <f t="shared" si="1001"/>
        <v>3128.5920000000001</v>
      </c>
      <c r="RSR54" s="7">
        <f t="shared" si="1001"/>
        <v>3128.5920000000001</v>
      </c>
      <c r="RSS54" s="7">
        <f t="shared" si="1001"/>
        <v>3128.5920000000001</v>
      </c>
      <c r="RST54" s="7">
        <f t="shared" ref="RST54:RVE54" si="1002">RST49+RSS54</f>
        <v>3128.5920000000001</v>
      </c>
      <c r="RSU54" s="7">
        <f t="shared" si="1002"/>
        <v>3128.5920000000001</v>
      </c>
      <c r="RSV54" s="7">
        <f t="shared" si="1002"/>
        <v>3128.5920000000001</v>
      </c>
      <c r="RSW54" s="7">
        <f t="shared" si="1002"/>
        <v>3128.5920000000001</v>
      </c>
      <c r="RSX54" s="7">
        <f t="shared" si="1002"/>
        <v>3128.5920000000001</v>
      </c>
      <c r="RSY54" s="7">
        <f t="shared" si="1002"/>
        <v>3128.5920000000001</v>
      </c>
      <c r="RSZ54" s="7">
        <f t="shared" si="1002"/>
        <v>3128.5920000000001</v>
      </c>
      <c r="RTA54" s="7">
        <f t="shared" si="1002"/>
        <v>3128.5920000000001</v>
      </c>
      <c r="RTB54" s="7">
        <f t="shared" si="1002"/>
        <v>3128.5920000000001</v>
      </c>
      <c r="RTC54" s="7">
        <f t="shared" si="1002"/>
        <v>3128.5920000000001</v>
      </c>
      <c r="RTD54" s="7">
        <f t="shared" si="1002"/>
        <v>3128.5920000000001</v>
      </c>
      <c r="RTE54" s="7">
        <f t="shared" si="1002"/>
        <v>3128.5920000000001</v>
      </c>
      <c r="RTF54" s="7">
        <f t="shared" si="1002"/>
        <v>3128.5920000000001</v>
      </c>
      <c r="RTG54" s="7">
        <f t="shared" si="1002"/>
        <v>3128.5920000000001</v>
      </c>
      <c r="RTH54" s="7">
        <f t="shared" si="1002"/>
        <v>3128.5920000000001</v>
      </c>
      <c r="RTI54" s="7">
        <f t="shared" si="1002"/>
        <v>3128.5920000000001</v>
      </c>
      <c r="RTJ54" s="7">
        <f t="shared" si="1002"/>
        <v>3128.5920000000001</v>
      </c>
      <c r="RTK54" s="7">
        <f t="shared" si="1002"/>
        <v>3128.5920000000001</v>
      </c>
      <c r="RTL54" s="7">
        <f t="shared" si="1002"/>
        <v>3128.5920000000001</v>
      </c>
      <c r="RTM54" s="7">
        <f t="shared" si="1002"/>
        <v>3128.5920000000001</v>
      </c>
      <c r="RTN54" s="7">
        <f t="shared" si="1002"/>
        <v>3128.5920000000001</v>
      </c>
      <c r="RTO54" s="7">
        <f t="shared" si="1002"/>
        <v>3128.5920000000001</v>
      </c>
      <c r="RTP54" s="7">
        <f t="shared" si="1002"/>
        <v>3128.5920000000001</v>
      </c>
      <c r="RTQ54" s="7">
        <f t="shared" si="1002"/>
        <v>3128.5920000000001</v>
      </c>
      <c r="RTR54" s="7">
        <f t="shared" si="1002"/>
        <v>3128.5920000000001</v>
      </c>
      <c r="RTS54" s="7">
        <f t="shared" si="1002"/>
        <v>3128.5920000000001</v>
      </c>
      <c r="RTT54" s="7">
        <f t="shared" si="1002"/>
        <v>3128.5920000000001</v>
      </c>
      <c r="RTU54" s="7">
        <f t="shared" si="1002"/>
        <v>3128.5920000000001</v>
      </c>
      <c r="RTV54" s="7">
        <f t="shared" si="1002"/>
        <v>3128.5920000000001</v>
      </c>
      <c r="RTW54" s="7">
        <f t="shared" si="1002"/>
        <v>3128.5920000000001</v>
      </c>
      <c r="RTX54" s="7">
        <f t="shared" si="1002"/>
        <v>3128.5920000000001</v>
      </c>
      <c r="RTY54" s="7">
        <f t="shared" si="1002"/>
        <v>3128.5920000000001</v>
      </c>
      <c r="RTZ54" s="7">
        <f t="shared" si="1002"/>
        <v>3128.5920000000001</v>
      </c>
      <c r="RUA54" s="7">
        <f t="shared" si="1002"/>
        <v>3128.5920000000001</v>
      </c>
      <c r="RUB54" s="7">
        <f t="shared" si="1002"/>
        <v>3128.5920000000001</v>
      </c>
      <c r="RUC54" s="7">
        <f t="shared" si="1002"/>
        <v>3128.5920000000001</v>
      </c>
      <c r="RUD54" s="7">
        <f t="shared" si="1002"/>
        <v>3128.5920000000001</v>
      </c>
      <c r="RUE54" s="7">
        <f t="shared" si="1002"/>
        <v>3128.5920000000001</v>
      </c>
      <c r="RUF54" s="7">
        <f t="shared" si="1002"/>
        <v>3128.5920000000001</v>
      </c>
      <c r="RUG54" s="7">
        <f t="shared" si="1002"/>
        <v>3128.5920000000001</v>
      </c>
      <c r="RUH54" s="7">
        <f t="shared" si="1002"/>
        <v>3128.5920000000001</v>
      </c>
      <c r="RUI54" s="7">
        <f t="shared" si="1002"/>
        <v>3128.5920000000001</v>
      </c>
      <c r="RUJ54" s="7">
        <f t="shared" si="1002"/>
        <v>3128.5920000000001</v>
      </c>
      <c r="RUK54" s="7">
        <f t="shared" si="1002"/>
        <v>3128.5920000000001</v>
      </c>
      <c r="RUL54" s="7">
        <f t="shared" si="1002"/>
        <v>3128.5920000000001</v>
      </c>
      <c r="RUM54" s="7">
        <f t="shared" si="1002"/>
        <v>3128.5920000000001</v>
      </c>
      <c r="RUN54" s="7">
        <f t="shared" si="1002"/>
        <v>3128.5920000000001</v>
      </c>
      <c r="RUO54" s="7">
        <f t="shared" si="1002"/>
        <v>3128.5920000000001</v>
      </c>
      <c r="RUP54" s="7">
        <f t="shared" si="1002"/>
        <v>3128.5920000000001</v>
      </c>
      <c r="RUQ54" s="7">
        <f t="shared" si="1002"/>
        <v>3128.5920000000001</v>
      </c>
      <c r="RUR54" s="7">
        <f t="shared" si="1002"/>
        <v>3128.5920000000001</v>
      </c>
      <c r="RUS54" s="7">
        <f t="shared" si="1002"/>
        <v>3128.5920000000001</v>
      </c>
      <c r="RUT54" s="7">
        <f t="shared" si="1002"/>
        <v>3128.5920000000001</v>
      </c>
      <c r="RUU54" s="7">
        <f t="shared" si="1002"/>
        <v>3128.5920000000001</v>
      </c>
      <c r="RUV54" s="7">
        <f t="shared" si="1002"/>
        <v>3128.5920000000001</v>
      </c>
      <c r="RUW54" s="7">
        <f t="shared" si="1002"/>
        <v>3128.5920000000001</v>
      </c>
      <c r="RUX54" s="7">
        <f t="shared" si="1002"/>
        <v>3128.5920000000001</v>
      </c>
      <c r="RUY54" s="7">
        <f t="shared" si="1002"/>
        <v>3128.5920000000001</v>
      </c>
      <c r="RUZ54" s="7">
        <f t="shared" si="1002"/>
        <v>3128.5920000000001</v>
      </c>
      <c r="RVA54" s="7">
        <f t="shared" si="1002"/>
        <v>3128.5920000000001</v>
      </c>
      <c r="RVB54" s="7">
        <f t="shared" si="1002"/>
        <v>3128.5920000000001</v>
      </c>
      <c r="RVC54" s="7">
        <f t="shared" si="1002"/>
        <v>3128.5920000000001</v>
      </c>
      <c r="RVD54" s="7">
        <f t="shared" si="1002"/>
        <v>3128.5920000000001</v>
      </c>
      <c r="RVE54" s="7">
        <f t="shared" si="1002"/>
        <v>3128.5920000000001</v>
      </c>
      <c r="RVF54" s="7">
        <f t="shared" ref="RVF54:RXQ54" si="1003">RVF49+RVE54</f>
        <v>3128.5920000000001</v>
      </c>
      <c r="RVG54" s="7">
        <f t="shared" si="1003"/>
        <v>3128.5920000000001</v>
      </c>
      <c r="RVH54" s="7">
        <f t="shared" si="1003"/>
        <v>3128.5920000000001</v>
      </c>
      <c r="RVI54" s="7">
        <f t="shared" si="1003"/>
        <v>3128.5920000000001</v>
      </c>
      <c r="RVJ54" s="7">
        <f t="shared" si="1003"/>
        <v>3128.5920000000001</v>
      </c>
      <c r="RVK54" s="7">
        <f t="shared" si="1003"/>
        <v>3128.5920000000001</v>
      </c>
      <c r="RVL54" s="7">
        <f t="shared" si="1003"/>
        <v>3128.5920000000001</v>
      </c>
      <c r="RVM54" s="7">
        <f t="shared" si="1003"/>
        <v>3128.5920000000001</v>
      </c>
      <c r="RVN54" s="7">
        <f t="shared" si="1003"/>
        <v>3128.5920000000001</v>
      </c>
      <c r="RVO54" s="7">
        <f t="shared" si="1003"/>
        <v>3128.5920000000001</v>
      </c>
      <c r="RVP54" s="7">
        <f t="shared" si="1003"/>
        <v>3128.5920000000001</v>
      </c>
      <c r="RVQ54" s="7">
        <f t="shared" si="1003"/>
        <v>3128.5920000000001</v>
      </c>
      <c r="RVR54" s="7">
        <f t="shared" si="1003"/>
        <v>3128.5920000000001</v>
      </c>
      <c r="RVS54" s="7">
        <f t="shared" si="1003"/>
        <v>3128.5920000000001</v>
      </c>
      <c r="RVT54" s="7">
        <f t="shared" si="1003"/>
        <v>3128.5920000000001</v>
      </c>
      <c r="RVU54" s="7">
        <f t="shared" si="1003"/>
        <v>3128.5920000000001</v>
      </c>
      <c r="RVV54" s="7">
        <f t="shared" si="1003"/>
        <v>3128.5920000000001</v>
      </c>
      <c r="RVW54" s="7">
        <f t="shared" si="1003"/>
        <v>3128.5920000000001</v>
      </c>
      <c r="RVX54" s="7">
        <f t="shared" si="1003"/>
        <v>3128.5920000000001</v>
      </c>
      <c r="RVY54" s="7">
        <f t="shared" si="1003"/>
        <v>3128.5920000000001</v>
      </c>
      <c r="RVZ54" s="7">
        <f t="shared" si="1003"/>
        <v>3128.5920000000001</v>
      </c>
      <c r="RWA54" s="7">
        <f t="shared" si="1003"/>
        <v>3128.5920000000001</v>
      </c>
      <c r="RWB54" s="7">
        <f t="shared" si="1003"/>
        <v>3128.5920000000001</v>
      </c>
      <c r="RWC54" s="7">
        <f t="shared" si="1003"/>
        <v>3128.5920000000001</v>
      </c>
      <c r="RWD54" s="7">
        <f t="shared" si="1003"/>
        <v>3128.5920000000001</v>
      </c>
      <c r="RWE54" s="7">
        <f t="shared" si="1003"/>
        <v>3128.5920000000001</v>
      </c>
      <c r="RWF54" s="7">
        <f t="shared" si="1003"/>
        <v>3128.5920000000001</v>
      </c>
      <c r="RWG54" s="7">
        <f t="shared" si="1003"/>
        <v>3128.5920000000001</v>
      </c>
      <c r="RWH54" s="7">
        <f t="shared" si="1003"/>
        <v>3128.5920000000001</v>
      </c>
      <c r="RWI54" s="7">
        <f t="shared" si="1003"/>
        <v>3128.5920000000001</v>
      </c>
      <c r="RWJ54" s="7">
        <f t="shared" si="1003"/>
        <v>3128.5920000000001</v>
      </c>
      <c r="RWK54" s="7">
        <f t="shared" si="1003"/>
        <v>3128.5920000000001</v>
      </c>
      <c r="RWL54" s="7">
        <f t="shared" si="1003"/>
        <v>3128.5920000000001</v>
      </c>
      <c r="RWM54" s="7">
        <f t="shared" si="1003"/>
        <v>3128.5920000000001</v>
      </c>
      <c r="RWN54" s="7">
        <f t="shared" si="1003"/>
        <v>3128.5920000000001</v>
      </c>
      <c r="RWO54" s="7">
        <f t="shared" si="1003"/>
        <v>3128.5920000000001</v>
      </c>
      <c r="RWP54" s="7">
        <f t="shared" si="1003"/>
        <v>3128.5920000000001</v>
      </c>
      <c r="RWQ54" s="7">
        <f t="shared" si="1003"/>
        <v>3128.5920000000001</v>
      </c>
      <c r="RWR54" s="7">
        <f t="shared" si="1003"/>
        <v>3128.5920000000001</v>
      </c>
      <c r="RWS54" s="7">
        <f t="shared" si="1003"/>
        <v>3128.5920000000001</v>
      </c>
      <c r="RWT54" s="7">
        <f t="shared" si="1003"/>
        <v>3128.5920000000001</v>
      </c>
      <c r="RWU54" s="7">
        <f t="shared" si="1003"/>
        <v>3128.5920000000001</v>
      </c>
      <c r="RWV54" s="7">
        <f t="shared" si="1003"/>
        <v>3128.5920000000001</v>
      </c>
      <c r="RWW54" s="7">
        <f t="shared" si="1003"/>
        <v>3128.5920000000001</v>
      </c>
      <c r="RWX54" s="7">
        <f t="shared" si="1003"/>
        <v>3128.5920000000001</v>
      </c>
      <c r="RWY54" s="7">
        <f t="shared" si="1003"/>
        <v>3128.5920000000001</v>
      </c>
      <c r="RWZ54" s="7">
        <f t="shared" si="1003"/>
        <v>3128.5920000000001</v>
      </c>
      <c r="RXA54" s="7">
        <f t="shared" si="1003"/>
        <v>3128.5920000000001</v>
      </c>
      <c r="RXB54" s="7">
        <f t="shared" si="1003"/>
        <v>3128.5920000000001</v>
      </c>
      <c r="RXC54" s="7">
        <f t="shared" si="1003"/>
        <v>3128.5920000000001</v>
      </c>
      <c r="RXD54" s="7">
        <f t="shared" si="1003"/>
        <v>3128.5920000000001</v>
      </c>
      <c r="RXE54" s="7">
        <f t="shared" si="1003"/>
        <v>3128.5920000000001</v>
      </c>
      <c r="RXF54" s="7">
        <f t="shared" si="1003"/>
        <v>3128.5920000000001</v>
      </c>
      <c r="RXG54" s="7">
        <f t="shared" si="1003"/>
        <v>3128.5920000000001</v>
      </c>
      <c r="RXH54" s="7">
        <f t="shared" si="1003"/>
        <v>3128.5920000000001</v>
      </c>
      <c r="RXI54" s="7">
        <f t="shared" si="1003"/>
        <v>3128.5920000000001</v>
      </c>
      <c r="RXJ54" s="7">
        <f t="shared" si="1003"/>
        <v>3128.5920000000001</v>
      </c>
      <c r="RXK54" s="7">
        <f t="shared" si="1003"/>
        <v>3128.5920000000001</v>
      </c>
      <c r="RXL54" s="7">
        <f t="shared" si="1003"/>
        <v>3128.5920000000001</v>
      </c>
      <c r="RXM54" s="7">
        <f t="shared" si="1003"/>
        <v>3128.5920000000001</v>
      </c>
      <c r="RXN54" s="7">
        <f t="shared" si="1003"/>
        <v>3128.5920000000001</v>
      </c>
      <c r="RXO54" s="7">
        <f t="shared" si="1003"/>
        <v>3128.5920000000001</v>
      </c>
      <c r="RXP54" s="7">
        <f t="shared" si="1003"/>
        <v>3128.5920000000001</v>
      </c>
      <c r="RXQ54" s="7">
        <f t="shared" si="1003"/>
        <v>3128.5920000000001</v>
      </c>
      <c r="RXR54" s="7">
        <f t="shared" ref="RXR54:SAC54" si="1004">RXR49+RXQ54</f>
        <v>3128.5920000000001</v>
      </c>
      <c r="RXS54" s="7">
        <f t="shared" si="1004"/>
        <v>3128.5920000000001</v>
      </c>
      <c r="RXT54" s="7">
        <f t="shared" si="1004"/>
        <v>3128.5920000000001</v>
      </c>
      <c r="RXU54" s="7">
        <f t="shared" si="1004"/>
        <v>3128.5920000000001</v>
      </c>
      <c r="RXV54" s="7">
        <f t="shared" si="1004"/>
        <v>3128.5920000000001</v>
      </c>
      <c r="RXW54" s="7">
        <f t="shared" si="1004"/>
        <v>3128.5920000000001</v>
      </c>
      <c r="RXX54" s="7">
        <f t="shared" si="1004"/>
        <v>3128.5920000000001</v>
      </c>
      <c r="RXY54" s="7">
        <f t="shared" si="1004"/>
        <v>3128.5920000000001</v>
      </c>
      <c r="RXZ54" s="7">
        <f t="shared" si="1004"/>
        <v>3128.5920000000001</v>
      </c>
      <c r="RYA54" s="7">
        <f t="shared" si="1004"/>
        <v>3128.5920000000001</v>
      </c>
      <c r="RYB54" s="7">
        <f t="shared" si="1004"/>
        <v>3128.5920000000001</v>
      </c>
      <c r="RYC54" s="7">
        <f t="shared" si="1004"/>
        <v>3128.5920000000001</v>
      </c>
      <c r="RYD54" s="7">
        <f t="shared" si="1004"/>
        <v>3128.5920000000001</v>
      </c>
      <c r="RYE54" s="7">
        <f t="shared" si="1004"/>
        <v>3128.5920000000001</v>
      </c>
      <c r="RYF54" s="7">
        <f t="shared" si="1004"/>
        <v>3128.5920000000001</v>
      </c>
      <c r="RYG54" s="7">
        <f t="shared" si="1004"/>
        <v>3128.5920000000001</v>
      </c>
      <c r="RYH54" s="7">
        <f t="shared" si="1004"/>
        <v>3128.5920000000001</v>
      </c>
      <c r="RYI54" s="7">
        <f t="shared" si="1004"/>
        <v>3128.5920000000001</v>
      </c>
      <c r="RYJ54" s="7">
        <f t="shared" si="1004"/>
        <v>3128.5920000000001</v>
      </c>
      <c r="RYK54" s="7">
        <f t="shared" si="1004"/>
        <v>3128.5920000000001</v>
      </c>
      <c r="RYL54" s="7">
        <f t="shared" si="1004"/>
        <v>3128.5920000000001</v>
      </c>
      <c r="RYM54" s="7">
        <f t="shared" si="1004"/>
        <v>3128.5920000000001</v>
      </c>
      <c r="RYN54" s="7">
        <f t="shared" si="1004"/>
        <v>3128.5920000000001</v>
      </c>
      <c r="RYO54" s="7">
        <f t="shared" si="1004"/>
        <v>3128.5920000000001</v>
      </c>
      <c r="RYP54" s="7">
        <f t="shared" si="1004"/>
        <v>3128.5920000000001</v>
      </c>
      <c r="RYQ54" s="7">
        <f t="shared" si="1004"/>
        <v>3128.5920000000001</v>
      </c>
      <c r="RYR54" s="7">
        <f t="shared" si="1004"/>
        <v>3128.5920000000001</v>
      </c>
      <c r="RYS54" s="7">
        <f t="shared" si="1004"/>
        <v>3128.5920000000001</v>
      </c>
      <c r="RYT54" s="7">
        <f t="shared" si="1004"/>
        <v>3128.5920000000001</v>
      </c>
      <c r="RYU54" s="7">
        <f t="shared" si="1004"/>
        <v>3128.5920000000001</v>
      </c>
      <c r="RYV54" s="7">
        <f t="shared" si="1004"/>
        <v>3128.5920000000001</v>
      </c>
      <c r="RYW54" s="7">
        <f t="shared" si="1004"/>
        <v>3128.5920000000001</v>
      </c>
      <c r="RYX54" s="7">
        <f t="shared" si="1004"/>
        <v>3128.5920000000001</v>
      </c>
      <c r="RYY54" s="7">
        <f t="shared" si="1004"/>
        <v>3128.5920000000001</v>
      </c>
      <c r="RYZ54" s="7">
        <f t="shared" si="1004"/>
        <v>3128.5920000000001</v>
      </c>
      <c r="RZA54" s="7">
        <f t="shared" si="1004"/>
        <v>3128.5920000000001</v>
      </c>
      <c r="RZB54" s="7">
        <f t="shared" si="1004"/>
        <v>3128.5920000000001</v>
      </c>
      <c r="RZC54" s="7">
        <f t="shared" si="1004"/>
        <v>3128.5920000000001</v>
      </c>
      <c r="RZD54" s="7">
        <f t="shared" si="1004"/>
        <v>3128.5920000000001</v>
      </c>
      <c r="RZE54" s="7">
        <f t="shared" si="1004"/>
        <v>3128.5920000000001</v>
      </c>
      <c r="RZF54" s="7">
        <f t="shared" si="1004"/>
        <v>3128.5920000000001</v>
      </c>
      <c r="RZG54" s="7">
        <f t="shared" si="1004"/>
        <v>3128.5920000000001</v>
      </c>
      <c r="RZH54" s="7">
        <f t="shared" si="1004"/>
        <v>3128.5920000000001</v>
      </c>
      <c r="RZI54" s="7">
        <f t="shared" si="1004"/>
        <v>3128.5920000000001</v>
      </c>
      <c r="RZJ54" s="7">
        <f t="shared" si="1004"/>
        <v>3128.5920000000001</v>
      </c>
      <c r="RZK54" s="7">
        <f t="shared" si="1004"/>
        <v>3128.5920000000001</v>
      </c>
      <c r="RZL54" s="7">
        <f t="shared" si="1004"/>
        <v>3128.5920000000001</v>
      </c>
      <c r="RZM54" s="7">
        <f t="shared" si="1004"/>
        <v>3128.5920000000001</v>
      </c>
      <c r="RZN54" s="7">
        <f t="shared" si="1004"/>
        <v>3128.5920000000001</v>
      </c>
      <c r="RZO54" s="7">
        <f t="shared" si="1004"/>
        <v>3128.5920000000001</v>
      </c>
      <c r="RZP54" s="7">
        <f t="shared" si="1004"/>
        <v>3128.5920000000001</v>
      </c>
      <c r="RZQ54" s="7">
        <f t="shared" si="1004"/>
        <v>3128.5920000000001</v>
      </c>
      <c r="RZR54" s="7">
        <f t="shared" si="1004"/>
        <v>3128.5920000000001</v>
      </c>
      <c r="RZS54" s="7">
        <f t="shared" si="1004"/>
        <v>3128.5920000000001</v>
      </c>
      <c r="RZT54" s="7">
        <f t="shared" si="1004"/>
        <v>3128.5920000000001</v>
      </c>
      <c r="RZU54" s="7">
        <f t="shared" si="1004"/>
        <v>3128.5920000000001</v>
      </c>
      <c r="RZV54" s="7">
        <f t="shared" si="1004"/>
        <v>3128.5920000000001</v>
      </c>
      <c r="RZW54" s="7">
        <f t="shared" si="1004"/>
        <v>3128.5920000000001</v>
      </c>
      <c r="RZX54" s="7">
        <f t="shared" si="1004"/>
        <v>3128.5920000000001</v>
      </c>
      <c r="RZY54" s="7">
        <f t="shared" si="1004"/>
        <v>3128.5920000000001</v>
      </c>
      <c r="RZZ54" s="7">
        <f t="shared" si="1004"/>
        <v>3128.5920000000001</v>
      </c>
      <c r="SAA54" s="7">
        <f t="shared" si="1004"/>
        <v>3128.5920000000001</v>
      </c>
      <c r="SAB54" s="7">
        <f t="shared" si="1004"/>
        <v>3128.5920000000001</v>
      </c>
      <c r="SAC54" s="7">
        <f t="shared" si="1004"/>
        <v>3128.5920000000001</v>
      </c>
      <c r="SAD54" s="7">
        <f t="shared" ref="SAD54:SCO54" si="1005">SAD49+SAC54</f>
        <v>3128.5920000000001</v>
      </c>
      <c r="SAE54" s="7">
        <f t="shared" si="1005"/>
        <v>3128.5920000000001</v>
      </c>
      <c r="SAF54" s="7">
        <f t="shared" si="1005"/>
        <v>3128.5920000000001</v>
      </c>
      <c r="SAG54" s="7">
        <f t="shared" si="1005"/>
        <v>3128.5920000000001</v>
      </c>
      <c r="SAH54" s="7">
        <f t="shared" si="1005"/>
        <v>3128.5920000000001</v>
      </c>
      <c r="SAI54" s="7">
        <f t="shared" si="1005"/>
        <v>3128.5920000000001</v>
      </c>
      <c r="SAJ54" s="7">
        <f t="shared" si="1005"/>
        <v>3128.5920000000001</v>
      </c>
      <c r="SAK54" s="7">
        <f t="shared" si="1005"/>
        <v>3128.5920000000001</v>
      </c>
      <c r="SAL54" s="7">
        <f t="shared" si="1005"/>
        <v>3128.5920000000001</v>
      </c>
      <c r="SAM54" s="7">
        <f t="shared" si="1005"/>
        <v>3128.5920000000001</v>
      </c>
      <c r="SAN54" s="7">
        <f t="shared" si="1005"/>
        <v>3128.5920000000001</v>
      </c>
      <c r="SAO54" s="7">
        <f t="shared" si="1005"/>
        <v>3128.5920000000001</v>
      </c>
      <c r="SAP54" s="7">
        <f t="shared" si="1005"/>
        <v>3128.5920000000001</v>
      </c>
      <c r="SAQ54" s="7">
        <f t="shared" si="1005"/>
        <v>3128.5920000000001</v>
      </c>
      <c r="SAR54" s="7">
        <f t="shared" si="1005"/>
        <v>3128.5920000000001</v>
      </c>
      <c r="SAS54" s="7">
        <f t="shared" si="1005"/>
        <v>3128.5920000000001</v>
      </c>
      <c r="SAT54" s="7">
        <f t="shared" si="1005"/>
        <v>3128.5920000000001</v>
      </c>
      <c r="SAU54" s="7">
        <f t="shared" si="1005"/>
        <v>3128.5920000000001</v>
      </c>
      <c r="SAV54" s="7">
        <f t="shared" si="1005"/>
        <v>3128.5920000000001</v>
      </c>
      <c r="SAW54" s="7">
        <f t="shared" si="1005"/>
        <v>3128.5920000000001</v>
      </c>
      <c r="SAX54" s="7">
        <f t="shared" si="1005"/>
        <v>3128.5920000000001</v>
      </c>
      <c r="SAY54" s="7">
        <f t="shared" si="1005"/>
        <v>3128.5920000000001</v>
      </c>
      <c r="SAZ54" s="7">
        <f t="shared" si="1005"/>
        <v>3128.5920000000001</v>
      </c>
      <c r="SBA54" s="7">
        <f t="shared" si="1005"/>
        <v>3128.5920000000001</v>
      </c>
      <c r="SBB54" s="7">
        <f t="shared" si="1005"/>
        <v>3128.5920000000001</v>
      </c>
      <c r="SBC54" s="7">
        <f t="shared" si="1005"/>
        <v>3128.5920000000001</v>
      </c>
      <c r="SBD54" s="7">
        <f t="shared" si="1005"/>
        <v>3128.5920000000001</v>
      </c>
      <c r="SBE54" s="7">
        <f t="shared" si="1005"/>
        <v>3128.5920000000001</v>
      </c>
      <c r="SBF54" s="7">
        <f t="shared" si="1005"/>
        <v>3128.5920000000001</v>
      </c>
      <c r="SBG54" s="7">
        <f t="shared" si="1005"/>
        <v>3128.5920000000001</v>
      </c>
      <c r="SBH54" s="7">
        <f t="shared" si="1005"/>
        <v>3128.5920000000001</v>
      </c>
      <c r="SBI54" s="7">
        <f t="shared" si="1005"/>
        <v>3128.5920000000001</v>
      </c>
      <c r="SBJ54" s="7">
        <f t="shared" si="1005"/>
        <v>3128.5920000000001</v>
      </c>
      <c r="SBK54" s="7">
        <f t="shared" si="1005"/>
        <v>3128.5920000000001</v>
      </c>
      <c r="SBL54" s="7">
        <f t="shared" si="1005"/>
        <v>3128.5920000000001</v>
      </c>
      <c r="SBM54" s="7">
        <f t="shared" si="1005"/>
        <v>3128.5920000000001</v>
      </c>
      <c r="SBN54" s="7">
        <f t="shared" si="1005"/>
        <v>3128.5920000000001</v>
      </c>
      <c r="SBO54" s="7">
        <f t="shared" si="1005"/>
        <v>3128.5920000000001</v>
      </c>
      <c r="SBP54" s="7">
        <f t="shared" si="1005"/>
        <v>3128.5920000000001</v>
      </c>
      <c r="SBQ54" s="7">
        <f t="shared" si="1005"/>
        <v>3128.5920000000001</v>
      </c>
      <c r="SBR54" s="7">
        <f t="shared" si="1005"/>
        <v>3128.5920000000001</v>
      </c>
      <c r="SBS54" s="7">
        <f t="shared" si="1005"/>
        <v>3128.5920000000001</v>
      </c>
      <c r="SBT54" s="7">
        <f t="shared" si="1005"/>
        <v>3128.5920000000001</v>
      </c>
      <c r="SBU54" s="7">
        <f t="shared" si="1005"/>
        <v>3128.5920000000001</v>
      </c>
      <c r="SBV54" s="7">
        <f t="shared" si="1005"/>
        <v>3128.5920000000001</v>
      </c>
      <c r="SBW54" s="7">
        <f t="shared" si="1005"/>
        <v>3128.5920000000001</v>
      </c>
      <c r="SBX54" s="7">
        <f t="shared" si="1005"/>
        <v>3128.5920000000001</v>
      </c>
      <c r="SBY54" s="7">
        <f t="shared" si="1005"/>
        <v>3128.5920000000001</v>
      </c>
      <c r="SBZ54" s="7">
        <f t="shared" si="1005"/>
        <v>3128.5920000000001</v>
      </c>
      <c r="SCA54" s="7">
        <f t="shared" si="1005"/>
        <v>3128.5920000000001</v>
      </c>
      <c r="SCB54" s="7">
        <f t="shared" si="1005"/>
        <v>3128.5920000000001</v>
      </c>
      <c r="SCC54" s="7">
        <f t="shared" si="1005"/>
        <v>3128.5920000000001</v>
      </c>
      <c r="SCD54" s="7">
        <f t="shared" si="1005"/>
        <v>3128.5920000000001</v>
      </c>
      <c r="SCE54" s="7">
        <f t="shared" si="1005"/>
        <v>3128.5920000000001</v>
      </c>
      <c r="SCF54" s="7">
        <f t="shared" si="1005"/>
        <v>3128.5920000000001</v>
      </c>
      <c r="SCG54" s="7">
        <f t="shared" si="1005"/>
        <v>3128.5920000000001</v>
      </c>
      <c r="SCH54" s="7">
        <f t="shared" si="1005"/>
        <v>3128.5920000000001</v>
      </c>
      <c r="SCI54" s="7">
        <f t="shared" si="1005"/>
        <v>3128.5920000000001</v>
      </c>
      <c r="SCJ54" s="7">
        <f t="shared" si="1005"/>
        <v>3128.5920000000001</v>
      </c>
      <c r="SCK54" s="7">
        <f t="shared" si="1005"/>
        <v>3128.5920000000001</v>
      </c>
      <c r="SCL54" s="7">
        <f t="shared" si="1005"/>
        <v>3128.5920000000001</v>
      </c>
      <c r="SCM54" s="7">
        <f t="shared" si="1005"/>
        <v>3128.5920000000001</v>
      </c>
      <c r="SCN54" s="7">
        <f t="shared" si="1005"/>
        <v>3128.5920000000001</v>
      </c>
      <c r="SCO54" s="7">
        <f t="shared" si="1005"/>
        <v>3128.5920000000001</v>
      </c>
      <c r="SCP54" s="7">
        <f t="shared" ref="SCP54:SFA54" si="1006">SCP49+SCO54</f>
        <v>3128.5920000000001</v>
      </c>
      <c r="SCQ54" s="7">
        <f t="shared" si="1006"/>
        <v>3128.5920000000001</v>
      </c>
      <c r="SCR54" s="7">
        <f t="shared" si="1006"/>
        <v>3128.5920000000001</v>
      </c>
      <c r="SCS54" s="7">
        <f t="shared" si="1006"/>
        <v>3128.5920000000001</v>
      </c>
      <c r="SCT54" s="7">
        <f t="shared" si="1006"/>
        <v>3128.5920000000001</v>
      </c>
      <c r="SCU54" s="7">
        <f t="shared" si="1006"/>
        <v>3128.5920000000001</v>
      </c>
      <c r="SCV54" s="7">
        <f t="shared" si="1006"/>
        <v>3128.5920000000001</v>
      </c>
      <c r="SCW54" s="7">
        <f t="shared" si="1006"/>
        <v>3128.5920000000001</v>
      </c>
      <c r="SCX54" s="7">
        <f t="shared" si="1006"/>
        <v>3128.5920000000001</v>
      </c>
      <c r="SCY54" s="7">
        <f t="shared" si="1006"/>
        <v>3128.5920000000001</v>
      </c>
      <c r="SCZ54" s="7">
        <f t="shared" si="1006"/>
        <v>3128.5920000000001</v>
      </c>
      <c r="SDA54" s="7">
        <f t="shared" si="1006"/>
        <v>3128.5920000000001</v>
      </c>
      <c r="SDB54" s="7">
        <f t="shared" si="1006"/>
        <v>3128.5920000000001</v>
      </c>
      <c r="SDC54" s="7">
        <f t="shared" si="1006"/>
        <v>3128.5920000000001</v>
      </c>
      <c r="SDD54" s="7">
        <f t="shared" si="1006"/>
        <v>3128.5920000000001</v>
      </c>
      <c r="SDE54" s="7">
        <f t="shared" si="1006"/>
        <v>3128.5920000000001</v>
      </c>
      <c r="SDF54" s="7">
        <f t="shared" si="1006"/>
        <v>3128.5920000000001</v>
      </c>
      <c r="SDG54" s="7">
        <f t="shared" si="1006"/>
        <v>3128.5920000000001</v>
      </c>
      <c r="SDH54" s="7">
        <f t="shared" si="1006"/>
        <v>3128.5920000000001</v>
      </c>
      <c r="SDI54" s="7">
        <f t="shared" si="1006"/>
        <v>3128.5920000000001</v>
      </c>
      <c r="SDJ54" s="7">
        <f t="shared" si="1006"/>
        <v>3128.5920000000001</v>
      </c>
      <c r="SDK54" s="7">
        <f t="shared" si="1006"/>
        <v>3128.5920000000001</v>
      </c>
      <c r="SDL54" s="7">
        <f t="shared" si="1006"/>
        <v>3128.5920000000001</v>
      </c>
      <c r="SDM54" s="7">
        <f t="shared" si="1006"/>
        <v>3128.5920000000001</v>
      </c>
      <c r="SDN54" s="7">
        <f t="shared" si="1006"/>
        <v>3128.5920000000001</v>
      </c>
      <c r="SDO54" s="7">
        <f t="shared" si="1006"/>
        <v>3128.5920000000001</v>
      </c>
      <c r="SDP54" s="7">
        <f t="shared" si="1006"/>
        <v>3128.5920000000001</v>
      </c>
      <c r="SDQ54" s="7">
        <f t="shared" si="1006"/>
        <v>3128.5920000000001</v>
      </c>
      <c r="SDR54" s="7">
        <f t="shared" si="1006"/>
        <v>3128.5920000000001</v>
      </c>
      <c r="SDS54" s="7">
        <f t="shared" si="1006"/>
        <v>3128.5920000000001</v>
      </c>
      <c r="SDT54" s="7">
        <f t="shared" si="1006"/>
        <v>3128.5920000000001</v>
      </c>
      <c r="SDU54" s="7">
        <f t="shared" si="1006"/>
        <v>3128.5920000000001</v>
      </c>
      <c r="SDV54" s="7">
        <f t="shared" si="1006"/>
        <v>3128.5920000000001</v>
      </c>
      <c r="SDW54" s="7">
        <f t="shared" si="1006"/>
        <v>3128.5920000000001</v>
      </c>
      <c r="SDX54" s="7">
        <f t="shared" si="1006"/>
        <v>3128.5920000000001</v>
      </c>
      <c r="SDY54" s="7">
        <f t="shared" si="1006"/>
        <v>3128.5920000000001</v>
      </c>
      <c r="SDZ54" s="7">
        <f t="shared" si="1006"/>
        <v>3128.5920000000001</v>
      </c>
      <c r="SEA54" s="7">
        <f t="shared" si="1006"/>
        <v>3128.5920000000001</v>
      </c>
      <c r="SEB54" s="7">
        <f t="shared" si="1006"/>
        <v>3128.5920000000001</v>
      </c>
      <c r="SEC54" s="7">
        <f t="shared" si="1006"/>
        <v>3128.5920000000001</v>
      </c>
      <c r="SED54" s="7">
        <f t="shared" si="1006"/>
        <v>3128.5920000000001</v>
      </c>
      <c r="SEE54" s="7">
        <f t="shared" si="1006"/>
        <v>3128.5920000000001</v>
      </c>
      <c r="SEF54" s="7">
        <f t="shared" si="1006"/>
        <v>3128.5920000000001</v>
      </c>
      <c r="SEG54" s="7">
        <f t="shared" si="1006"/>
        <v>3128.5920000000001</v>
      </c>
      <c r="SEH54" s="7">
        <f t="shared" si="1006"/>
        <v>3128.5920000000001</v>
      </c>
      <c r="SEI54" s="7">
        <f t="shared" si="1006"/>
        <v>3128.5920000000001</v>
      </c>
      <c r="SEJ54" s="7">
        <f t="shared" si="1006"/>
        <v>3128.5920000000001</v>
      </c>
      <c r="SEK54" s="7">
        <f t="shared" si="1006"/>
        <v>3128.5920000000001</v>
      </c>
      <c r="SEL54" s="7">
        <f t="shared" si="1006"/>
        <v>3128.5920000000001</v>
      </c>
      <c r="SEM54" s="7">
        <f t="shared" si="1006"/>
        <v>3128.5920000000001</v>
      </c>
      <c r="SEN54" s="7">
        <f t="shared" si="1006"/>
        <v>3128.5920000000001</v>
      </c>
      <c r="SEO54" s="7">
        <f t="shared" si="1006"/>
        <v>3128.5920000000001</v>
      </c>
      <c r="SEP54" s="7">
        <f t="shared" si="1006"/>
        <v>3128.5920000000001</v>
      </c>
      <c r="SEQ54" s="7">
        <f t="shared" si="1006"/>
        <v>3128.5920000000001</v>
      </c>
      <c r="SER54" s="7">
        <f t="shared" si="1006"/>
        <v>3128.5920000000001</v>
      </c>
      <c r="SES54" s="7">
        <f t="shared" si="1006"/>
        <v>3128.5920000000001</v>
      </c>
      <c r="SET54" s="7">
        <f t="shared" si="1006"/>
        <v>3128.5920000000001</v>
      </c>
      <c r="SEU54" s="7">
        <f t="shared" si="1006"/>
        <v>3128.5920000000001</v>
      </c>
      <c r="SEV54" s="7">
        <f t="shared" si="1006"/>
        <v>3128.5920000000001</v>
      </c>
      <c r="SEW54" s="7">
        <f t="shared" si="1006"/>
        <v>3128.5920000000001</v>
      </c>
      <c r="SEX54" s="7">
        <f t="shared" si="1006"/>
        <v>3128.5920000000001</v>
      </c>
      <c r="SEY54" s="7">
        <f t="shared" si="1006"/>
        <v>3128.5920000000001</v>
      </c>
      <c r="SEZ54" s="7">
        <f t="shared" si="1006"/>
        <v>3128.5920000000001</v>
      </c>
      <c r="SFA54" s="7">
        <f t="shared" si="1006"/>
        <v>3128.5920000000001</v>
      </c>
      <c r="SFB54" s="7">
        <f t="shared" ref="SFB54:SHM54" si="1007">SFB49+SFA54</f>
        <v>3128.5920000000001</v>
      </c>
      <c r="SFC54" s="7">
        <f t="shared" si="1007"/>
        <v>3128.5920000000001</v>
      </c>
      <c r="SFD54" s="7">
        <f t="shared" si="1007"/>
        <v>3128.5920000000001</v>
      </c>
      <c r="SFE54" s="7">
        <f t="shared" si="1007"/>
        <v>3128.5920000000001</v>
      </c>
      <c r="SFF54" s="7">
        <f t="shared" si="1007"/>
        <v>3128.5920000000001</v>
      </c>
      <c r="SFG54" s="7">
        <f t="shared" si="1007"/>
        <v>3128.5920000000001</v>
      </c>
      <c r="SFH54" s="7">
        <f t="shared" si="1007"/>
        <v>3128.5920000000001</v>
      </c>
      <c r="SFI54" s="7">
        <f t="shared" si="1007"/>
        <v>3128.5920000000001</v>
      </c>
      <c r="SFJ54" s="7">
        <f t="shared" si="1007"/>
        <v>3128.5920000000001</v>
      </c>
      <c r="SFK54" s="7">
        <f t="shared" si="1007"/>
        <v>3128.5920000000001</v>
      </c>
      <c r="SFL54" s="7">
        <f t="shared" si="1007"/>
        <v>3128.5920000000001</v>
      </c>
      <c r="SFM54" s="7">
        <f t="shared" si="1007"/>
        <v>3128.5920000000001</v>
      </c>
      <c r="SFN54" s="7">
        <f t="shared" si="1007"/>
        <v>3128.5920000000001</v>
      </c>
      <c r="SFO54" s="7">
        <f t="shared" si="1007"/>
        <v>3128.5920000000001</v>
      </c>
      <c r="SFP54" s="7">
        <f t="shared" si="1007"/>
        <v>3128.5920000000001</v>
      </c>
      <c r="SFQ54" s="7">
        <f t="shared" si="1007"/>
        <v>3128.5920000000001</v>
      </c>
      <c r="SFR54" s="7">
        <f t="shared" si="1007"/>
        <v>3128.5920000000001</v>
      </c>
      <c r="SFS54" s="7">
        <f t="shared" si="1007"/>
        <v>3128.5920000000001</v>
      </c>
      <c r="SFT54" s="7">
        <f t="shared" si="1007"/>
        <v>3128.5920000000001</v>
      </c>
      <c r="SFU54" s="7">
        <f t="shared" si="1007"/>
        <v>3128.5920000000001</v>
      </c>
      <c r="SFV54" s="7">
        <f t="shared" si="1007"/>
        <v>3128.5920000000001</v>
      </c>
      <c r="SFW54" s="7">
        <f t="shared" si="1007"/>
        <v>3128.5920000000001</v>
      </c>
      <c r="SFX54" s="7">
        <f t="shared" si="1007"/>
        <v>3128.5920000000001</v>
      </c>
      <c r="SFY54" s="7">
        <f t="shared" si="1007"/>
        <v>3128.5920000000001</v>
      </c>
      <c r="SFZ54" s="7">
        <f t="shared" si="1007"/>
        <v>3128.5920000000001</v>
      </c>
      <c r="SGA54" s="7">
        <f t="shared" si="1007"/>
        <v>3128.5920000000001</v>
      </c>
      <c r="SGB54" s="7">
        <f t="shared" si="1007"/>
        <v>3128.5920000000001</v>
      </c>
      <c r="SGC54" s="7">
        <f t="shared" si="1007"/>
        <v>3128.5920000000001</v>
      </c>
      <c r="SGD54" s="7">
        <f t="shared" si="1007"/>
        <v>3128.5920000000001</v>
      </c>
      <c r="SGE54" s="7">
        <f t="shared" si="1007"/>
        <v>3128.5920000000001</v>
      </c>
      <c r="SGF54" s="7">
        <f t="shared" si="1007"/>
        <v>3128.5920000000001</v>
      </c>
      <c r="SGG54" s="7">
        <f t="shared" si="1007"/>
        <v>3128.5920000000001</v>
      </c>
      <c r="SGH54" s="7">
        <f t="shared" si="1007"/>
        <v>3128.5920000000001</v>
      </c>
      <c r="SGI54" s="7">
        <f t="shared" si="1007"/>
        <v>3128.5920000000001</v>
      </c>
      <c r="SGJ54" s="7">
        <f t="shared" si="1007"/>
        <v>3128.5920000000001</v>
      </c>
      <c r="SGK54" s="7">
        <f t="shared" si="1007"/>
        <v>3128.5920000000001</v>
      </c>
      <c r="SGL54" s="7">
        <f t="shared" si="1007"/>
        <v>3128.5920000000001</v>
      </c>
      <c r="SGM54" s="7">
        <f t="shared" si="1007"/>
        <v>3128.5920000000001</v>
      </c>
      <c r="SGN54" s="7">
        <f t="shared" si="1007"/>
        <v>3128.5920000000001</v>
      </c>
      <c r="SGO54" s="7">
        <f t="shared" si="1007"/>
        <v>3128.5920000000001</v>
      </c>
      <c r="SGP54" s="7">
        <f t="shared" si="1007"/>
        <v>3128.5920000000001</v>
      </c>
      <c r="SGQ54" s="7">
        <f t="shared" si="1007"/>
        <v>3128.5920000000001</v>
      </c>
      <c r="SGR54" s="7">
        <f t="shared" si="1007"/>
        <v>3128.5920000000001</v>
      </c>
      <c r="SGS54" s="7">
        <f t="shared" si="1007"/>
        <v>3128.5920000000001</v>
      </c>
      <c r="SGT54" s="7">
        <f t="shared" si="1007"/>
        <v>3128.5920000000001</v>
      </c>
      <c r="SGU54" s="7">
        <f t="shared" si="1007"/>
        <v>3128.5920000000001</v>
      </c>
      <c r="SGV54" s="7">
        <f t="shared" si="1007"/>
        <v>3128.5920000000001</v>
      </c>
      <c r="SGW54" s="7">
        <f t="shared" si="1007"/>
        <v>3128.5920000000001</v>
      </c>
      <c r="SGX54" s="7">
        <f t="shared" si="1007"/>
        <v>3128.5920000000001</v>
      </c>
      <c r="SGY54" s="7">
        <f t="shared" si="1007"/>
        <v>3128.5920000000001</v>
      </c>
      <c r="SGZ54" s="7">
        <f t="shared" si="1007"/>
        <v>3128.5920000000001</v>
      </c>
      <c r="SHA54" s="7">
        <f t="shared" si="1007"/>
        <v>3128.5920000000001</v>
      </c>
      <c r="SHB54" s="7">
        <f t="shared" si="1007"/>
        <v>3128.5920000000001</v>
      </c>
      <c r="SHC54" s="7">
        <f t="shared" si="1007"/>
        <v>3128.5920000000001</v>
      </c>
      <c r="SHD54" s="7">
        <f t="shared" si="1007"/>
        <v>3128.5920000000001</v>
      </c>
      <c r="SHE54" s="7">
        <f t="shared" si="1007"/>
        <v>3128.5920000000001</v>
      </c>
      <c r="SHF54" s="7">
        <f t="shared" si="1007"/>
        <v>3128.5920000000001</v>
      </c>
      <c r="SHG54" s="7">
        <f t="shared" si="1007"/>
        <v>3128.5920000000001</v>
      </c>
      <c r="SHH54" s="7">
        <f t="shared" si="1007"/>
        <v>3128.5920000000001</v>
      </c>
      <c r="SHI54" s="7">
        <f t="shared" si="1007"/>
        <v>3128.5920000000001</v>
      </c>
      <c r="SHJ54" s="7">
        <f t="shared" si="1007"/>
        <v>3128.5920000000001</v>
      </c>
      <c r="SHK54" s="7">
        <f t="shared" si="1007"/>
        <v>3128.5920000000001</v>
      </c>
      <c r="SHL54" s="7">
        <f t="shared" si="1007"/>
        <v>3128.5920000000001</v>
      </c>
      <c r="SHM54" s="7">
        <f t="shared" si="1007"/>
        <v>3128.5920000000001</v>
      </c>
      <c r="SHN54" s="7">
        <f t="shared" ref="SHN54:SJY54" si="1008">SHN49+SHM54</f>
        <v>3128.5920000000001</v>
      </c>
      <c r="SHO54" s="7">
        <f t="shared" si="1008"/>
        <v>3128.5920000000001</v>
      </c>
      <c r="SHP54" s="7">
        <f t="shared" si="1008"/>
        <v>3128.5920000000001</v>
      </c>
      <c r="SHQ54" s="7">
        <f t="shared" si="1008"/>
        <v>3128.5920000000001</v>
      </c>
      <c r="SHR54" s="7">
        <f t="shared" si="1008"/>
        <v>3128.5920000000001</v>
      </c>
      <c r="SHS54" s="7">
        <f t="shared" si="1008"/>
        <v>3128.5920000000001</v>
      </c>
      <c r="SHT54" s="7">
        <f t="shared" si="1008"/>
        <v>3128.5920000000001</v>
      </c>
      <c r="SHU54" s="7">
        <f t="shared" si="1008"/>
        <v>3128.5920000000001</v>
      </c>
      <c r="SHV54" s="7">
        <f t="shared" si="1008"/>
        <v>3128.5920000000001</v>
      </c>
      <c r="SHW54" s="7">
        <f t="shared" si="1008"/>
        <v>3128.5920000000001</v>
      </c>
      <c r="SHX54" s="7">
        <f t="shared" si="1008"/>
        <v>3128.5920000000001</v>
      </c>
      <c r="SHY54" s="7">
        <f t="shared" si="1008"/>
        <v>3128.5920000000001</v>
      </c>
      <c r="SHZ54" s="7">
        <f t="shared" si="1008"/>
        <v>3128.5920000000001</v>
      </c>
      <c r="SIA54" s="7">
        <f t="shared" si="1008"/>
        <v>3128.5920000000001</v>
      </c>
      <c r="SIB54" s="7">
        <f t="shared" si="1008"/>
        <v>3128.5920000000001</v>
      </c>
      <c r="SIC54" s="7">
        <f t="shared" si="1008"/>
        <v>3128.5920000000001</v>
      </c>
      <c r="SID54" s="7">
        <f t="shared" si="1008"/>
        <v>3128.5920000000001</v>
      </c>
      <c r="SIE54" s="7">
        <f t="shared" si="1008"/>
        <v>3128.5920000000001</v>
      </c>
      <c r="SIF54" s="7">
        <f t="shared" si="1008"/>
        <v>3128.5920000000001</v>
      </c>
      <c r="SIG54" s="7">
        <f t="shared" si="1008"/>
        <v>3128.5920000000001</v>
      </c>
      <c r="SIH54" s="7">
        <f t="shared" si="1008"/>
        <v>3128.5920000000001</v>
      </c>
      <c r="SII54" s="7">
        <f t="shared" si="1008"/>
        <v>3128.5920000000001</v>
      </c>
      <c r="SIJ54" s="7">
        <f t="shared" si="1008"/>
        <v>3128.5920000000001</v>
      </c>
      <c r="SIK54" s="7">
        <f t="shared" si="1008"/>
        <v>3128.5920000000001</v>
      </c>
      <c r="SIL54" s="7">
        <f t="shared" si="1008"/>
        <v>3128.5920000000001</v>
      </c>
      <c r="SIM54" s="7">
        <f t="shared" si="1008"/>
        <v>3128.5920000000001</v>
      </c>
      <c r="SIN54" s="7">
        <f t="shared" si="1008"/>
        <v>3128.5920000000001</v>
      </c>
      <c r="SIO54" s="7">
        <f t="shared" si="1008"/>
        <v>3128.5920000000001</v>
      </c>
      <c r="SIP54" s="7">
        <f t="shared" si="1008"/>
        <v>3128.5920000000001</v>
      </c>
      <c r="SIQ54" s="7">
        <f t="shared" si="1008"/>
        <v>3128.5920000000001</v>
      </c>
      <c r="SIR54" s="7">
        <f t="shared" si="1008"/>
        <v>3128.5920000000001</v>
      </c>
      <c r="SIS54" s="7">
        <f t="shared" si="1008"/>
        <v>3128.5920000000001</v>
      </c>
      <c r="SIT54" s="7">
        <f t="shared" si="1008"/>
        <v>3128.5920000000001</v>
      </c>
      <c r="SIU54" s="7">
        <f t="shared" si="1008"/>
        <v>3128.5920000000001</v>
      </c>
      <c r="SIV54" s="7">
        <f t="shared" si="1008"/>
        <v>3128.5920000000001</v>
      </c>
      <c r="SIW54" s="7">
        <f t="shared" si="1008"/>
        <v>3128.5920000000001</v>
      </c>
      <c r="SIX54" s="7">
        <f t="shared" si="1008"/>
        <v>3128.5920000000001</v>
      </c>
      <c r="SIY54" s="7">
        <f t="shared" si="1008"/>
        <v>3128.5920000000001</v>
      </c>
      <c r="SIZ54" s="7">
        <f t="shared" si="1008"/>
        <v>3128.5920000000001</v>
      </c>
      <c r="SJA54" s="7">
        <f t="shared" si="1008"/>
        <v>3128.5920000000001</v>
      </c>
      <c r="SJB54" s="7">
        <f t="shared" si="1008"/>
        <v>3128.5920000000001</v>
      </c>
      <c r="SJC54" s="7">
        <f t="shared" si="1008"/>
        <v>3128.5920000000001</v>
      </c>
      <c r="SJD54" s="7">
        <f t="shared" si="1008"/>
        <v>3128.5920000000001</v>
      </c>
      <c r="SJE54" s="7">
        <f t="shared" si="1008"/>
        <v>3128.5920000000001</v>
      </c>
      <c r="SJF54" s="7">
        <f t="shared" si="1008"/>
        <v>3128.5920000000001</v>
      </c>
      <c r="SJG54" s="7">
        <f t="shared" si="1008"/>
        <v>3128.5920000000001</v>
      </c>
      <c r="SJH54" s="7">
        <f t="shared" si="1008"/>
        <v>3128.5920000000001</v>
      </c>
      <c r="SJI54" s="7">
        <f t="shared" si="1008"/>
        <v>3128.5920000000001</v>
      </c>
      <c r="SJJ54" s="7">
        <f t="shared" si="1008"/>
        <v>3128.5920000000001</v>
      </c>
      <c r="SJK54" s="7">
        <f t="shared" si="1008"/>
        <v>3128.5920000000001</v>
      </c>
      <c r="SJL54" s="7">
        <f t="shared" si="1008"/>
        <v>3128.5920000000001</v>
      </c>
      <c r="SJM54" s="7">
        <f t="shared" si="1008"/>
        <v>3128.5920000000001</v>
      </c>
      <c r="SJN54" s="7">
        <f t="shared" si="1008"/>
        <v>3128.5920000000001</v>
      </c>
      <c r="SJO54" s="7">
        <f t="shared" si="1008"/>
        <v>3128.5920000000001</v>
      </c>
      <c r="SJP54" s="7">
        <f t="shared" si="1008"/>
        <v>3128.5920000000001</v>
      </c>
      <c r="SJQ54" s="7">
        <f t="shared" si="1008"/>
        <v>3128.5920000000001</v>
      </c>
      <c r="SJR54" s="7">
        <f t="shared" si="1008"/>
        <v>3128.5920000000001</v>
      </c>
      <c r="SJS54" s="7">
        <f t="shared" si="1008"/>
        <v>3128.5920000000001</v>
      </c>
      <c r="SJT54" s="7">
        <f t="shared" si="1008"/>
        <v>3128.5920000000001</v>
      </c>
      <c r="SJU54" s="7">
        <f t="shared" si="1008"/>
        <v>3128.5920000000001</v>
      </c>
      <c r="SJV54" s="7">
        <f t="shared" si="1008"/>
        <v>3128.5920000000001</v>
      </c>
      <c r="SJW54" s="7">
        <f t="shared" si="1008"/>
        <v>3128.5920000000001</v>
      </c>
      <c r="SJX54" s="7">
        <f t="shared" si="1008"/>
        <v>3128.5920000000001</v>
      </c>
      <c r="SJY54" s="7">
        <f t="shared" si="1008"/>
        <v>3128.5920000000001</v>
      </c>
      <c r="SJZ54" s="7">
        <f t="shared" ref="SJZ54:SMK54" si="1009">SJZ49+SJY54</f>
        <v>3128.5920000000001</v>
      </c>
      <c r="SKA54" s="7">
        <f t="shared" si="1009"/>
        <v>3128.5920000000001</v>
      </c>
      <c r="SKB54" s="7">
        <f t="shared" si="1009"/>
        <v>3128.5920000000001</v>
      </c>
      <c r="SKC54" s="7">
        <f t="shared" si="1009"/>
        <v>3128.5920000000001</v>
      </c>
      <c r="SKD54" s="7">
        <f t="shared" si="1009"/>
        <v>3128.5920000000001</v>
      </c>
      <c r="SKE54" s="7">
        <f t="shared" si="1009"/>
        <v>3128.5920000000001</v>
      </c>
      <c r="SKF54" s="7">
        <f t="shared" si="1009"/>
        <v>3128.5920000000001</v>
      </c>
      <c r="SKG54" s="7">
        <f t="shared" si="1009"/>
        <v>3128.5920000000001</v>
      </c>
      <c r="SKH54" s="7">
        <f t="shared" si="1009"/>
        <v>3128.5920000000001</v>
      </c>
      <c r="SKI54" s="7">
        <f t="shared" si="1009"/>
        <v>3128.5920000000001</v>
      </c>
      <c r="SKJ54" s="7">
        <f t="shared" si="1009"/>
        <v>3128.5920000000001</v>
      </c>
      <c r="SKK54" s="7">
        <f t="shared" si="1009"/>
        <v>3128.5920000000001</v>
      </c>
      <c r="SKL54" s="7">
        <f t="shared" si="1009"/>
        <v>3128.5920000000001</v>
      </c>
      <c r="SKM54" s="7">
        <f t="shared" si="1009"/>
        <v>3128.5920000000001</v>
      </c>
      <c r="SKN54" s="7">
        <f t="shared" si="1009"/>
        <v>3128.5920000000001</v>
      </c>
      <c r="SKO54" s="7">
        <f t="shared" si="1009"/>
        <v>3128.5920000000001</v>
      </c>
      <c r="SKP54" s="7">
        <f t="shared" si="1009"/>
        <v>3128.5920000000001</v>
      </c>
      <c r="SKQ54" s="7">
        <f t="shared" si="1009"/>
        <v>3128.5920000000001</v>
      </c>
      <c r="SKR54" s="7">
        <f t="shared" si="1009"/>
        <v>3128.5920000000001</v>
      </c>
      <c r="SKS54" s="7">
        <f t="shared" si="1009"/>
        <v>3128.5920000000001</v>
      </c>
      <c r="SKT54" s="7">
        <f t="shared" si="1009"/>
        <v>3128.5920000000001</v>
      </c>
      <c r="SKU54" s="7">
        <f t="shared" si="1009"/>
        <v>3128.5920000000001</v>
      </c>
      <c r="SKV54" s="7">
        <f t="shared" si="1009"/>
        <v>3128.5920000000001</v>
      </c>
      <c r="SKW54" s="7">
        <f t="shared" si="1009"/>
        <v>3128.5920000000001</v>
      </c>
      <c r="SKX54" s="7">
        <f t="shared" si="1009"/>
        <v>3128.5920000000001</v>
      </c>
      <c r="SKY54" s="7">
        <f t="shared" si="1009"/>
        <v>3128.5920000000001</v>
      </c>
      <c r="SKZ54" s="7">
        <f t="shared" si="1009"/>
        <v>3128.5920000000001</v>
      </c>
      <c r="SLA54" s="7">
        <f t="shared" si="1009"/>
        <v>3128.5920000000001</v>
      </c>
      <c r="SLB54" s="7">
        <f t="shared" si="1009"/>
        <v>3128.5920000000001</v>
      </c>
      <c r="SLC54" s="7">
        <f t="shared" si="1009"/>
        <v>3128.5920000000001</v>
      </c>
      <c r="SLD54" s="7">
        <f t="shared" si="1009"/>
        <v>3128.5920000000001</v>
      </c>
      <c r="SLE54" s="7">
        <f t="shared" si="1009"/>
        <v>3128.5920000000001</v>
      </c>
      <c r="SLF54" s="7">
        <f t="shared" si="1009"/>
        <v>3128.5920000000001</v>
      </c>
      <c r="SLG54" s="7">
        <f t="shared" si="1009"/>
        <v>3128.5920000000001</v>
      </c>
      <c r="SLH54" s="7">
        <f t="shared" si="1009"/>
        <v>3128.5920000000001</v>
      </c>
      <c r="SLI54" s="7">
        <f t="shared" si="1009"/>
        <v>3128.5920000000001</v>
      </c>
      <c r="SLJ54" s="7">
        <f t="shared" si="1009"/>
        <v>3128.5920000000001</v>
      </c>
      <c r="SLK54" s="7">
        <f t="shared" si="1009"/>
        <v>3128.5920000000001</v>
      </c>
      <c r="SLL54" s="7">
        <f t="shared" si="1009"/>
        <v>3128.5920000000001</v>
      </c>
      <c r="SLM54" s="7">
        <f t="shared" si="1009"/>
        <v>3128.5920000000001</v>
      </c>
      <c r="SLN54" s="7">
        <f t="shared" si="1009"/>
        <v>3128.5920000000001</v>
      </c>
      <c r="SLO54" s="7">
        <f t="shared" si="1009"/>
        <v>3128.5920000000001</v>
      </c>
      <c r="SLP54" s="7">
        <f t="shared" si="1009"/>
        <v>3128.5920000000001</v>
      </c>
      <c r="SLQ54" s="7">
        <f t="shared" si="1009"/>
        <v>3128.5920000000001</v>
      </c>
      <c r="SLR54" s="7">
        <f t="shared" si="1009"/>
        <v>3128.5920000000001</v>
      </c>
      <c r="SLS54" s="7">
        <f t="shared" si="1009"/>
        <v>3128.5920000000001</v>
      </c>
      <c r="SLT54" s="7">
        <f t="shared" si="1009"/>
        <v>3128.5920000000001</v>
      </c>
      <c r="SLU54" s="7">
        <f t="shared" si="1009"/>
        <v>3128.5920000000001</v>
      </c>
      <c r="SLV54" s="7">
        <f t="shared" si="1009"/>
        <v>3128.5920000000001</v>
      </c>
      <c r="SLW54" s="7">
        <f t="shared" si="1009"/>
        <v>3128.5920000000001</v>
      </c>
      <c r="SLX54" s="7">
        <f t="shared" si="1009"/>
        <v>3128.5920000000001</v>
      </c>
      <c r="SLY54" s="7">
        <f t="shared" si="1009"/>
        <v>3128.5920000000001</v>
      </c>
      <c r="SLZ54" s="7">
        <f t="shared" si="1009"/>
        <v>3128.5920000000001</v>
      </c>
      <c r="SMA54" s="7">
        <f t="shared" si="1009"/>
        <v>3128.5920000000001</v>
      </c>
      <c r="SMB54" s="7">
        <f t="shared" si="1009"/>
        <v>3128.5920000000001</v>
      </c>
      <c r="SMC54" s="7">
        <f t="shared" si="1009"/>
        <v>3128.5920000000001</v>
      </c>
      <c r="SMD54" s="7">
        <f t="shared" si="1009"/>
        <v>3128.5920000000001</v>
      </c>
      <c r="SME54" s="7">
        <f t="shared" si="1009"/>
        <v>3128.5920000000001</v>
      </c>
      <c r="SMF54" s="7">
        <f t="shared" si="1009"/>
        <v>3128.5920000000001</v>
      </c>
      <c r="SMG54" s="7">
        <f t="shared" si="1009"/>
        <v>3128.5920000000001</v>
      </c>
      <c r="SMH54" s="7">
        <f t="shared" si="1009"/>
        <v>3128.5920000000001</v>
      </c>
      <c r="SMI54" s="7">
        <f t="shared" si="1009"/>
        <v>3128.5920000000001</v>
      </c>
      <c r="SMJ54" s="7">
        <f t="shared" si="1009"/>
        <v>3128.5920000000001</v>
      </c>
      <c r="SMK54" s="7">
        <f t="shared" si="1009"/>
        <v>3128.5920000000001</v>
      </c>
      <c r="SML54" s="7">
        <f t="shared" ref="SML54:SOW54" si="1010">SML49+SMK54</f>
        <v>3128.5920000000001</v>
      </c>
      <c r="SMM54" s="7">
        <f t="shared" si="1010"/>
        <v>3128.5920000000001</v>
      </c>
      <c r="SMN54" s="7">
        <f t="shared" si="1010"/>
        <v>3128.5920000000001</v>
      </c>
      <c r="SMO54" s="7">
        <f t="shared" si="1010"/>
        <v>3128.5920000000001</v>
      </c>
      <c r="SMP54" s="7">
        <f t="shared" si="1010"/>
        <v>3128.5920000000001</v>
      </c>
      <c r="SMQ54" s="7">
        <f t="shared" si="1010"/>
        <v>3128.5920000000001</v>
      </c>
      <c r="SMR54" s="7">
        <f t="shared" si="1010"/>
        <v>3128.5920000000001</v>
      </c>
      <c r="SMS54" s="7">
        <f t="shared" si="1010"/>
        <v>3128.5920000000001</v>
      </c>
      <c r="SMT54" s="7">
        <f t="shared" si="1010"/>
        <v>3128.5920000000001</v>
      </c>
      <c r="SMU54" s="7">
        <f t="shared" si="1010"/>
        <v>3128.5920000000001</v>
      </c>
      <c r="SMV54" s="7">
        <f t="shared" si="1010"/>
        <v>3128.5920000000001</v>
      </c>
      <c r="SMW54" s="7">
        <f t="shared" si="1010"/>
        <v>3128.5920000000001</v>
      </c>
      <c r="SMX54" s="7">
        <f t="shared" si="1010"/>
        <v>3128.5920000000001</v>
      </c>
      <c r="SMY54" s="7">
        <f t="shared" si="1010"/>
        <v>3128.5920000000001</v>
      </c>
      <c r="SMZ54" s="7">
        <f t="shared" si="1010"/>
        <v>3128.5920000000001</v>
      </c>
      <c r="SNA54" s="7">
        <f t="shared" si="1010"/>
        <v>3128.5920000000001</v>
      </c>
      <c r="SNB54" s="7">
        <f t="shared" si="1010"/>
        <v>3128.5920000000001</v>
      </c>
      <c r="SNC54" s="7">
        <f t="shared" si="1010"/>
        <v>3128.5920000000001</v>
      </c>
      <c r="SND54" s="7">
        <f t="shared" si="1010"/>
        <v>3128.5920000000001</v>
      </c>
      <c r="SNE54" s="7">
        <f t="shared" si="1010"/>
        <v>3128.5920000000001</v>
      </c>
      <c r="SNF54" s="7">
        <f t="shared" si="1010"/>
        <v>3128.5920000000001</v>
      </c>
      <c r="SNG54" s="7">
        <f t="shared" si="1010"/>
        <v>3128.5920000000001</v>
      </c>
      <c r="SNH54" s="7">
        <f t="shared" si="1010"/>
        <v>3128.5920000000001</v>
      </c>
      <c r="SNI54" s="7">
        <f t="shared" si="1010"/>
        <v>3128.5920000000001</v>
      </c>
      <c r="SNJ54" s="7">
        <f t="shared" si="1010"/>
        <v>3128.5920000000001</v>
      </c>
      <c r="SNK54" s="7">
        <f t="shared" si="1010"/>
        <v>3128.5920000000001</v>
      </c>
      <c r="SNL54" s="7">
        <f t="shared" si="1010"/>
        <v>3128.5920000000001</v>
      </c>
      <c r="SNM54" s="7">
        <f t="shared" si="1010"/>
        <v>3128.5920000000001</v>
      </c>
      <c r="SNN54" s="7">
        <f t="shared" si="1010"/>
        <v>3128.5920000000001</v>
      </c>
      <c r="SNO54" s="7">
        <f t="shared" si="1010"/>
        <v>3128.5920000000001</v>
      </c>
      <c r="SNP54" s="7">
        <f t="shared" si="1010"/>
        <v>3128.5920000000001</v>
      </c>
      <c r="SNQ54" s="7">
        <f t="shared" si="1010"/>
        <v>3128.5920000000001</v>
      </c>
      <c r="SNR54" s="7">
        <f t="shared" si="1010"/>
        <v>3128.5920000000001</v>
      </c>
      <c r="SNS54" s="7">
        <f t="shared" si="1010"/>
        <v>3128.5920000000001</v>
      </c>
      <c r="SNT54" s="7">
        <f t="shared" si="1010"/>
        <v>3128.5920000000001</v>
      </c>
      <c r="SNU54" s="7">
        <f t="shared" si="1010"/>
        <v>3128.5920000000001</v>
      </c>
      <c r="SNV54" s="7">
        <f t="shared" si="1010"/>
        <v>3128.5920000000001</v>
      </c>
      <c r="SNW54" s="7">
        <f t="shared" si="1010"/>
        <v>3128.5920000000001</v>
      </c>
      <c r="SNX54" s="7">
        <f t="shared" si="1010"/>
        <v>3128.5920000000001</v>
      </c>
      <c r="SNY54" s="7">
        <f t="shared" si="1010"/>
        <v>3128.5920000000001</v>
      </c>
      <c r="SNZ54" s="7">
        <f t="shared" si="1010"/>
        <v>3128.5920000000001</v>
      </c>
      <c r="SOA54" s="7">
        <f t="shared" si="1010"/>
        <v>3128.5920000000001</v>
      </c>
      <c r="SOB54" s="7">
        <f t="shared" si="1010"/>
        <v>3128.5920000000001</v>
      </c>
      <c r="SOC54" s="7">
        <f t="shared" si="1010"/>
        <v>3128.5920000000001</v>
      </c>
      <c r="SOD54" s="7">
        <f t="shared" si="1010"/>
        <v>3128.5920000000001</v>
      </c>
      <c r="SOE54" s="7">
        <f t="shared" si="1010"/>
        <v>3128.5920000000001</v>
      </c>
      <c r="SOF54" s="7">
        <f t="shared" si="1010"/>
        <v>3128.5920000000001</v>
      </c>
      <c r="SOG54" s="7">
        <f t="shared" si="1010"/>
        <v>3128.5920000000001</v>
      </c>
      <c r="SOH54" s="7">
        <f t="shared" si="1010"/>
        <v>3128.5920000000001</v>
      </c>
      <c r="SOI54" s="7">
        <f t="shared" si="1010"/>
        <v>3128.5920000000001</v>
      </c>
      <c r="SOJ54" s="7">
        <f t="shared" si="1010"/>
        <v>3128.5920000000001</v>
      </c>
      <c r="SOK54" s="7">
        <f t="shared" si="1010"/>
        <v>3128.5920000000001</v>
      </c>
      <c r="SOL54" s="7">
        <f t="shared" si="1010"/>
        <v>3128.5920000000001</v>
      </c>
      <c r="SOM54" s="7">
        <f t="shared" si="1010"/>
        <v>3128.5920000000001</v>
      </c>
      <c r="SON54" s="7">
        <f t="shared" si="1010"/>
        <v>3128.5920000000001</v>
      </c>
      <c r="SOO54" s="7">
        <f t="shared" si="1010"/>
        <v>3128.5920000000001</v>
      </c>
      <c r="SOP54" s="7">
        <f t="shared" si="1010"/>
        <v>3128.5920000000001</v>
      </c>
      <c r="SOQ54" s="7">
        <f t="shared" si="1010"/>
        <v>3128.5920000000001</v>
      </c>
      <c r="SOR54" s="7">
        <f t="shared" si="1010"/>
        <v>3128.5920000000001</v>
      </c>
      <c r="SOS54" s="7">
        <f t="shared" si="1010"/>
        <v>3128.5920000000001</v>
      </c>
      <c r="SOT54" s="7">
        <f t="shared" si="1010"/>
        <v>3128.5920000000001</v>
      </c>
      <c r="SOU54" s="7">
        <f t="shared" si="1010"/>
        <v>3128.5920000000001</v>
      </c>
      <c r="SOV54" s="7">
        <f t="shared" si="1010"/>
        <v>3128.5920000000001</v>
      </c>
      <c r="SOW54" s="7">
        <f t="shared" si="1010"/>
        <v>3128.5920000000001</v>
      </c>
      <c r="SOX54" s="7">
        <f t="shared" ref="SOX54:SRI54" si="1011">SOX49+SOW54</f>
        <v>3128.5920000000001</v>
      </c>
      <c r="SOY54" s="7">
        <f t="shared" si="1011"/>
        <v>3128.5920000000001</v>
      </c>
      <c r="SOZ54" s="7">
        <f t="shared" si="1011"/>
        <v>3128.5920000000001</v>
      </c>
      <c r="SPA54" s="7">
        <f t="shared" si="1011"/>
        <v>3128.5920000000001</v>
      </c>
      <c r="SPB54" s="7">
        <f t="shared" si="1011"/>
        <v>3128.5920000000001</v>
      </c>
      <c r="SPC54" s="7">
        <f t="shared" si="1011"/>
        <v>3128.5920000000001</v>
      </c>
      <c r="SPD54" s="7">
        <f t="shared" si="1011"/>
        <v>3128.5920000000001</v>
      </c>
      <c r="SPE54" s="7">
        <f t="shared" si="1011"/>
        <v>3128.5920000000001</v>
      </c>
      <c r="SPF54" s="7">
        <f t="shared" si="1011"/>
        <v>3128.5920000000001</v>
      </c>
      <c r="SPG54" s="7">
        <f t="shared" si="1011"/>
        <v>3128.5920000000001</v>
      </c>
      <c r="SPH54" s="7">
        <f t="shared" si="1011"/>
        <v>3128.5920000000001</v>
      </c>
      <c r="SPI54" s="7">
        <f t="shared" si="1011"/>
        <v>3128.5920000000001</v>
      </c>
      <c r="SPJ54" s="7">
        <f t="shared" si="1011"/>
        <v>3128.5920000000001</v>
      </c>
      <c r="SPK54" s="7">
        <f t="shared" si="1011"/>
        <v>3128.5920000000001</v>
      </c>
      <c r="SPL54" s="7">
        <f t="shared" si="1011"/>
        <v>3128.5920000000001</v>
      </c>
      <c r="SPM54" s="7">
        <f t="shared" si="1011"/>
        <v>3128.5920000000001</v>
      </c>
      <c r="SPN54" s="7">
        <f t="shared" si="1011"/>
        <v>3128.5920000000001</v>
      </c>
      <c r="SPO54" s="7">
        <f t="shared" si="1011"/>
        <v>3128.5920000000001</v>
      </c>
      <c r="SPP54" s="7">
        <f t="shared" si="1011"/>
        <v>3128.5920000000001</v>
      </c>
      <c r="SPQ54" s="7">
        <f t="shared" si="1011"/>
        <v>3128.5920000000001</v>
      </c>
      <c r="SPR54" s="7">
        <f t="shared" si="1011"/>
        <v>3128.5920000000001</v>
      </c>
      <c r="SPS54" s="7">
        <f t="shared" si="1011"/>
        <v>3128.5920000000001</v>
      </c>
      <c r="SPT54" s="7">
        <f t="shared" si="1011"/>
        <v>3128.5920000000001</v>
      </c>
      <c r="SPU54" s="7">
        <f t="shared" si="1011"/>
        <v>3128.5920000000001</v>
      </c>
      <c r="SPV54" s="7">
        <f t="shared" si="1011"/>
        <v>3128.5920000000001</v>
      </c>
      <c r="SPW54" s="7">
        <f t="shared" si="1011"/>
        <v>3128.5920000000001</v>
      </c>
      <c r="SPX54" s="7">
        <f t="shared" si="1011"/>
        <v>3128.5920000000001</v>
      </c>
      <c r="SPY54" s="7">
        <f t="shared" si="1011"/>
        <v>3128.5920000000001</v>
      </c>
      <c r="SPZ54" s="7">
        <f t="shared" si="1011"/>
        <v>3128.5920000000001</v>
      </c>
      <c r="SQA54" s="7">
        <f t="shared" si="1011"/>
        <v>3128.5920000000001</v>
      </c>
      <c r="SQB54" s="7">
        <f t="shared" si="1011"/>
        <v>3128.5920000000001</v>
      </c>
      <c r="SQC54" s="7">
        <f t="shared" si="1011"/>
        <v>3128.5920000000001</v>
      </c>
      <c r="SQD54" s="7">
        <f t="shared" si="1011"/>
        <v>3128.5920000000001</v>
      </c>
      <c r="SQE54" s="7">
        <f t="shared" si="1011"/>
        <v>3128.5920000000001</v>
      </c>
      <c r="SQF54" s="7">
        <f t="shared" si="1011"/>
        <v>3128.5920000000001</v>
      </c>
      <c r="SQG54" s="7">
        <f t="shared" si="1011"/>
        <v>3128.5920000000001</v>
      </c>
      <c r="SQH54" s="7">
        <f t="shared" si="1011"/>
        <v>3128.5920000000001</v>
      </c>
      <c r="SQI54" s="7">
        <f t="shared" si="1011"/>
        <v>3128.5920000000001</v>
      </c>
      <c r="SQJ54" s="7">
        <f t="shared" si="1011"/>
        <v>3128.5920000000001</v>
      </c>
      <c r="SQK54" s="7">
        <f t="shared" si="1011"/>
        <v>3128.5920000000001</v>
      </c>
      <c r="SQL54" s="7">
        <f t="shared" si="1011"/>
        <v>3128.5920000000001</v>
      </c>
      <c r="SQM54" s="7">
        <f t="shared" si="1011"/>
        <v>3128.5920000000001</v>
      </c>
      <c r="SQN54" s="7">
        <f t="shared" si="1011"/>
        <v>3128.5920000000001</v>
      </c>
      <c r="SQO54" s="7">
        <f t="shared" si="1011"/>
        <v>3128.5920000000001</v>
      </c>
      <c r="SQP54" s="7">
        <f t="shared" si="1011"/>
        <v>3128.5920000000001</v>
      </c>
      <c r="SQQ54" s="7">
        <f t="shared" si="1011"/>
        <v>3128.5920000000001</v>
      </c>
      <c r="SQR54" s="7">
        <f t="shared" si="1011"/>
        <v>3128.5920000000001</v>
      </c>
      <c r="SQS54" s="7">
        <f t="shared" si="1011"/>
        <v>3128.5920000000001</v>
      </c>
      <c r="SQT54" s="7">
        <f t="shared" si="1011"/>
        <v>3128.5920000000001</v>
      </c>
      <c r="SQU54" s="7">
        <f t="shared" si="1011"/>
        <v>3128.5920000000001</v>
      </c>
      <c r="SQV54" s="7">
        <f t="shared" si="1011"/>
        <v>3128.5920000000001</v>
      </c>
      <c r="SQW54" s="7">
        <f t="shared" si="1011"/>
        <v>3128.5920000000001</v>
      </c>
      <c r="SQX54" s="7">
        <f t="shared" si="1011"/>
        <v>3128.5920000000001</v>
      </c>
      <c r="SQY54" s="7">
        <f t="shared" si="1011"/>
        <v>3128.5920000000001</v>
      </c>
      <c r="SQZ54" s="7">
        <f t="shared" si="1011"/>
        <v>3128.5920000000001</v>
      </c>
      <c r="SRA54" s="7">
        <f t="shared" si="1011"/>
        <v>3128.5920000000001</v>
      </c>
      <c r="SRB54" s="7">
        <f t="shared" si="1011"/>
        <v>3128.5920000000001</v>
      </c>
      <c r="SRC54" s="7">
        <f t="shared" si="1011"/>
        <v>3128.5920000000001</v>
      </c>
      <c r="SRD54" s="7">
        <f t="shared" si="1011"/>
        <v>3128.5920000000001</v>
      </c>
      <c r="SRE54" s="7">
        <f t="shared" si="1011"/>
        <v>3128.5920000000001</v>
      </c>
      <c r="SRF54" s="7">
        <f t="shared" si="1011"/>
        <v>3128.5920000000001</v>
      </c>
      <c r="SRG54" s="7">
        <f t="shared" si="1011"/>
        <v>3128.5920000000001</v>
      </c>
      <c r="SRH54" s="7">
        <f t="shared" si="1011"/>
        <v>3128.5920000000001</v>
      </c>
      <c r="SRI54" s="7">
        <f t="shared" si="1011"/>
        <v>3128.5920000000001</v>
      </c>
      <c r="SRJ54" s="7">
        <f t="shared" ref="SRJ54:STU54" si="1012">SRJ49+SRI54</f>
        <v>3128.5920000000001</v>
      </c>
      <c r="SRK54" s="7">
        <f t="shared" si="1012"/>
        <v>3128.5920000000001</v>
      </c>
      <c r="SRL54" s="7">
        <f t="shared" si="1012"/>
        <v>3128.5920000000001</v>
      </c>
      <c r="SRM54" s="7">
        <f t="shared" si="1012"/>
        <v>3128.5920000000001</v>
      </c>
      <c r="SRN54" s="7">
        <f t="shared" si="1012"/>
        <v>3128.5920000000001</v>
      </c>
      <c r="SRO54" s="7">
        <f t="shared" si="1012"/>
        <v>3128.5920000000001</v>
      </c>
      <c r="SRP54" s="7">
        <f t="shared" si="1012"/>
        <v>3128.5920000000001</v>
      </c>
      <c r="SRQ54" s="7">
        <f t="shared" si="1012"/>
        <v>3128.5920000000001</v>
      </c>
      <c r="SRR54" s="7">
        <f t="shared" si="1012"/>
        <v>3128.5920000000001</v>
      </c>
      <c r="SRS54" s="7">
        <f t="shared" si="1012"/>
        <v>3128.5920000000001</v>
      </c>
      <c r="SRT54" s="7">
        <f t="shared" si="1012"/>
        <v>3128.5920000000001</v>
      </c>
      <c r="SRU54" s="7">
        <f t="shared" si="1012"/>
        <v>3128.5920000000001</v>
      </c>
      <c r="SRV54" s="7">
        <f t="shared" si="1012"/>
        <v>3128.5920000000001</v>
      </c>
      <c r="SRW54" s="7">
        <f t="shared" si="1012"/>
        <v>3128.5920000000001</v>
      </c>
      <c r="SRX54" s="7">
        <f t="shared" si="1012"/>
        <v>3128.5920000000001</v>
      </c>
      <c r="SRY54" s="7">
        <f t="shared" si="1012"/>
        <v>3128.5920000000001</v>
      </c>
      <c r="SRZ54" s="7">
        <f t="shared" si="1012"/>
        <v>3128.5920000000001</v>
      </c>
      <c r="SSA54" s="7">
        <f t="shared" si="1012"/>
        <v>3128.5920000000001</v>
      </c>
      <c r="SSB54" s="7">
        <f t="shared" si="1012"/>
        <v>3128.5920000000001</v>
      </c>
      <c r="SSC54" s="7">
        <f t="shared" si="1012"/>
        <v>3128.5920000000001</v>
      </c>
      <c r="SSD54" s="7">
        <f t="shared" si="1012"/>
        <v>3128.5920000000001</v>
      </c>
      <c r="SSE54" s="7">
        <f t="shared" si="1012"/>
        <v>3128.5920000000001</v>
      </c>
      <c r="SSF54" s="7">
        <f t="shared" si="1012"/>
        <v>3128.5920000000001</v>
      </c>
      <c r="SSG54" s="7">
        <f t="shared" si="1012"/>
        <v>3128.5920000000001</v>
      </c>
      <c r="SSH54" s="7">
        <f t="shared" si="1012"/>
        <v>3128.5920000000001</v>
      </c>
      <c r="SSI54" s="7">
        <f t="shared" si="1012"/>
        <v>3128.5920000000001</v>
      </c>
      <c r="SSJ54" s="7">
        <f t="shared" si="1012"/>
        <v>3128.5920000000001</v>
      </c>
      <c r="SSK54" s="7">
        <f t="shared" si="1012"/>
        <v>3128.5920000000001</v>
      </c>
      <c r="SSL54" s="7">
        <f t="shared" si="1012"/>
        <v>3128.5920000000001</v>
      </c>
      <c r="SSM54" s="7">
        <f t="shared" si="1012"/>
        <v>3128.5920000000001</v>
      </c>
      <c r="SSN54" s="7">
        <f t="shared" si="1012"/>
        <v>3128.5920000000001</v>
      </c>
      <c r="SSO54" s="7">
        <f t="shared" si="1012"/>
        <v>3128.5920000000001</v>
      </c>
      <c r="SSP54" s="7">
        <f t="shared" si="1012"/>
        <v>3128.5920000000001</v>
      </c>
      <c r="SSQ54" s="7">
        <f t="shared" si="1012"/>
        <v>3128.5920000000001</v>
      </c>
      <c r="SSR54" s="7">
        <f t="shared" si="1012"/>
        <v>3128.5920000000001</v>
      </c>
      <c r="SSS54" s="7">
        <f t="shared" si="1012"/>
        <v>3128.5920000000001</v>
      </c>
      <c r="SST54" s="7">
        <f t="shared" si="1012"/>
        <v>3128.5920000000001</v>
      </c>
      <c r="SSU54" s="7">
        <f t="shared" si="1012"/>
        <v>3128.5920000000001</v>
      </c>
      <c r="SSV54" s="7">
        <f t="shared" si="1012"/>
        <v>3128.5920000000001</v>
      </c>
      <c r="SSW54" s="7">
        <f t="shared" si="1012"/>
        <v>3128.5920000000001</v>
      </c>
      <c r="SSX54" s="7">
        <f t="shared" si="1012"/>
        <v>3128.5920000000001</v>
      </c>
      <c r="SSY54" s="7">
        <f t="shared" si="1012"/>
        <v>3128.5920000000001</v>
      </c>
      <c r="SSZ54" s="7">
        <f t="shared" si="1012"/>
        <v>3128.5920000000001</v>
      </c>
      <c r="STA54" s="7">
        <f t="shared" si="1012"/>
        <v>3128.5920000000001</v>
      </c>
      <c r="STB54" s="7">
        <f t="shared" si="1012"/>
        <v>3128.5920000000001</v>
      </c>
      <c r="STC54" s="7">
        <f t="shared" si="1012"/>
        <v>3128.5920000000001</v>
      </c>
      <c r="STD54" s="7">
        <f t="shared" si="1012"/>
        <v>3128.5920000000001</v>
      </c>
      <c r="STE54" s="7">
        <f t="shared" si="1012"/>
        <v>3128.5920000000001</v>
      </c>
      <c r="STF54" s="7">
        <f t="shared" si="1012"/>
        <v>3128.5920000000001</v>
      </c>
      <c r="STG54" s="7">
        <f t="shared" si="1012"/>
        <v>3128.5920000000001</v>
      </c>
      <c r="STH54" s="7">
        <f t="shared" si="1012"/>
        <v>3128.5920000000001</v>
      </c>
      <c r="STI54" s="7">
        <f t="shared" si="1012"/>
        <v>3128.5920000000001</v>
      </c>
      <c r="STJ54" s="7">
        <f t="shared" si="1012"/>
        <v>3128.5920000000001</v>
      </c>
      <c r="STK54" s="7">
        <f t="shared" si="1012"/>
        <v>3128.5920000000001</v>
      </c>
      <c r="STL54" s="7">
        <f t="shared" si="1012"/>
        <v>3128.5920000000001</v>
      </c>
      <c r="STM54" s="7">
        <f t="shared" si="1012"/>
        <v>3128.5920000000001</v>
      </c>
      <c r="STN54" s="7">
        <f t="shared" si="1012"/>
        <v>3128.5920000000001</v>
      </c>
      <c r="STO54" s="7">
        <f t="shared" si="1012"/>
        <v>3128.5920000000001</v>
      </c>
      <c r="STP54" s="7">
        <f t="shared" si="1012"/>
        <v>3128.5920000000001</v>
      </c>
      <c r="STQ54" s="7">
        <f t="shared" si="1012"/>
        <v>3128.5920000000001</v>
      </c>
      <c r="STR54" s="7">
        <f t="shared" si="1012"/>
        <v>3128.5920000000001</v>
      </c>
      <c r="STS54" s="7">
        <f t="shared" si="1012"/>
        <v>3128.5920000000001</v>
      </c>
      <c r="STT54" s="7">
        <f t="shared" si="1012"/>
        <v>3128.5920000000001</v>
      </c>
      <c r="STU54" s="7">
        <f t="shared" si="1012"/>
        <v>3128.5920000000001</v>
      </c>
      <c r="STV54" s="7">
        <f t="shared" ref="STV54:SWG54" si="1013">STV49+STU54</f>
        <v>3128.5920000000001</v>
      </c>
      <c r="STW54" s="7">
        <f t="shared" si="1013"/>
        <v>3128.5920000000001</v>
      </c>
      <c r="STX54" s="7">
        <f t="shared" si="1013"/>
        <v>3128.5920000000001</v>
      </c>
      <c r="STY54" s="7">
        <f t="shared" si="1013"/>
        <v>3128.5920000000001</v>
      </c>
      <c r="STZ54" s="7">
        <f t="shared" si="1013"/>
        <v>3128.5920000000001</v>
      </c>
      <c r="SUA54" s="7">
        <f t="shared" si="1013"/>
        <v>3128.5920000000001</v>
      </c>
      <c r="SUB54" s="7">
        <f t="shared" si="1013"/>
        <v>3128.5920000000001</v>
      </c>
      <c r="SUC54" s="7">
        <f t="shared" si="1013"/>
        <v>3128.5920000000001</v>
      </c>
      <c r="SUD54" s="7">
        <f t="shared" si="1013"/>
        <v>3128.5920000000001</v>
      </c>
      <c r="SUE54" s="7">
        <f t="shared" si="1013"/>
        <v>3128.5920000000001</v>
      </c>
      <c r="SUF54" s="7">
        <f t="shared" si="1013"/>
        <v>3128.5920000000001</v>
      </c>
      <c r="SUG54" s="7">
        <f t="shared" si="1013"/>
        <v>3128.5920000000001</v>
      </c>
      <c r="SUH54" s="7">
        <f t="shared" si="1013"/>
        <v>3128.5920000000001</v>
      </c>
      <c r="SUI54" s="7">
        <f t="shared" si="1013"/>
        <v>3128.5920000000001</v>
      </c>
      <c r="SUJ54" s="7">
        <f t="shared" si="1013"/>
        <v>3128.5920000000001</v>
      </c>
      <c r="SUK54" s="7">
        <f t="shared" si="1013"/>
        <v>3128.5920000000001</v>
      </c>
      <c r="SUL54" s="7">
        <f t="shared" si="1013"/>
        <v>3128.5920000000001</v>
      </c>
      <c r="SUM54" s="7">
        <f t="shared" si="1013"/>
        <v>3128.5920000000001</v>
      </c>
      <c r="SUN54" s="7">
        <f t="shared" si="1013"/>
        <v>3128.5920000000001</v>
      </c>
      <c r="SUO54" s="7">
        <f t="shared" si="1013"/>
        <v>3128.5920000000001</v>
      </c>
      <c r="SUP54" s="7">
        <f t="shared" si="1013"/>
        <v>3128.5920000000001</v>
      </c>
      <c r="SUQ54" s="7">
        <f t="shared" si="1013"/>
        <v>3128.5920000000001</v>
      </c>
      <c r="SUR54" s="7">
        <f t="shared" si="1013"/>
        <v>3128.5920000000001</v>
      </c>
      <c r="SUS54" s="7">
        <f t="shared" si="1013"/>
        <v>3128.5920000000001</v>
      </c>
      <c r="SUT54" s="7">
        <f t="shared" si="1013"/>
        <v>3128.5920000000001</v>
      </c>
      <c r="SUU54" s="7">
        <f t="shared" si="1013"/>
        <v>3128.5920000000001</v>
      </c>
      <c r="SUV54" s="7">
        <f t="shared" si="1013"/>
        <v>3128.5920000000001</v>
      </c>
      <c r="SUW54" s="7">
        <f t="shared" si="1013"/>
        <v>3128.5920000000001</v>
      </c>
      <c r="SUX54" s="7">
        <f t="shared" si="1013"/>
        <v>3128.5920000000001</v>
      </c>
      <c r="SUY54" s="7">
        <f t="shared" si="1013"/>
        <v>3128.5920000000001</v>
      </c>
      <c r="SUZ54" s="7">
        <f t="shared" si="1013"/>
        <v>3128.5920000000001</v>
      </c>
      <c r="SVA54" s="7">
        <f t="shared" si="1013"/>
        <v>3128.5920000000001</v>
      </c>
      <c r="SVB54" s="7">
        <f t="shared" si="1013"/>
        <v>3128.5920000000001</v>
      </c>
      <c r="SVC54" s="7">
        <f t="shared" si="1013"/>
        <v>3128.5920000000001</v>
      </c>
      <c r="SVD54" s="7">
        <f t="shared" si="1013"/>
        <v>3128.5920000000001</v>
      </c>
      <c r="SVE54" s="7">
        <f t="shared" si="1013"/>
        <v>3128.5920000000001</v>
      </c>
      <c r="SVF54" s="7">
        <f t="shared" si="1013"/>
        <v>3128.5920000000001</v>
      </c>
      <c r="SVG54" s="7">
        <f t="shared" si="1013"/>
        <v>3128.5920000000001</v>
      </c>
      <c r="SVH54" s="7">
        <f t="shared" si="1013"/>
        <v>3128.5920000000001</v>
      </c>
      <c r="SVI54" s="7">
        <f t="shared" si="1013"/>
        <v>3128.5920000000001</v>
      </c>
      <c r="SVJ54" s="7">
        <f t="shared" si="1013"/>
        <v>3128.5920000000001</v>
      </c>
      <c r="SVK54" s="7">
        <f t="shared" si="1013"/>
        <v>3128.5920000000001</v>
      </c>
      <c r="SVL54" s="7">
        <f t="shared" si="1013"/>
        <v>3128.5920000000001</v>
      </c>
      <c r="SVM54" s="7">
        <f t="shared" si="1013"/>
        <v>3128.5920000000001</v>
      </c>
      <c r="SVN54" s="7">
        <f t="shared" si="1013"/>
        <v>3128.5920000000001</v>
      </c>
      <c r="SVO54" s="7">
        <f t="shared" si="1013"/>
        <v>3128.5920000000001</v>
      </c>
      <c r="SVP54" s="7">
        <f t="shared" si="1013"/>
        <v>3128.5920000000001</v>
      </c>
      <c r="SVQ54" s="7">
        <f t="shared" si="1013"/>
        <v>3128.5920000000001</v>
      </c>
      <c r="SVR54" s="7">
        <f t="shared" si="1013"/>
        <v>3128.5920000000001</v>
      </c>
      <c r="SVS54" s="7">
        <f t="shared" si="1013"/>
        <v>3128.5920000000001</v>
      </c>
      <c r="SVT54" s="7">
        <f t="shared" si="1013"/>
        <v>3128.5920000000001</v>
      </c>
      <c r="SVU54" s="7">
        <f t="shared" si="1013"/>
        <v>3128.5920000000001</v>
      </c>
      <c r="SVV54" s="7">
        <f t="shared" si="1013"/>
        <v>3128.5920000000001</v>
      </c>
      <c r="SVW54" s="7">
        <f t="shared" si="1013"/>
        <v>3128.5920000000001</v>
      </c>
      <c r="SVX54" s="7">
        <f t="shared" si="1013"/>
        <v>3128.5920000000001</v>
      </c>
      <c r="SVY54" s="7">
        <f t="shared" si="1013"/>
        <v>3128.5920000000001</v>
      </c>
      <c r="SVZ54" s="7">
        <f t="shared" si="1013"/>
        <v>3128.5920000000001</v>
      </c>
      <c r="SWA54" s="7">
        <f t="shared" si="1013"/>
        <v>3128.5920000000001</v>
      </c>
      <c r="SWB54" s="7">
        <f t="shared" si="1013"/>
        <v>3128.5920000000001</v>
      </c>
      <c r="SWC54" s="7">
        <f t="shared" si="1013"/>
        <v>3128.5920000000001</v>
      </c>
      <c r="SWD54" s="7">
        <f t="shared" si="1013"/>
        <v>3128.5920000000001</v>
      </c>
      <c r="SWE54" s="7">
        <f t="shared" si="1013"/>
        <v>3128.5920000000001</v>
      </c>
      <c r="SWF54" s="7">
        <f t="shared" si="1013"/>
        <v>3128.5920000000001</v>
      </c>
      <c r="SWG54" s="7">
        <f t="shared" si="1013"/>
        <v>3128.5920000000001</v>
      </c>
      <c r="SWH54" s="7">
        <f t="shared" ref="SWH54:SYS54" si="1014">SWH49+SWG54</f>
        <v>3128.5920000000001</v>
      </c>
      <c r="SWI54" s="7">
        <f t="shared" si="1014"/>
        <v>3128.5920000000001</v>
      </c>
      <c r="SWJ54" s="7">
        <f t="shared" si="1014"/>
        <v>3128.5920000000001</v>
      </c>
      <c r="SWK54" s="7">
        <f t="shared" si="1014"/>
        <v>3128.5920000000001</v>
      </c>
      <c r="SWL54" s="7">
        <f t="shared" si="1014"/>
        <v>3128.5920000000001</v>
      </c>
      <c r="SWM54" s="7">
        <f t="shared" si="1014"/>
        <v>3128.5920000000001</v>
      </c>
      <c r="SWN54" s="7">
        <f t="shared" si="1014"/>
        <v>3128.5920000000001</v>
      </c>
      <c r="SWO54" s="7">
        <f t="shared" si="1014"/>
        <v>3128.5920000000001</v>
      </c>
      <c r="SWP54" s="7">
        <f t="shared" si="1014"/>
        <v>3128.5920000000001</v>
      </c>
      <c r="SWQ54" s="7">
        <f t="shared" si="1014"/>
        <v>3128.5920000000001</v>
      </c>
      <c r="SWR54" s="7">
        <f t="shared" si="1014"/>
        <v>3128.5920000000001</v>
      </c>
      <c r="SWS54" s="7">
        <f t="shared" si="1014"/>
        <v>3128.5920000000001</v>
      </c>
      <c r="SWT54" s="7">
        <f t="shared" si="1014"/>
        <v>3128.5920000000001</v>
      </c>
      <c r="SWU54" s="7">
        <f t="shared" si="1014"/>
        <v>3128.5920000000001</v>
      </c>
      <c r="SWV54" s="7">
        <f t="shared" si="1014"/>
        <v>3128.5920000000001</v>
      </c>
      <c r="SWW54" s="7">
        <f t="shared" si="1014"/>
        <v>3128.5920000000001</v>
      </c>
      <c r="SWX54" s="7">
        <f t="shared" si="1014"/>
        <v>3128.5920000000001</v>
      </c>
      <c r="SWY54" s="7">
        <f t="shared" si="1014"/>
        <v>3128.5920000000001</v>
      </c>
      <c r="SWZ54" s="7">
        <f t="shared" si="1014"/>
        <v>3128.5920000000001</v>
      </c>
      <c r="SXA54" s="7">
        <f t="shared" si="1014"/>
        <v>3128.5920000000001</v>
      </c>
      <c r="SXB54" s="7">
        <f t="shared" si="1014"/>
        <v>3128.5920000000001</v>
      </c>
      <c r="SXC54" s="7">
        <f t="shared" si="1014"/>
        <v>3128.5920000000001</v>
      </c>
      <c r="SXD54" s="7">
        <f t="shared" si="1014"/>
        <v>3128.5920000000001</v>
      </c>
      <c r="SXE54" s="7">
        <f t="shared" si="1014"/>
        <v>3128.5920000000001</v>
      </c>
      <c r="SXF54" s="7">
        <f t="shared" si="1014"/>
        <v>3128.5920000000001</v>
      </c>
      <c r="SXG54" s="7">
        <f t="shared" si="1014"/>
        <v>3128.5920000000001</v>
      </c>
      <c r="SXH54" s="7">
        <f t="shared" si="1014"/>
        <v>3128.5920000000001</v>
      </c>
      <c r="SXI54" s="7">
        <f t="shared" si="1014"/>
        <v>3128.5920000000001</v>
      </c>
      <c r="SXJ54" s="7">
        <f t="shared" si="1014"/>
        <v>3128.5920000000001</v>
      </c>
      <c r="SXK54" s="7">
        <f t="shared" si="1014"/>
        <v>3128.5920000000001</v>
      </c>
      <c r="SXL54" s="7">
        <f t="shared" si="1014"/>
        <v>3128.5920000000001</v>
      </c>
      <c r="SXM54" s="7">
        <f t="shared" si="1014"/>
        <v>3128.5920000000001</v>
      </c>
      <c r="SXN54" s="7">
        <f t="shared" si="1014"/>
        <v>3128.5920000000001</v>
      </c>
      <c r="SXO54" s="7">
        <f t="shared" si="1014"/>
        <v>3128.5920000000001</v>
      </c>
      <c r="SXP54" s="7">
        <f t="shared" si="1014"/>
        <v>3128.5920000000001</v>
      </c>
      <c r="SXQ54" s="7">
        <f t="shared" si="1014"/>
        <v>3128.5920000000001</v>
      </c>
      <c r="SXR54" s="7">
        <f t="shared" si="1014"/>
        <v>3128.5920000000001</v>
      </c>
      <c r="SXS54" s="7">
        <f t="shared" si="1014"/>
        <v>3128.5920000000001</v>
      </c>
      <c r="SXT54" s="7">
        <f t="shared" si="1014"/>
        <v>3128.5920000000001</v>
      </c>
      <c r="SXU54" s="7">
        <f t="shared" si="1014"/>
        <v>3128.5920000000001</v>
      </c>
      <c r="SXV54" s="7">
        <f t="shared" si="1014"/>
        <v>3128.5920000000001</v>
      </c>
      <c r="SXW54" s="7">
        <f t="shared" si="1014"/>
        <v>3128.5920000000001</v>
      </c>
      <c r="SXX54" s="7">
        <f t="shared" si="1014"/>
        <v>3128.5920000000001</v>
      </c>
      <c r="SXY54" s="7">
        <f t="shared" si="1014"/>
        <v>3128.5920000000001</v>
      </c>
      <c r="SXZ54" s="7">
        <f t="shared" si="1014"/>
        <v>3128.5920000000001</v>
      </c>
      <c r="SYA54" s="7">
        <f t="shared" si="1014"/>
        <v>3128.5920000000001</v>
      </c>
      <c r="SYB54" s="7">
        <f t="shared" si="1014"/>
        <v>3128.5920000000001</v>
      </c>
      <c r="SYC54" s="7">
        <f t="shared" si="1014"/>
        <v>3128.5920000000001</v>
      </c>
      <c r="SYD54" s="7">
        <f t="shared" si="1014"/>
        <v>3128.5920000000001</v>
      </c>
      <c r="SYE54" s="7">
        <f t="shared" si="1014"/>
        <v>3128.5920000000001</v>
      </c>
      <c r="SYF54" s="7">
        <f t="shared" si="1014"/>
        <v>3128.5920000000001</v>
      </c>
      <c r="SYG54" s="7">
        <f t="shared" si="1014"/>
        <v>3128.5920000000001</v>
      </c>
      <c r="SYH54" s="7">
        <f t="shared" si="1014"/>
        <v>3128.5920000000001</v>
      </c>
      <c r="SYI54" s="7">
        <f t="shared" si="1014"/>
        <v>3128.5920000000001</v>
      </c>
      <c r="SYJ54" s="7">
        <f t="shared" si="1014"/>
        <v>3128.5920000000001</v>
      </c>
      <c r="SYK54" s="7">
        <f t="shared" si="1014"/>
        <v>3128.5920000000001</v>
      </c>
      <c r="SYL54" s="7">
        <f t="shared" si="1014"/>
        <v>3128.5920000000001</v>
      </c>
      <c r="SYM54" s="7">
        <f t="shared" si="1014"/>
        <v>3128.5920000000001</v>
      </c>
      <c r="SYN54" s="7">
        <f t="shared" si="1014"/>
        <v>3128.5920000000001</v>
      </c>
      <c r="SYO54" s="7">
        <f t="shared" si="1014"/>
        <v>3128.5920000000001</v>
      </c>
      <c r="SYP54" s="7">
        <f t="shared" si="1014"/>
        <v>3128.5920000000001</v>
      </c>
      <c r="SYQ54" s="7">
        <f t="shared" si="1014"/>
        <v>3128.5920000000001</v>
      </c>
      <c r="SYR54" s="7">
        <f t="shared" si="1014"/>
        <v>3128.5920000000001</v>
      </c>
      <c r="SYS54" s="7">
        <f t="shared" si="1014"/>
        <v>3128.5920000000001</v>
      </c>
      <c r="SYT54" s="7">
        <f t="shared" ref="SYT54:TBE54" si="1015">SYT49+SYS54</f>
        <v>3128.5920000000001</v>
      </c>
      <c r="SYU54" s="7">
        <f t="shared" si="1015"/>
        <v>3128.5920000000001</v>
      </c>
      <c r="SYV54" s="7">
        <f t="shared" si="1015"/>
        <v>3128.5920000000001</v>
      </c>
      <c r="SYW54" s="7">
        <f t="shared" si="1015"/>
        <v>3128.5920000000001</v>
      </c>
      <c r="SYX54" s="7">
        <f t="shared" si="1015"/>
        <v>3128.5920000000001</v>
      </c>
      <c r="SYY54" s="7">
        <f t="shared" si="1015"/>
        <v>3128.5920000000001</v>
      </c>
      <c r="SYZ54" s="7">
        <f t="shared" si="1015"/>
        <v>3128.5920000000001</v>
      </c>
      <c r="SZA54" s="7">
        <f t="shared" si="1015"/>
        <v>3128.5920000000001</v>
      </c>
      <c r="SZB54" s="7">
        <f t="shared" si="1015"/>
        <v>3128.5920000000001</v>
      </c>
      <c r="SZC54" s="7">
        <f t="shared" si="1015"/>
        <v>3128.5920000000001</v>
      </c>
      <c r="SZD54" s="7">
        <f t="shared" si="1015"/>
        <v>3128.5920000000001</v>
      </c>
      <c r="SZE54" s="7">
        <f t="shared" si="1015"/>
        <v>3128.5920000000001</v>
      </c>
      <c r="SZF54" s="7">
        <f t="shared" si="1015"/>
        <v>3128.5920000000001</v>
      </c>
      <c r="SZG54" s="7">
        <f t="shared" si="1015"/>
        <v>3128.5920000000001</v>
      </c>
      <c r="SZH54" s="7">
        <f t="shared" si="1015"/>
        <v>3128.5920000000001</v>
      </c>
      <c r="SZI54" s="7">
        <f t="shared" si="1015"/>
        <v>3128.5920000000001</v>
      </c>
      <c r="SZJ54" s="7">
        <f t="shared" si="1015"/>
        <v>3128.5920000000001</v>
      </c>
      <c r="SZK54" s="7">
        <f t="shared" si="1015"/>
        <v>3128.5920000000001</v>
      </c>
      <c r="SZL54" s="7">
        <f t="shared" si="1015"/>
        <v>3128.5920000000001</v>
      </c>
      <c r="SZM54" s="7">
        <f t="shared" si="1015"/>
        <v>3128.5920000000001</v>
      </c>
      <c r="SZN54" s="7">
        <f t="shared" si="1015"/>
        <v>3128.5920000000001</v>
      </c>
      <c r="SZO54" s="7">
        <f t="shared" si="1015"/>
        <v>3128.5920000000001</v>
      </c>
      <c r="SZP54" s="7">
        <f t="shared" si="1015"/>
        <v>3128.5920000000001</v>
      </c>
      <c r="SZQ54" s="7">
        <f t="shared" si="1015"/>
        <v>3128.5920000000001</v>
      </c>
      <c r="SZR54" s="7">
        <f t="shared" si="1015"/>
        <v>3128.5920000000001</v>
      </c>
      <c r="SZS54" s="7">
        <f t="shared" si="1015"/>
        <v>3128.5920000000001</v>
      </c>
      <c r="SZT54" s="7">
        <f t="shared" si="1015"/>
        <v>3128.5920000000001</v>
      </c>
      <c r="SZU54" s="7">
        <f t="shared" si="1015"/>
        <v>3128.5920000000001</v>
      </c>
      <c r="SZV54" s="7">
        <f t="shared" si="1015"/>
        <v>3128.5920000000001</v>
      </c>
      <c r="SZW54" s="7">
        <f t="shared" si="1015"/>
        <v>3128.5920000000001</v>
      </c>
      <c r="SZX54" s="7">
        <f t="shared" si="1015"/>
        <v>3128.5920000000001</v>
      </c>
      <c r="SZY54" s="7">
        <f t="shared" si="1015"/>
        <v>3128.5920000000001</v>
      </c>
      <c r="SZZ54" s="7">
        <f t="shared" si="1015"/>
        <v>3128.5920000000001</v>
      </c>
      <c r="TAA54" s="7">
        <f t="shared" si="1015"/>
        <v>3128.5920000000001</v>
      </c>
      <c r="TAB54" s="7">
        <f t="shared" si="1015"/>
        <v>3128.5920000000001</v>
      </c>
      <c r="TAC54" s="7">
        <f t="shared" si="1015"/>
        <v>3128.5920000000001</v>
      </c>
      <c r="TAD54" s="7">
        <f t="shared" si="1015"/>
        <v>3128.5920000000001</v>
      </c>
      <c r="TAE54" s="7">
        <f t="shared" si="1015"/>
        <v>3128.5920000000001</v>
      </c>
      <c r="TAF54" s="7">
        <f t="shared" si="1015"/>
        <v>3128.5920000000001</v>
      </c>
      <c r="TAG54" s="7">
        <f t="shared" si="1015"/>
        <v>3128.5920000000001</v>
      </c>
      <c r="TAH54" s="7">
        <f t="shared" si="1015"/>
        <v>3128.5920000000001</v>
      </c>
      <c r="TAI54" s="7">
        <f t="shared" si="1015"/>
        <v>3128.5920000000001</v>
      </c>
      <c r="TAJ54" s="7">
        <f t="shared" si="1015"/>
        <v>3128.5920000000001</v>
      </c>
      <c r="TAK54" s="7">
        <f t="shared" si="1015"/>
        <v>3128.5920000000001</v>
      </c>
      <c r="TAL54" s="7">
        <f t="shared" si="1015"/>
        <v>3128.5920000000001</v>
      </c>
      <c r="TAM54" s="7">
        <f t="shared" si="1015"/>
        <v>3128.5920000000001</v>
      </c>
      <c r="TAN54" s="7">
        <f t="shared" si="1015"/>
        <v>3128.5920000000001</v>
      </c>
      <c r="TAO54" s="7">
        <f t="shared" si="1015"/>
        <v>3128.5920000000001</v>
      </c>
      <c r="TAP54" s="7">
        <f t="shared" si="1015"/>
        <v>3128.5920000000001</v>
      </c>
      <c r="TAQ54" s="7">
        <f t="shared" si="1015"/>
        <v>3128.5920000000001</v>
      </c>
      <c r="TAR54" s="7">
        <f t="shared" si="1015"/>
        <v>3128.5920000000001</v>
      </c>
      <c r="TAS54" s="7">
        <f t="shared" si="1015"/>
        <v>3128.5920000000001</v>
      </c>
      <c r="TAT54" s="7">
        <f t="shared" si="1015"/>
        <v>3128.5920000000001</v>
      </c>
      <c r="TAU54" s="7">
        <f t="shared" si="1015"/>
        <v>3128.5920000000001</v>
      </c>
      <c r="TAV54" s="7">
        <f t="shared" si="1015"/>
        <v>3128.5920000000001</v>
      </c>
      <c r="TAW54" s="7">
        <f t="shared" si="1015"/>
        <v>3128.5920000000001</v>
      </c>
      <c r="TAX54" s="7">
        <f t="shared" si="1015"/>
        <v>3128.5920000000001</v>
      </c>
      <c r="TAY54" s="7">
        <f t="shared" si="1015"/>
        <v>3128.5920000000001</v>
      </c>
      <c r="TAZ54" s="7">
        <f t="shared" si="1015"/>
        <v>3128.5920000000001</v>
      </c>
      <c r="TBA54" s="7">
        <f t="shared" si="1015"/>
        <v>3128.5920000000001</v>
      </c>
      <c r="TBB54" s="7">
        <f t="shared" si="1015"/>
        <v>3128.5920000000001</v>
      </c>
      <c r="TBC54" s="7">
        <f t="shared" si="1015"/>
        <v>3128.5920000000001</v>
      </c>
      <c r="TBD54" s="7">
        <f t="shared" si="1015"/>
        <v>3128.5920000000001</v>
      </c>
      <c r="TBE54" s="7">
        <f t="shared" si="1015"/>
        <v>3128.5920000000001</v>
      </c>
      <c r="TBF54" s="7">
        <f t="shared" ref="TBF54:TDQ54" si="1016">TBF49+TBE54</f>
        <v>3128.5920000000001</v>
      </c>
      <c r="TBG54" s="7">
        <f t="shared" si="1016"/>
        <v>3128.5920000000001</v>
      </c>
      <c r="TBH54" s="7">
        <f t="shared" si="1016"/>
        <v>3128.5920000000001</v>
      </c>
      <c r="TBI54" s="7">
        <f t="shared" si="1016"/>
        <v>3128.5920000000001</v>
      </c>
      <c r="TBJ54" s="7">
        <f t="shared" si="1016"/>
        <v>3128.5920000000001</v>
      </c>
      <c r="TBK54" s="7">
        <f t="shared" si="1016"/>
        <v>3128.5920000000001</v>
      </c>
      <c r="TBL54" s="7">
        <f t="shared" si="1016"/>
        <v>3128.5920000000001</v>
      </c>
      <c r="TBM54" s="7">
        <f t="shared" si="1016"/>
        <v>3128.5920000000001</v>
      </c>
      <c r="TBN54" s="7">
        <f t="shared" si="1016"/>
        <v>3128.5920000000001</v>
      </c>
      <c r="TBO54" s="7">
        <f t="shared" si="1016"/>
        <v>3128.5920000000001</v>
      </c>
      <c r="TBP54" s="7">
        <f t="shared" si="1016"/>
        <v>3128.5920000000001</v>
      </c>
      <c r="TBQ54" s="7">
        <f t="shared" si="1016"/>
        <v>3128.5920000000001</v>
      </c>
      <c r="TBR54" s="7">
        <f t="shared" si="1016"/>
        <v>3128.5920000000001</v>
      </c>
      <c r="TBS54" s="7">
        <f t="shared" si="1016"/>
        <v>3128.5920000000001</v>
      </c>
      <c r="TBT54" s="7">
        <f t="shared" si="1016"/>
        <v>3128.5920000000001</v>
      </c>
      <c r="TBU54" s="7">
        <f t="shared" si="1016"/>
        <v>3128.5920000000001</v>
      </c>
      <c r="TBV54" s="7">
        <f t="shared" si="1016"/>
        <v>3128.5920000000001</v>
      </c>
      <c r="TBW54" s="7">
        <f t="shared" si="1016"/>
        <v>3128.5920000000001</v>
      </c>
      <c r="TBX54" s="7">
        <f t="shared" si="1016"/>
        <v>3128.5920000000001</v>
      </c>
      <c r="TBY54" s="7">
        <f t="shared" si="1016"/>
        <v>3128.5920000000001</v>
      </c>
      <c r="TBZ54" s="7">
        <f t="shared" si="1016"/>
        <v>3128.5920000000001</v>
      </c>
      <c r="TCA54" s="7">
        <f t="shared" si="1016"/>
        <v>3128.5920000000001</v>
      </c>
      <c r="TCB54" s="7">
        <f t="shared" si="1016"/>
        <v>3128.5920000000001</v>
      </c>
      <c r="TCC54" s="7">
        <f t="shared" si="1016"/>
        <v>3128.5920000000001</v>
      </c>
      <c r="TCD54" s="7">
        <f t="shared" si="1016"/>
        <v>3128.5920000000001</v>
      </c>
      <c r="TCE54" s="7">
        <f t="shared" si="1016"/>
        <v>3128.5920000000001</v>
      </c>
      <c r="TCF54" s="7">
        <f t="shared" si="1016"/>
        <v>3128.5920000000001</v>
      </c>
      <c r="TCG54" s="7">
        <f t="shared" si="1016"/>
        <v>3128.5920000000001</v>
      </c>
      <c r="TCH54" s="7">
        <f t="shared" si="1016"/>
        <v>3128.5920000000001</v>
      </c>
      <c r="TCI54" s="7">
        <f t="shared" si="1016"/>
        <v>3128.5920000000001</v>
      </c>
      <c r="TCJ54" s="7">
        <f t="shared" si="1016"/>
        <v>3128.5920000000001</v>
      </c>
      <c r="TCK54" s="7">
        <f t="shared" si="1016"/>
        <v>3128.5920000000001</v>
      </c>
      <c r="TCL54" s="7">
        <f t="shared" si="1016"/>
        <v>3128.5920000000001</v>
      </c>
      <c r="TCM54" s="7">
        <f t="shared" si="1016"/>
        <v>3128.5920000000001</v>
      </c>
      <c r="TCN54" s="7">
        <f t="shared" si="1016"/>
        <v>3128.5920000000001</v>
      </c>
      <c r="TCO54" s="7">
        <f t="shared" si="1016"/>
        <v>3128.5920000000001</v>
      </c>
      <c r="TCP54" s="7">
        <f t="shared" si="1016"/>
        <v>3128.5920000000001</v>
      </c>
      <c r="TCQ54" s="7">
        <f t="shared" si="1016"/>
        <v>3128.5920000000001</v>
      </c>
      <c r="TCR54" s="7">
        <f t="shared" si="1016"/>
        <v>3128.5920000000001</v>
      </c>
      <c r="TCS54" s="7">
        <f t="shared" si="1016"/>
        <v>3128.5920000000001</v>
      </c>
      <c r="TCT54" s="7">
        <f t="shared" si="1016"/>
        <v>3128.5920000000001</v>
      </c>
      <c r="TCU54" s="7">
        <f t="shared" si="1016"/>
        <v>3128.5920000000001</v>
      </c>
      <c r="TCV54" s="7">
        <f t="shared" si="1016"/>
        <v>3128.5920000000001</v>
      </c>
      <c r="TCW54" s="7">
        <f t="shared" si="1016"/>
        <v>3128.5920000000001</v>
      </c>
      <c r="TCX54" s="7">
        <f t="shared" si="1016"/>
        <v>3128.5920000000001</v>
      </c>
      <c r="TCY54" s="7">
        <f t="shared" si="1016"/>
        <v>3128.5920000000001</v>
      </c>
      <c r="TCZ54" s="7">
        <f t="shared" si="1016"/>
        <v>3128.5920000000001</v>
      </c>
      <c r="TDA54" s="7">
        <f t="shared" si="1016"/>
        <v>3128.5920000000001</v>
      </c>
      <c r="TDB54" s="7">
        <f t="shared" si="1016"/>
        <v>3128.5920000000001</v>
      </c>
      <c r="TDC54" s="7">
        <f t="shared" si="1016"/>
        <v>3128.5920000000001</v>
      </c>
      <c r="TDD54" s="7">
        <f t="shared" si="1016"/>
        <v>3128.5920000000001</v>
      </c>
      <c r="TDE54" s="7">
        <f t="shared" si="1016"/>
        <v>3128.5920000000001</v>
      </c>
      <c r="TDF54" s="7">
        <f t="shared" si="1016"/>
        <v>3128.5920000000001</v>
      </c>
      <c r="TDG54" s="7">
        <f t="shared" si="1016"/>
        <v>3128.5920000000001</v>
      </c>
      <c r="TDH54" s="7">
        <f t="shared" si="1016"/>
        <v>3128.5920000000001</v>
      </c>
      <c r="TDI54" s="7">
        <f t="shared" si="1016"/>
        <v>3128.5920000000001</v>
      </c>
      <c r="TDJ54" s="7">
        <f t="shared" si="1016"/>
        <v>3128.5920000000001</v>
      </c>
      <c r="TDK54" s="7">
        <f t="shared" si="1016"/>
        <v>3128.5920000000001</v>
      </c>
      <c r="TDL54" s="7">
        <f t="shared" si="1016"/>
        <v>3128.5920000000001</v>
      </c>
      <c r="TDM54" s="7">
        <f t="shared" si="1016"/>
        <v>3128.5920000000001</v>
      </c>
      <c r="TDN54" s="7">
        <f t="shared" si="1016"/>
        <v>3128.5920000000001</v>
      </c>
      <c r="TDO54" s="7">
        <f t="shared" si="1016"/>
        <v>3128.5920000000001</v>
      </c>
      <c r="TDP54" s="7">
        <f t="shared" si="1016"/>
        <v>3128.5920000000001</v>
      </c>
      <c r="TDQ54" s="7">
        <f t="shared" si="1016"/>
        <v>3128.5920000000001</v>
      </c>
      <c r="TDR54" s="7">
        <f t="shared" ref="TDR54:TGC54" si="1017">TDR49+TDQ54</f>
        <v>3128.5920000000001</v>
      </c>
      <c r="TDS54" s="7">
        <f t="shared" si="1017"/>
        <v>3128.5920000000001</v>
      </c>
      <c r="TDT54" s="7">
        <f t="shared" si="1017"/>
        <v>3128.5920000000001</v>
      </c>
      <c r="TDU54" s="7">
        <f t="shared" si="1017"/>
        <v>3128.5920000000001</v>
      </c>
      <c r="TDV54" s="7">
        <f t="shared" si="1017"/>
        <v>3128.5920000000001</v>
      </c>
      <c r="TDW54" s="7">
        <f t="shared" si="1017"/>
        <v>3128.5920000000001</v>
      </c>
      <c r="TDX54" s="7">
        <f t="shared" si="1017"/>
        <v>3128.5920000000001</v>
      </c>
      <c r="TDY54" s="7">
        <f t="shared" si="1017"/>
        <v>3128.5920000000001</v>
      </c>
      <c r="TDZ54" s="7">
        <f t="shared" si="1017"/>
        <v>3128.5920000000001</v>
      </c>
      <c r="TEA54" s="7">
        <f t="shared" si="1017"/>
        <v>3128.5920000000001</v>
      </c>
      <c r="TEB54" s="7">
        <f t="shared" si="1017"/>
        <v>3128.5920000000001</v>
      </c>
      <c r="TEC54" s="7">
        <f t="shared" si="1017"/>
        <v>3128.5920000000001</v>
      </c>
      <c r="TED54" s="7">
        <f t="shared" si="1017"/>
        <v>3128.5920000000001</v>
      </c>
      <c r="TEE54" s="7">
        <f t="shared" si="1017"/>
        <v>3128.5920000000001</v>
      </c>
      <c r="TEF54" s="7">
        <f t="shared" si="1017"/>
        <v>3128.5920000000001</v>
      </c>
      <c r="TEG54" s="7">
        <f t="shared" si="1017"/>
        <v>3128.5920000000001</v>
      </c>
      <c r="TEH54" s="7">
        <f t="shared" si="1017"/>
        <v>3128.5920000000001</v>
      </c>
      <c r="TEI54" s="7">
        <f t="shared" si="1017"/>
        <v>3128.5920000000001</v>
      </c>
      <c r="TEJ54" s="7">
        <f t="shared" si="1017"/>
        <v>3128.5920000000001</v>
      </c>
      <c r="TEK54" s="7">
        <f t="shared" si="1017"/>
        <v>3128.5920000000001</v>
      </c>
      <c r="TEL54" s="7">
        <f t="shared" si="1017"/>
        <v>3128.5920000000001</v>
      </c>
      <c r="TEM54" s="7">
        <f t="shared" si="1017"/>
        <v>3128.5920000000001</v>
      </c>
      <c r="TEN54" s="7">
        <f t="shared" si="1017"/>
        <v>3128.5920000000001</v>
      </c>
      <c r="TEO54" s="7">
        <f t="shared" si="1017"/>
        <v>3128.5920000000001</v>
      </c>
      <c r="TEP54" s="7">
        <f t="shared" si="1017"/>
        <v>3128.5920000000001</v>
      </c>
      <c r="TEQ54" s="7">
        <f t="shared" si="1017"/>
        <v>3128.5920000000001</v>
      </c>
      <c r="TER54" s="7">
        <f t="shared" si="1017"/>
        <v>3128.5920000000001</v>
      </c>
      <c r="TES54" s="7">
        <f t="shared" si="1017"/>
        <v>3128.5920000000001</v>
      </c>
      <c r="TET54" s="7">
        <f t="shared" si="1017"/>
        <v>3128.5920000000001</v>
      </c>
      <c r="TEU54" s="7">
        <f t="shared" si="1017"/>
        <v>3128.5920000000001</v>
      </c>
      <c r="TEV54" s="7">
        <f t="shared" si="1017"/>
        <v>3128.5920000000001</v>
      </c>
      <c r="TEW54" s="7">
        <f t="shared" si="1017"/>
        <v>3128.5920000000001</v>
      </c>
      <c r="TEX54" s="7">
        <f t="shared" si="1017"/>
        <v>3128.5920000000001</v>
      </c>
      <c r="TEY54" s="7">
        <f t="shared" si="1017"/>
        <v>3128.5920000000001</v>
      </c>
      <c r="TEZ54" s="7">
        <f t="shared" si="1017"/>
        <v>3128.5920000000001</v>
      </c>
      <c r="TFA54" s="7">
        <f t="shared" si="1017"/>
        <v>3128.5920000000001</v>
      </c>
      <c r="TFB54" s="7">
        <f t="shared" si="1017"/>
        <v>3128.5920000000001</v>
      </c>
      <c r="TFC54" s="7">
        <f t="shared" si="1017"/>
        <v>3128.5920000000001</v>
      </c>
      <c r="TFD54" s="7">
        <f t="shared" si="1017"/>
        <v>3128.5920000000001</v>
      </c>
      <c r="TFE54" s="7">
        <f t="shared" si="1017"/>
        <v>3128.5920000000001</v>
      </c>
      <c r="TFF54" s="7">
        <f t="shared" si="1017"/>
        <v>3128.5920000000001</v>
      </c>
      <c r="TFG54" s="7">
        <f t="shared" si="1017"/>
        <v>3128.5920000000001</v>
      </c>
      <c r="TFH54" s="7">
        <f t="shared" si="1017"/>
        <v>3128.5920000000001</v>
      </c>
      <c r="TFI54" s="7">
        <f t="shared" si="1017"/>
        <v>3128.5920000000001</v>
      </c>
      <c r="TFJ54" s="7">
        <f t="shared" si="1017"/>
        <v>3128.5920000000001</v>
      </c>
      <c r="TFK54" s="7">
        <f t="shared" si="1017"/>
        <v>3128.5920000000001</v>
      </c>
      <c r="TFL54" s="7">
        <f t="shared" si="1017"/>
        <v>3128.5920000000001</v>
      </c>
      <c r="TFM54" s="7">
        <f t="shared" si="1017"/>
        <v>3128.5920000000001</v>
      </c>
      <c r="TFN54" s="7">
        <f t="shared" si="1017"/>
        <v>3128.5920000000001</v>
      </c>
      <c r="TFO54" s="7">
        <f t="shared" si="1017"/>
        <v>3128.5920000000001</v>
      </c>
      <c r="TFP54" s="7">
        <f t="shared" si="1017"/>
        <v>3128.5920000000001</v>
      </c>
      <c r="TFQ54" s="7">
        <f t="shared" si="1017"/>
        <v>3128.5920000000001</v>
      </c>
      <c r="TFR54" s="7">
        <f t="shared" si="1017"/>
        <v>3128.5920000000001</v>
      </c>
      <c r="TFS54" s="7">
        <f t="shared" si="1017"/>
        <v>3128.5920000000001</v>
      </c>
      <c r="TFT54" s="7">
        <f t="shared" si="1017"/>
        <v>3128.5920000000001</v>
      </c>
      <c r="TFU54" s="7">
        <f t="shared" si="1017"/>
        <v>3128.5920000000001</v>
      </c>
      <c r="TFV54" s="7">
        <f t="shared" si="1017"/>
        <v>3128.5920000000001</v>
      </c>
      <c r="TFW54" s="7">
        <f t="shared" si="1017"/>
        <v>3128.5920000000001</v>
      </c>
      <c r="TFX54" s="7">
        <f t="shared" si="1017"/>
        <v>3128.5920000000001</v>
      </c>
      <c r="TFY54" s="7">
        <f t="shared" si="1017"/>
        <v>3128.5920000000001</v>
      </c>
      <c r="TFZ54" s="7">
        <f t="shared" si="1017"/>
        <v>3128.5920000000001</v>
      </c>
      <c r="TGA54" s="7">
        <f t="shared" si="1017"/>
        <v>3128.5920000000001</v>
      </c>
      <c r="TGB54" s="7">
        <f t="shared" si="1017"/>
        <v>3128.5920000000001</v>
      </c>
      <c r="TGC54" s="7">
        <f t="shared" si="1017"/>
        <v>3128.5920000000001</v>
      </c>
      <c r="TGD54" s="7">
        <f t="shared" ref="TGD54:TIO54" si="1018">TGD49+TGC54</f>
        <v>3128.5920000000001</v>
      </c>
      <c r="TGE54" s="7">
        <f t="shared" si="1018"/>
        <v>3128.5920000000001</v>
      </c>
      <c r="TGF54" s="7">
        <f t="shared" si="1018"/>
        <v>3128.5920000000001</v>
      </c>
      <c r="TGG54" s="7">
        <f t="shared" si="1018"/>
        <v>3128.5920000000001</v>
      </c>
      <c r="TGH54" s="7">
        <f t="shared" si="1018"/>
        <v>3128.5920000000001</v>
      </c>
      <c r="TGI54" s="7">
        <f t="shared" si="1018"/>
        <v>3128.5920000000001</v>
      </c>
      <c r="TGJ54" s="7">
        <f t="shared" si="1018"/>
        <v>3128.5920000000001</v>
      </c>
      <c r="TGK54" s="7">
        <f t="shared" si="1018"/>
        <v>3128.5920000000001</v>
      </c>
      <c r="TGL54" s="7">
        <f t="shared" si="1018"/>
        <v>3128.5920000000001</v>
      </c>
      <c r="TGM54" s="7">
        <f t="shared" si="1018"/>
        <v>3128.5920000000001</v>
      </c>
      <c r="TGN54" s="7">
        <f t="shared" si="1018"/>
        <v>3128.5920000000001</v>
      </c>
      <c r="TGO54" s="7">
        <f t="shared" si="1018"/>
        <v>3128.5920000000001</v>
      </c>
      <c r="TGP54" s="7">
        <f t="shared" si="1018"/>
        <v>3128.5920000000001</v>
      </c>
      <c r="TGQ54" s="7">
        <f t="shared" si="1018"/>
        <v>3128.5920000000001</v>
      </c>
      <c r="TGR54" s="7">
        <f t="shared" si="1018"/>
        <v>3128.5920000000001</v>
      </c>
      <c r="TGS54" s="7">
        <f t="shared" si="1018"/>
        <v>3128.5920000000001</v>
      </c>
      <c r="TGT54" s="7">
        <f t="shared" si="1018"/>
        <v>3128.5920000000001</v>
      </c>
      <c r="TGU54" s="7">
        <f t="shared" si="1018"/>
        <v>3128.5920000000001</v>
      </c>
      <c r="TGV54" s="7">
        <f t="shared" si="1018"/>
        <v>3128.5920000000001</v>
      </c>
      <c r="TGW54" s="7">
        <f t="shared" si="1018"/>
        <v>3128.5920000000001</v>
      </c>
      <c r="TGX54" s="7">
        <f t="shared" si="1018"/>
        <v>3128.5920000000001</v>
      </c>
      <c r="TGY54" s="7">
        <f t="shared" si="1018"/>
        <v>3128.5920000000001</v>
      </c>
      <c r="TGZ54" s="7">
        <f t="shared" si="1018"/>
        <v>3128.5920000000001</v>
      </c>
      <c r="THA54" s="7">
        <f t="shared" si="1018"/>
        <v>3128.5920000000001</v>
      </c>
      <c r="THB54" s="7">
        <f t="shared" si="1018"/>
        <v>3128.5920000000001</v>
      </c>
      <c r="THC54" s="7">
        <f t="shared" si="1018"/>
        <v>3128.5920000000001</v>
      </c>
      <c r="THD54" s="7">
        <f t="shared" si="1018"/>
        <v>3128.5920000000001</v>
      </c>
      <c r="THE54" s="7">
        <f t="shared" si="1018"/>
        <v>3128.5920000000001</v>
      </c>
      <c r="THF54" s="7">
        <f t="shared" si="1018"/>
        <v>3128.5920000000001</v>
      </c>
      <c r="THG54" s="7">
        <f t="shared" si="1018"/>
        <v>3128.5920000000001</v>
      </c>
      <c r="THH54" s="7">
        <f t="shared" si="1018"/>
        <v>3128.5920000000001</v>
      </c>
      <c r="THI54" s="7">
        <f t="shared" si="1018"/>
        <v>3128.5920000000001</v>
      </c>
      <c r="THJ54" s="7">
        <f t="shared" si="1018"/>
        <v>3128.5920000000001</v>
      </c>
      <c r="THK54" s="7">
        <f t="shared" si="1018"/>
        <v>3128.5920000000001</v>
      </c>
      <c r="THL54" s="7">
        <f t="shared" si="1018"/>
        <v>3128.5920000000001</v>
      </c>
      <c r="THM54" s="7">
        <f t="shared" si="1018"/>
        <v>3128.5920000000001</v>
      </c>
      <c r="THN54" s="7">
        <f t="shared" si="1018"/>
        <v>3128.5920000000001</v>
      </c>
      <c r="THO54" s="7">
        <f t="shared" si="1018"/>
        <v>3128.5920000000001</v>
      </c>
      <c r="THP54" s="7">
        <f t="shared" si="1018"/>
        <v>3128.5920000000001</v>
      </c>
      <c r="THQ54" s="7">
        <f t="shared" si="1018"/>
        <v>3128.5920000000001</v>
      </c>
      <c r="THR54" s="7">
        <f t="shared" si="1018"/>
        <v>3128.5920000000001</v>
      </c>
      <c r="THS54" s="7">
        <f t="shared" si="1018"/>
        <v>3128.5920000000001</v>
      </c>
      <c r="THT54" s="7">
        <f t="shared" si="1018"/>
        <v>3128.5920000000001</v>
      </c>
      <c r="THU54" s="7">
        <f t="shared" si="1018"/>
        <v>3128.5920000000001</v>
      </c>
      <c r="THV54" s="7">
        <f t="shared" si="1018"/>
        <v>3128.5920000000001</v>
      </c>
      <c r="THW54" s="7">
        <f t="shared" si="1018"/>
        <v>3128.5920000000001</v>
      </c>
      <c r="THX54" s="7">
        <f t="shared" si="1018"/>
        <v>3128.5920000000001</v>
      </c>
      <c r="THY54" s="7">
        <f t="shared" si="1018"/>
        <v>3128.5920000000001</v>
      </c>
      <c r="THZ54" s="7">
        <f t="shared" si="1018"/>
        <v>3128.5920000000001</v>
      </c>
      <c r="TIA54" s="7">
        <f t="shared" si="1018"/>
        <v>3128.5920000000001</v>
      </c>
      <c r="TIB54" s="7">
        <f t="shared" si="1018"/>
        <v>3128.5920000000001</v>
      </c>
      <c r="TIC54" s="7">
        <f t="shared" si="1018"/>
        <v>3128.5920000000001</v>
      </c>
      <c r="TID54" s="7">
        <f t="shared" si="1018"/>
        <v>3128.5920000000001</v>
      </c>
      <c r="TIE54" s="7">
        <f t="shared" si="1018"/>
        <v>3128.5920000000001</v>
      </c>
      <c r="TIF54" s="7">
        <f t="shared" si="1018"/>
        <v>3128.5920000000001</v>
      </c>
      <c r="TIG54" s="7">
        <f t="shared" si="1018"/>
        <v>3128.5920000000001</v>
      </c>
      <c r="TIH54" s="7">
        <f t="shared" si="1018"/>
        <v>3128.5920000000001</v>
      </c>
      <c r="TII54" s="7">
        <f t="shared" si="1018"/>
        <v>3128.5920000000001</v>
      </c>
      <c r="TIJ54" s="7">
        <f t="shared" si="1018"/>
        <v>3128.5920000000001</v>
      </c>
      <c r="TIK54" s="7">
        <f t="shared" si="1018"/>
        <v>3128.5920000000001</v>
      </c>
      <c r="TIL54" s="7">
        <f t="shared" si="1018"/>
        <v>3128.5920000000001</v>
      </c>
      <c r="TIM54" s="7">
        <f t="shared" si="1018"/>
        <v>3128.5920000000001</v>
      </c>
      <c r="TIN54" s="7">
        <f t="shared" si="1018"/>
        <v>3128.5920000000001</v>
      </c>
      <c r="TIO54" s="7">
        <f t="shared" si="1018"/>
        <v>3128.5920000000001</v>
      </c>
      <c r="TIP54" s="7">
        <f t="shared" ref="TIP54:TLA54" si="1019">TIP49+TIO54</f>
        <v>3128.5920000000001</v>
      </c>
      <c r="TIQ54" s="7">
        <f t="shared" si="1019"/>
        <v>3128.5920000000001</v>
      </c>
      <c r="TIR54" s="7">
        <f t="shared" si="1019"/>
        <v>3128.5920000000001</v>
      </c>
      <c r="TIS54" s="7">
        <f t="shared" si="1019"/>
        <v>3128.5920000000001</v>
      </c>
      <c r="TIT54" s="7">
        <f t="shared" si="1019"/>
        <v>3128.5920000000001</v>
      </c>
      <c r="TIU54" s="7">
        <f t="shared" si="1019"/>
        <v>3128.5920000000001</v>
      </c>
      <c r="TIV54" s="7">
        <f t="shared" si="1019"/>
        <v>3128.5920000000001</v>
      </c>
      <c r="TIW54" s="7">
        <f t="shared" si="1019"/>
        <v>3128.5920000000001</v>
      </c>
      <c r="TIX54" s="7">
        <f t="shared" si="1019"/>
        <v>3128.5920000000001</v>
      </c>
      <c r="TIY54" s="7">
        <f t="shared" si="1019"/>
        <v>3128.5920000000001</v>
      </c>
      <c r="TIZ54" s="7">
        <f t="shared" si="1019"/>
        <v>3128.5920000000001</v>
      </c>
      <c r="TJA54" s="7">
        <f t="shared" si="1019"/>
        <v>3128.5920000000001</v>
      </c>
      <c r="TJB54" s="7">
        <f t="shared" si="1019"/>
        <v>3128.5920000000001</v>
      </c>
      <c r="TJC54" s="7">
        <f t="shared" si="1019"/>
        <v>3128.5920000000001</v>
      </c>
      <c r="TJD54" s="7">
        <f t="shared" si="1019"/>
        <v>3128.5920000000001</v>
      </c>
      <c r="TJE54" s="7">
        <f t="shared" si="1019"/>
        <v>3128.5920000000001</v>
      </c>
      <c r="TJF54" s="7">
        <f t="shared" si="1019"/>
        <v>3128.5920000000001</v>
      </c>
      <c r="TJG54" s="7">
        <f t="shared" si="1019"/>
        <v>3128.5920000000001</v>
      </c>
      <c r="TJH54" s="7">
        <f t="shared" si="1019"/>
        <v>3128.5920000000001</v>
      </c>
      <c r="TJI54" s="7">
        <f t="shared" si="1019"/>
        <v>3128.5920000000001</v>
      </c>
      <c r="TJJ54" s="7">
        <f t="shared" si="1019"/>
        <v>3128.5920000000001</v>
      </c>
      <c r="TJK54" s="7">
        <f t="shared" si="1019"/>
        <v>3128.5920000000001</v>
      </c>
      <c r="TJL54" s="7">
        <f t="shared" si="1019"/>
        <v>3128.5920000000001</v>
      </c>
      <c r="TJM54" s="7">
        <f t="shared" si="1019"/>
        <v>3128.5920000000001</v>
      </c>
      <c r="TJN54" s="7">
        <f t="shared" si="1019"/>
        <v>3128.5920000000001</v>
      </c>
      <c r="TJO54" s="7">
        <f t="shared" si="1019"/>
        <v>3128.5920000000001</v>
      </c>
      <c r="TJP54" s="7">
        <f t="shared" si="1019"/>
        <v>3128.5920000000001</v>
      </c>
      <c r="TJQ54" s="7">
        <f t="shared" si="1019"/>
        <v>3128.5920000000001</v>
      </c>
      <c r="TJR54" s="7">
        <f t="shared" si="1019"/>
        <v>3128.5920000000001</v>
      </c>
      <c r="TJS54" s="7">
        <f t="shared" si="1019"/>
        <v>3128.5920000000001</v>
      </c>
      <c r="TJT54" s="7">
        <f t="shared" si="1019"/>
        <v>3128.5920000000001</v>
      </c>
      <c r="TJU54" s="7">
        <f t="shared" si="1019"/>
        <v>3128.5920000000001</v>
      </c>
      <c r="TJV54" s="7">
        <f t="shared" si="1019"/>
        <v>3128.5920000000001</v>
      </c>
      <c r="TJW54" s="7">
        <f t="shared" si="1019"/>
        <v>3128.5920000000001</v>
      </c>
      <c r="TJX54" s="7">
        <f t="shared" si="1019"/>
        <v>3128.5920000000001</v>
      </c>
      <c r="TJY54" s="7">
        <f t="shared" si="1019"/>
        <v>3128.5920000000001</v>
      </c>
      <c r="TJZ54" s="7">
        <f t="shared" si="1019"/>
        <v>3128.5920000000001</v>
      </c>
      <c r="TKA54" s="7">
        <f t="shared" si="1019"/>
        <v>3128.5920000000001</v>
      </c>
      <c r="TKB54" s="7">
        <f t="shared" si="1019"/>
        <v>3128.5920000000001</v>
      </c>
      <c r="TKC54" s="7">
        <f t="shared" si="1019"/>
        <v>3128.5920000000001</v>
      </c>
      <c r="TKD54" s="7">
        <f t="shared" si="1019"/>
        <v>3128.5920000000001</v>
      </c>
      <c r="TKE54" s="7">
        <f t="shared" si="1019"/>
        <v>3128.5920000000001</v>
      </c>
      <c r="TKF54" s="7">
        <f t="shared" si="1019"/>
        <v>3128.5920000000001</v>
      </c>
      <c r="TKG54" s="7">
        <f t="shared" si="1019"/>
        <v>3128.5920000000001</v>
      </c>
      <c r="TKH54" s="7">
        <f t="shared" si="1019"/>
        <v>3128.5920000000001</v>
      </c>
      <c r="TKI54" s="7">
        <f t="shared" si="1019"/>
        <v>3128.5920000000001</v>
      </c>
      <c r="TKJ54" s="7">
        <f t="shared" si="1019"/>
        <v>3128.5920000000001</v>
      </c>
      <c r="TKK54" s="7">
        <f t="shared" si="1019"/>
        <v>3128.5920000000001</v>
      </c>
      <c r="TKL54" s="7">
        <f t="shared" si="1019"/>
        <v>3128.5920000000001</v>
      </c>
      <c r="TKM54" s="7">
        <f t="shared" si="1019"/>
        <v>3128.5920000000001</v>
      </c>
      <c r="TKN54" s="7">
        <f t="shared" si="1019"/>
        <v>3128.5920000000001</v>
      </c>
      <c r="TKO54" s="7">
        <f t="shared" si="1019"/>
        <v>3128.5920000000001</v>
      </c>
      <c r="TKP54" s="7">
        <f t="shared" si="1019"/>
        <v>3128.5920000000001</v>
      </c>
      <c r="TKQ54" s="7">
        <f t="shared" si="1019"/>
        <v>3128.5920000000001</v>
      </c>
      <c r="TKR54" s="7">
        <f t="shared" si="1019"/>
        <v>3128.5920000000001</v>
      </c>
      <c r="TKS54" s="7">
        <f t="shared" si="1019"/>
        <v>3128.5920000000001</v>
      </c>
      <c r="TKT54" s="7">
        <f t="shared" si="1019"/>
        <v>3128.5920000000001</v>
      </c>
      <c r="TKU54" s="7">
        <f t="shared" si="1019"/>
        <v>3128.5920000000001</v>
      </c>
      <c r="TKV54" s="7">
        <f t="shared" si="1019"/>
        <v>3128.5920000000001</v>
      </c>
      <c r="TKW54" s="7">
        <f t="shared" si="1019"/>
        <v>3128.5920000000001</v>
      </c>
      <c r="TKX54" s="7">
        <f t="shared" si="1019"/>
        <v>3128.5920000000001</v>
      </c>
      <c r="TKY54" s="7">
        <f t="shared" si="1019"/>
        <v>3128.5920000000001</v>
      </c>
      <c r="TKZ54" s="7">
        <f t="shared" si="1019"/>
        <v>3128.5920000000001</v>
      </c>
      <c r="TLA54" s="7">
        <f t="shared" si="1019"/>
        <v>3128.5920000000001</v>
      </c>
      <c r="TLB54" s="7">
        <f t="shared" ref="TLB54:TNM54" si="1020">TLB49+TLA54</f>
        <v>3128.5920000000001</v>
      </c>
      <c r="TLC54" s="7">
        <f t="shared" si="1020"/>
        <v>3128.5920000000001</v>
      </c>
      <c r="TLD54" s="7">
        <f t="shared" si="1020"/>
        <v>3128.5920000000001</v>
      </c>
      <c r="TLE54" s="7">
        <f t="shared" si="1020"/>
        <v>3128.5920000000001</v>
      </c>
      <c r="TLF54" s="7">
        <f t="shared" si="1020"/>
        <v>3128.5920000000001</v>
      </c>
      <c r="TLG54" s="7">
        <f t="shared" si="1020"/>
        <v>3128.5920000000001</v>
      </c>
      <c r="TLH54" s="7">
        <f t="shared" si="1020"/>
        <v>3128.5920000000001</v>
      </c>
      <c r="TLI54" s="7">
        <f t="shared" si="1020"/>
        <v>3128.5920000000001</v>
      </c>
      <c r="TLJ54" s="7">
        <f t="shared" si="1020"/>
        <v>3128.5920000000001</v>
      </c>
      <c r="TLK54" s="7">
        <f t="shared" si="1020"/>
        <v>3128.5920000000001</v>
      </c>
      <c r="TLL54" s="7">
        <f t="shared" si="1020"/>
        <v>3128.5920000000001</v>
      </c>
      <c r="TLM54" s="7">
        <f t="shared" si="1020"/>
        <v>3128.5920000000001</v>
      </c>
      <c r="TLN54" s="7">
        <f t="shared" si="1020"/>
        <v>3128.5920000000001</v>
      </c>
      <c r="TLO54" s="7">
        <f t="shared" si="1020"/>
        <v>3128.5920000000001</v>
      </c>
      <c r="TLP54" s="7">
        <f t="shared" si="1020"/>
        <v>3128.5920000000001</v>
      </c>
      <c r="TLQ54" s="7">
        <f t="shared" si="1020"/>
        <v>3128.5920000000001</v>
      </c>
      <c r="TLR54" s="7">
        <f t="shared" si="1020"/>
        <v>3128.5920000000001</v>
      </c>
      <c r="TLS54" s="7">
        <f t="shared" si="1020"/>
        <v>3128.5920000000001</v>
      </c>
      <c r="TLT54" s="7">
        <f t="shared" si="1020"/>
        <v>3128.5920000000001</v>
      </c>
      <c r="TLU54" s="7">
        <f t="shared" si="1020"/>
        <v>3128.5920000000001</v>
      </c>
      <c r="TLV54" s="7">
        <f t="shared" si="1020"/>
        <v>3128.5920000000001</v>
      </c>
      <c r="TLW54" s="7">
        <f t="shared" si="1020"/>
        <v>3128.5920000000001</v>
      </c>
      <c r="TLX54" s="7">
        <f t="shared" si="1020"/>
        <v>3128.5920000000001</v>
      </c>
      <c r="TLY54" s="7">
        <f t="shared" si="1020"/>
        <v>3128.5920000000001</v>
      </c>
      <c r="TLZ54" s="7">
        <f t="shared" si="1020"/>
        <v>3128.5920000000001</v>
      </c>
      <c r="TMA54" s="7">
        <f t="shared" si="1020"/>
        <v>3128.5920000000001</v>
      </c>
      <c r="TMB54" s="7">
        <f t="shared" si="1020"/>
        <v>3128.5920000000001</v>
      </c>
      <c r="TMC54" s="7">
        <f t="shared" si="1020"/>
        <v>3128.5920000000001</v>
      </c>
      <c r="TMD54" s="7">
        <f t="shared" si="1020"/>
        <v>3128.5920000000001</v>
      </c>
      <c r="TME54" s="7">
        <f t="shared" si="1020"/>
        <v>3128.5920000000001</v>
      </c>
      <c r="TMF54" s="7">
        <f t="shared" si="1020"/>
        <v>3128.5920000000001</v>
      </c>
      <c r="TMG54" s="7">
        <f t="shared" si="1020"/>
        <v>3128.5920000000001</v>
      </c>
      <c r="TMH54" s="7">
        <f t="shared" si="1020"/>
        <v>3128.5920000000001</v>
      </c>
      <c r="TMI54" s="7">
        <f t="shared" si="1020"/>
        <v>3128.5920000000001</v>
      </c>
      <c r="TMJ54" s="7">
        <f t="shared" si="1020"/>
        <v>3128.5920000000001</v>
      </c>
      <c r="TMK54" s="7">
        <f t="shared" si="1020"/>
        <v>3128.5920000000001</v>
      </c>
      <c r="TML54" s="7">
        <f t="shared" si="1020"/>
        <v>3128.5920000000001</v>
      </c>
      <c r="TMM54" s="7">
        <f t="shared" si="1020"/>
        <v>3128.5920000000001</v>
      </c>
      <c r="TMN54" s="7">
        <f t="shared" si="1020"/>
        <v>3128.5920000000001</v>
      </c>
      <c r="TMO54" s="7">
        <f t="shared" si="1020"/>
        <v>3128.5920000000001</v>
      </c>
      <c r="TMP54" s="7">
        <f t="shared" si="1020"/>
        <v>3128.5920000000001</v>
      </c>
      <c r="TMQ54" s="7">
        <f t="shared" si="1020"/>
        <v>3128.5920000000001</v>
      </c>
      <c r="TMR54" s="7">
        <f t="shared" si="1020"/>
        <v>3128.5920000000001</v>
      </c>
      <c r="TMS54" s="7">
        <f t="shared" si="1020"/>
        <v>3128.5920000000001</v>
      </c>
      <c r="TMT54" s="7">
        <f t="shared" si="1020"/>
        <v>3128.5920000000001</v>
      </c>
      <c r="TMU54" s="7">
        <f t="shared" si="1020"/>
        <v>3128.5920000000001</v>
      </c>
      <c r="TMV54" s="7">
        <f t="shared" si="1020"/>
        <v>3128.5920000000001</v>
      </c>
      <c r="TMW54" s="7">
        <f t="shared" si="1020"/>
        <v>3128.5920000000001</v>
      </c>
      <c r="TMX54" s="7">
        <f t="shared" si="1020"/>
        <v>3128.5920000000001</v>
      </c>
      <c r="TMY54" s="7">
        <f t="shared" si="1020"/>
        <v>3128.5920000000001</v>
      </c>
      <c r="TMZ54" s="7">
        <f t="shared" si="1020"/>
        <v>3128.5920000000001</v>
      </c>
      <c r="TNA54" s="7">
        <f t="shared" si="1020"/>
        <v>3128.5920000000001</v>
      </c>
      <c r="TNB54" s="7">
        <f t="shared" si="1020"/>
        <v>3128.5920000000001</v>
      </c>
      <c r="TNC54" s="7">
        <f t="shared" si="1020"/>
        <v>3128.5920000000001</v>
      </c>
      <c r="TND54" s="7">
        <f t="shared" si="1020"/>
        <v>3128.5920000000001</v>
      </c>
      <c r="TNE54" s="7">
        <f t="shared" si="1020"/>
        <v>3128.5920000000001</v>
      </c>
      <c r="TNF54" s="7">
        <f t="shared" si="1020"/>
        <v>3128.5920000000001</v>
      </c>
      <c r="TNG54" s="7">
        <f t="shared" si="1020"/>
        <v>3128.5920000000001</v>
      </c>
      <c r="TNH54" s="7">
        <f t="shared" si="1020"/>
        <v>3128.5920000000001</v>
      </c>
      <c r="TNI54" s="7">
        <f t="shared" si="1020"/>
        <v>3128.5920000000001</v>
      </c>
      <c r="TNJ54" s="7">
        <f t="shared" si="1020"/>
        <v>3128.5920000000001</v>
      </c>
      <c r="TNK54" s="7">
        <f t="shared" si="1020"/>
        <v>3128.5920000000001</v>
      </c>
      <c r="TNL54" s="7">
        <f t="shared" si="1020"/>
        <v>3128.5920000000001</v>
      </c>
      <c r="TNM54" s="7">
        <f t="shared" si="1020"/>
        <v>3128.5920000000001</v>
      </c>
      <c r="TNN54" s="7">
        <f t="shared" ref="TNN54:TPY54" si="1021">TNN49+TNM54</f>
        <v>3128.5920000000001</v>
      </c>
      <c r="TNO54" s="7">
        <f t="shared" si="1021"/>
        <v>3128.5920000000001</v>
      </c>
      <c r="TNP54" s="7">
        <f t="shared" si="1021"/>
        <v>3128.5920000000001</v>
      </c>
      <c r="TNQ54" s="7">
        <f t="shared" si="1021"/>
        <v>3128.5920000000001</v>
      </c>
      <c r="TNR54" s="7">
        <f t="shared" si="1021"/>
        <v>3128.5920000000001</v>
      </c>
      <c r="TNS54" s="7">
        <f t="shared" si="1021"/>
        <v>3128.5920000000001</v>
      </c>
      <c r="TNT54" s="7">
        <f t="shared" si="1021"/>
        <v>3128.5920000000001</v>
      </c>
      <c r="TNU54" s="7">
        <f t="shared" si="1021"/>
        <v>3128.5920000000001</v>
      </c>
      <c r="TNV54" s="7">
        <f t="shared" si="1021"/>
        <v>3128.5920000000001</v>
      </c>
      <c r="TNW54" s="7">
        <f t="shared" si="1021"/>
        <v>3128.5920000000001</v>
      </c>
      <c r="TNX54" s="7">
        <f t="shared" si="1021"/>
        <v>3128.5920000000001</v>
      </c>
      <c r="TNY54" s="7">
        <f t="shared" si="1021"/>
        <v>3128.5920000000001</v>
      </c>
      <c r="TNZ54" s="7">
        <f t="shared" si="1021"/>
        <v>3128.5920000000001</v>
      </c>
      <c r="TOA54" s="7">
        <f t="shared" si="1021"/>
        <v>3128.5920000000001</v>
      </c>
      <c r="TOB54" s="7">
        <f t="shared" si="1021"/>
        <v>3128.5920000000001</v>
      </c>
      <c r="TOC54" s="7">
        <f t="shared" si="1021"/>
        <v>3128.5920000000001</v>
      </c>
      <c r="TOD54" s="7">
        <f t="shared" si="1021"/>
        <v>3128.5920000000001</v>
      </c>
      <c r="TOE54" s="7">
        <f t="shared" si="1021"/>
        <v>3128.5920000000001</v>
      </c>
      <c r="TOF54" s="7">
        <f t="shared" si="1021"/>
        <v>3128.5920000000001</v>
      </c>
      <c r="TOG54" s="7">
        <f t="shared" si="1021"/>
        <v>3128.5920000000001</v>
      </c>
      <c r="TOH54" s="7">
        <f t="shared" si="1021"/>
        <v>3128.5920000000001</v>
      </c>
      <c r="TOI54" s="7">
        <f t="shared" si="1021"/>
        <v>3128.5920000000001</v>
      </c>
      <c r="TOJ54" s="7">
        <f t="shared" si="1021"/>
        <v>3128.5920000000001</v>
      </c>
      <c r="TOK54" s="7">
        <f t="shared" si="1021"/>
        <v>3128.5920000000001</v>
      </c>
      <c r="TOL54" s="7">
        <f t="shared" si="1021"/>
        <v>3128.5920000000001</v>
      </c>
      <c r="TOM54" s="7">
        <f t="shared" si="1021"/>
        <v>3128.5920000000001</v>
      </c>
      <c r="TON54" s="7">
        <f t="shared" si="1021"/>
        <v>3128.5920000000001</v>
      </c>
      <c r="TOO54" s="7">
        <f t="shared" si="1021"/>
        <v>3128.5920000000001</v>
      </c>
      <c r="TOP54" s="7">
        <f t="shared" si="1021"/>
        <v>3128.5920000000001</v>
      </c>
      <c r="TOQ54" s="7">
        <f t="shared" si="1021"/>
        <v>3128.5920000000001</v>
      </c>
      <c r="TOR54" s="7">
        <f t="shared" si="1021"/>
        <v>3128.5920000000001</v>
      </c>
      <c r="TOS54" s="7">
        <f t="shared" si="1021"/>
        <v>3128.5920000000001</v>
      </c>
      <c r="TOT54" s="7">
        <f t="shared" si="1021"/>
        <v>3128.5920000000001</v>
      </c>
      <c r="TOU54" s="7">
        <f t="shared" si="1021"/>
        <v>3128.5920000000001</v>
      </c>
      <c r="TOV54" s="7">
        <f t="shared" si="1021"/>
        <v>3128.5920000000001</v>
      </c>
      <c r="TOW54" s="7">
        <f t="shared" si="1021"/>
        <v>3128.5920000000001</v>
      </c>
      <c r="TOX54" s="7">
        <f t="shared" si="1021"/>
        <v>3128.5920000000001</v>
      </c>
      <c r="TOY54" s="7">
        <f t="shared" si="1021"/>
        <v>3128.5920000000001</v>
      </c>
      <c r="TOZ54" s="7">
        <f t="shared" si="1021"/>
        <v>3128.5920000000001</v>
      </c>
      <c r="TPA54" s="7">
        <f t="shared" si="1021"/>
        <v>3128.5920000000001</v>
      </c>
      <c r="TPB54" s="7">
        <f t="shared" si="1021"/>
        <v>3128.5920000000001</v>
      </c>
      <c r="TPC54" s="7">
        <f t="shared" si="1021"/>
        <v>3128.5920000000001</v>
      </c>
      <c r="TPD54" s="7">
        <f t="shared" si="1021"/>
        <v>3128.5920000000001</v>
      </c>
      <c r="TPE54" s="7">
        <f t="shared" si="1021"/>
        <v>3128.5920000000001</v>
      </c>
      <c r="TPF54" s="7">
        <f t="shared" si="1021"/>
        <v>3128.5920000000001</v>
      </c>
      <c r="TPG54" s="7">
        <f t="shared" si="1021"/>
        <v>3128.5920000000001</v>
      </c>
      <c r="TPH54" s="7">
        <f t="shared" si="1021"/>
        <v>3128.5920000000001</v>
      </c>
      <c r="TPI54" s="7">
        <f t="shared" si="1021"/>
        <v>3128.5920000000001</v>
      </c>
      <c r="TPJ54" s="7">
        <f t="shared" si="1021"/>
        <v>3128.5920000000001</v>
      </c>
      <c r="TPK54" s="7">
        <f t="shared" si="1021"/>
        <v>3128.5920000000001</v>
      </c>
      <c r="TPL54" s="7">
        <f t="shared" si="1021"/>
        <v>3128.5920000000001</v>
      </c>
      <c r="TPM54" s="7">
        <f t="shared" si="1021"/>
        <v>3128.5920000000001</v>
      </c>
      <c r="TPN54" s="7">
        <f t="shared" si="1021"/>
        <v>3128.5920000000001</v>
      </c>
      <c r="TPO54" s="7">
        <f t="shared" si="1021"/>
        <v>3128.5920000000001</v>
      </c>
      <c r="TPP54" s="7">
        <f t="shared" si="1021"/>
        <v>3128.5920000000001</v>
      </c>
      <c r="TPQ54" s="7">
        <f t="shared" si="1021"/>
        <v>3128.5920000000001</v>
      </c>
      <c r="TPR54" s="7">
        <f t="shared" si="1021"/>
        <v>3128.5920000000001</v>
      </c>
      <c r="TPS54" s="7">
        <f t="shared" si="1021"/>
        <v>3128.5920000000001</v>
      </c>
      <c r="TPT54" s="7">
        <f t="shared" si="1021"/>
        <v>3128.5920000000001</v>
      </c>
      <c r="TPU54" s="7">
        <f t="shared" si="1021"/>
        <v>3128.5920000000001</v>
      </c>
      <c r="TPV54" s="7">
        <f t="shared" si="1021"/>
        <v>3128.5920000000001</v>
      </c>
      <c r="TPW54" s="7">
        <f t="shared" si="1021"/>
        <v>3128.5920000000001</v>
      </c>
      <c r="TPX54" s="7">
        <f t="shared" si="1021"/>
        <v>3128.5920000000001</v>
      </c>
      <c r="TPY54" s="7">
        <f t="shared" si="1021"/>
        <v>3128.5920000000001</v>
      </c>
      <c r="TPZ54" s="7">
        <f t="shared" ref="TPZ54:TSK54" si="1022">TPZ49+TPY54</f>
        <v>3128.5920000000001</v>
      </c>
      <c r="TQA54" s="7">
        <f t="shared" si="1022"/>
        <v>3128.5920000000001</v>
      </c>
      <c r="TQB54" s="7">
        <f t="shared" si="1022"/>
        <v>3128.5920000000001</v>
      </c>
      <c r="TQC54" s="7">
        <f t="shared" si="1022"/>
        <v>3128.5920000000001</v>
      </c>
      <c r="TQD54" s="7">
        <f t="shared" si="1022"/>
        <v>3128.5920000000001</v>
      </c>
      <c r="TQE54" s="7">
        <f t="shared" si="1022"/>
        <v>3128.5920000000001</v>
      </c>
      <c r="TQF54" s="7">
        <f t="shared" si="1022"/>
        <v>3128.5920000000001</v>
      </c>
      <c r="TQG54" s="7">
        <f t="shared" si="1022"/>
        <v>3128.5920000000001</v>
      </c>
      <c r="TQH54" s="7">
        <f t="shared" si="1022"/>
        <v>3128.5920000000001</v>
      </c>
      <c r="TQI54" s="7">
        <f t="shared" si="1022"/>
        <v>3128.5920000000001</v>
      </c>
      <c r="TQJ54" s="7">
        <f t="shared" si="1022"/>
        <v>3128.5920000000001</v>
      </c>
      <c r="TQK54" s="7">
        <f t="shared" si="1022"/>
        <v>3128.5920000000001</v>
      </c>
      <c r="TQL54" s="7">
        <f t="shared" si="1022"/>
        <v>3128.5920000000001</v>
      </c>
      <c r="TQM54" s="7">
        <f t="shared" si="1022"/>
        <v>3128.5920000000001</v>
      </c>
      <c r="TQN54" s="7">
        <f t="shared" si="1022"/>
        <v>3128.5920000000001</v>
      </c>
      <c r="TQO54" s="7">
        <f t="shared" si="1022"/>
        <v>3128.5920000000001</v>
      </c>
      <c r="TQP54" s="7">
        <f t="shared" si="1022"/>
        <v>3128.5920000000001</v>
      </c>
      <c r="TQQ54" s="7">
        <f t="shared" si="1022"/>
        <v>3128.5920000000001</v>
      </c>
      <c r="TQR54" s="7">
        <f t="shared" si="1022"/>
        <v>3128.5920000000001</v>
      </c>
      <c r="TQS54" s="7">
        <f t="shared" si="1022"/>
        <v>3128.5920000000001</v>
      </c>
      <c r="TQT54" s="7">
        <f t="shared" si="1022"/>
        <v>3128.5920000000001</v>
      </c>
      <c r="TQU54" s="7">
        <f t="shared" si="1022"/>
        <v>3128.5920000000001</v>
      </c>
      <c r="TQV54" s="7">
        <f t="shared" si="1022"/>
        <v>3128.5920000000001</v>
      </c>
      <c r="TQW54" s="7">
        <f t="shared" si="1022"/>
        <v>3128.5920000000001</v>
      </c>
      <c r="TQX54" s="7">
        <f t="shared" si="1022"/>
        <v>3128.5920000000001</v>
      </c>
      <c r="TQY54" s="7">
        <f t="shared" si="1022"/>
        <v>3128.5920000000001</v>
      </c>
      <c r="TQZ54" s="7">
        <f t="shared" si="1022"/>
        <v>3128.5920000000001</v>
      </c>
      <c r="TRA54" s="7">
        <f t="shared" si="1022"/>
        <v>3128.5920000000001</v>
      </c>
      <c r="TRB54" s="7">
        <f t="shared" si="1022"/>
        <v>3128.5920000000001</v>
      </c>
      <c r="TRC54" s="7">
        <f t="shared" si="1022"/>
        <v>3128.5920000000001</v>
      </c>
      <c r="TRD54" s="7">
        <f t="shared" si="1022"/>
        <v>3128.5920000000001</v>
      </c>
      <c r="TRE54" s="7">
        <f t="shared" si="1022"/>
        <v>3128.5920000000001</v>
      </c>
      <c r="TRF54" s="7">
        <f t="shared" si="1022"/>
        <v>3128.5920000000001</v>
      </c>
      <c r="TRG54" s="7">
        <f t="shared" si="1022"/>
        <v>3128.5920000000001</v>
      </c>
      <c r="TRH54" s="7">
        <f t="shared" si="1022"/>
        <v>3128.5920000000001</v>
      </c>
      <c r="TRI54" s="7">
        <f t="shared" si="1022"/>
        <v>3128.5920000000001</v>
      </c>
      <c r="TRJ54" s="7">
        <f t="shared" si="1022"/>
        <v>3128.5920000000001</v>
      </c>
      <c r="TRK54" s="7">
        <f t="shared" si="1022"/>
        <v>3128.5920000000001</v>
      </c>
      <c r="TRL54" s="7">
        <f t="shared" si="1022"/>
        <v>3128.5920000000001</v>
      </c>
      <c r="TRM54" s="7">
        <f t="shared" si="1022"/>
        <v>3128.5920000000001</v>
      </c>
      <c r="TRN54" s="7">
        <f t="shared" si="1022"/>
        <v>3128.5920000000001</v>
      </c>
      <c r="TRO54" s="7">
        <f t="shared" si="1022"/>
        <v>3128.5920000000001</v>
      </c>
      <c r="TRP54" s="7">
        <f t="shared" si="1022"/>
        <v>3128.5920000000001</v>
      </c>
      <c r="TRQ54" s="7">
        <f t="shared" si="1022"/>
        <v>3128.5920000000001</v>
      </c>
      <c r="TRR54" s="7">
        <f t="shared" si="1022"/>
        <v>3128.5920000000001</v>
      </c>
      <c r="TRS54" s="7">
        <f t="shared" si="1022"/>
        <v>3128.5920000000001</v>
      </c>
      <c r="TRT54" s="7">
        <f t="shared" si="1022"/>
        <v>3128.5920000000001</v>
      </c>
      <c r="TRU54" s="7">
        <f t="shared" si="1022"/>
        <v>3128.5920000000001</v>
      </c>
      <c r="TRV54" s="7">
        <f t="shared" si="1022"/>
        <v>3128.5920000000001</v>
      </c>
      <c r="TRW54" s="7">
        <f t="shared" si="1022"/>
        <v>3128.5920000000001</v>
      </c>
      <c r="TRX54" s="7">
        <f t="shared" si="1022"/>
        <v>3128.5920000000001</v>
      </c>
      <c r="TRY54" s="7">
        <f t="shared" si="1022"/>
        <v>3128.5920000000001</v>
      </c>
      <c r="TRZ54" s="7">
        <f t="shared" si="1022"/>
        <v>3128.5920000000001</v>
      </c>
      <c r="TSA54" s="7">
        <f t="shared" si="1022"/>
        <v>3128.5920000000001</v>
      </c>
      <c r="TSB54" s="7">
        <f t="shared" si="1022"/>
        <v>3128.5920000000001</v>
      </c>
      <c r="TSC54" s="7">
        <f t="shared" si="1022"/>
        <v>3128.5920000000001</v>
      </c>
      <c r="TSD54" s="7">
        <f t="shared" si="1022"/>
        <v>3128.5920000000001</v>
      </c>
      <c r="TSE54" s="7">
        <f t="shared" si="1022"/>
        <v>3128.5920000000001</v>
      </c>
      <c r="TSF54" s="7">
        <f t="shared" si="1022"/>
        <v>3128.5920000000001</v>
      </c>
      <c r="TSG54" s="7">
        <f t="shared" si="1022"/>
        <v>3128.5920000000001</v>
      </c>
      <c r="TSH54" s="7">
        <f t="shared" si="1022"/>
        <v>3128.5920000000001</v>
      </c>
      <c r="TSI54" s="7">
        <f t="shared" si="1022"/>
        <v>3128.5920000000001</v>
      </c>
      <c r="TSJ54" s="7">
        <f t="shared" si="1022"/>
        <v>3128.5920000000001</v>
      </c>
      <c r="TSK54" s="7">
        <f t="shared" si="1022"/>
        <v>3128.5920000000001</v>
      </c>
      <c r="TSL54" s="7">
        <f t="shared" ref="TSL54:TUW54" si="1023">TSL49+TSK54</f>
        <v>3128.5920000000001</v>
      </c>
      <c r="TSM54" s="7">
        <f t="shared" si="1023"/>
        <v>3128.5920000000001</v>
      </c>
      <c r="TSN54" s="7">
        <f t="shared" si="1023"/>
        <v>3128.5920000000001</v>
      </c>
      <c r="TSO54" s="7">
        <f t="shared" si="1023"/>
        <v>3128.5920000000001</v>
      </c>
      <c r="TSP54" s="7">
        <f t="shared" si="1023"/>
        <v>3128.5920000000001</v>
      </c>
      <c r="TSQ54" s="7">
        <f t="shared" si="1023"/>
        <v>3128.5920000000001</v>
      </c>
      <c r="TSR54" s="7">
        <f t="shared" si="1023"/>
        <v>3128.5920000000001</v>
      </c>
      <c r="TSS54" s="7">
        <f t="shared" si="1023"/>
        <v>3128.5920000000001</v>
      </c>
      <c r="TST54" s="7">
        <f t="shared" si="1023"/>
        <v>3128.5920000000001</v>
      </c>
      <c r="TSU54" s="7">
        <f t="shared" si="1023"/>
        <v>3128.5920000000001</v>
      </c>
      <c r="TSV54" s="7">
        <f t="shared" si="1023"/>
        <v>3128.5920000000001</v>
      </c>
      <c r="TSW54" s="7">
        <f t="shared" si="1023"/>
        <v>3128.5920000000001</v>
      </c>
      <c r="TSX54" s="7">
        <f t="shared" si="1023"/>
        <v>3128.5920000000001</v>
      </c>
      <c r="TSY54" s="7">
        <f t="shared" si="1023"/>
        <v>3128.5920000000001</v>
      </c>
      <c r="TSZ54" s="7">
        <f t="shared" si="1023"/>
        <v>3128.5920000000001</v>
      </c>
      <c r="TTA54" s="7">
        <f t="shared" si="1023"/>
        <v>3128.5920000000001</v>
      </c>
      <c r="TTB54" s="7">
        <f t="shared" si="1023"/>
        <v>3128.5920000000001</v>
      </c>
      <c r="TTC54" s="7">
        <f t="shared" si="1023"/>
        <v>3128.5920000000001</v>
      </c>
      <c r="TTD54" s="7">
        <f t="shared" si="1023"/>
        <v>3128.5920000000001</v>
      </c>
      <c r="TTE54" s="7">
        <f t="shared" si="1023"/>
        <v>3128.5920000000001</v>
      </c>
      <c r="TTF54" s="7">
        <f t="shared" si="1023"/>
        <v>3128.5920000000001</v>
      </c>
      <c r="TTG54" s="7">
        <f t="shared" si="1023"/>
        <v>3128.5920000000001</v>
      </c>
      <c r="TTH54" s="7">
        <f t="shared" si="1023"/>
        <v>3128.5920000000001</v>
      </c>
      <c r="TTI54" s="7">
        <f t="shared" si="1023"/>
        <v>3128.5920000000001</v>
      </c>
      <c r="TTJ54" s="7">
        <f t="shared" si="1023"/>
        <v>3128.5920000000001</v>
      </c>
      <c r="TTK54" s="7">
        <f t="shared" si="1023"/>
        <v>3128.5920000000001</v>
      </c>
      <c r="TTL54" s="7">
        <f t="shared" si="1023"/>
        <v>3128.5920000000001</v>
      </c>
      <c r="TTM54" s="7">
        <f t="shared" si="1023"/>
        <v>3128.5920000000001</v>
      </c>
      <c r="TTN54" s="7">
        <f t="shared" si="1023"/>
        <v>3128.5920000000001</v>
      </c>
      <c r="TTO54" s="7">
        <f t="shared" si="1023"/>
        <v>3128.5920000000001</v>
      </c>
      <c r="TTP54" s="7">
        <f t="shared" si="1023"/>
        <v>3128.5920000000001</v>
      </c>
      <c r="TTQ54" s="7">
        <f t="shared" si="1023"/>
        <v>3128.5920000000001</v>
      </c>
      <c r="TTR54" s="7">
        <f t="shared" si="1023"/>
        <v>3128.5920000000001</v>
      </c>
      <c r="TTS54" s="7">
        <f t="shared" si="1023"/>
        <v>3128.5920000000001</v>
      </c>
      <c r="TTT54" s="7">
        <f t="shared" si="1023"/>
        <v>3128.5920000000001</v>
      </c>
      <c r="TTU54" s="7">
        <f t="shared" si="1023"/>
        <v>3128.5920000000001</v>
      </c>
      <c r="TTV54" s="7">
        <f t="shared" si="1023"/>
        <v>3128.5920000000001</v>
      </c>
      <c r="TTW54" s="7">
        <f t="shared" si="1023"/>
        <v>3128.5920000000001</v>
      </c>
      <c r="TTX54" s="7">
        <f t="shared" si="1023"/>
        <v>3128.5920000000001</v>
      </c>
      <c r="TTY54" s="7">
        <f t="shared" si="1023"/>
        <v>3128.5920000000001</v>
      </c>
      <c r="TTZ54" s="7">
        <f t="shared" si="1023"/>
        <v>3128.5920000000001</v>
      </c>
      <c r="TUA54" s="7">
        <f t="shared" si="1023"/>
        <v>3128.5920000000001</v>
      </c>
      <c r="TUB54" s="7">
        <f t="shared" si="1023"/>
        <v>3128.5920000000001</v>
      </c>
      <c r="TUC54" s="7">
        <f t="shared" si="1023"/>
        <v>3128.5920000000001</v>
      </c>
      <c r="TUD54" s="7">
        <f t="shared" si="1023"/>
        <v>3128.5920000000001</v>
      </c>
      <c r="TUE54" s="7">
        <f t="shared" si="1023"/>
        <v>3128.5920000000001</v>
      </c>
      <c r="TUF54" s="7">
        <f t="shared" si="1023"/>
        <v>3128.5920000000001</v>
      </c>
      <c r="TUG54" s="7">
        <f t="shared" si="1023"/>
        <v>3128.5920000000001</v>
      </c>
      <c r="TUH54" s="7">
        <f t="shared" si="1023"/>
        <v>3128.5920000000001</v>
      </c>
      <c r="TUI54" s="7">
        <f t="shared" si="1023"/>
        <v>3128.5920000000001</v>
      </c>
      <c r="TUJ54" s="7">
        <f t="shared" si="1023"/>
        <v>3128.5920000000001</v>
      </c>
      <c r="TUK54" s="7">
        <f t="shared" si="1023"/>
        <v>3128.5920000000001</v>
      </c>
      <c r="TUL54" s="7">
        <f t="shared" si="1023"/>
        <v>3128.5920000000001</v>
      </c>
      <c r="TUM54" s="7">
        <f t="shared" si="1023"/>
        <v>3128.5920000000001</v>
      </c>
      <c r="TUN54" s="7">
        <f t="shared" si="1023"/>
        <v>3128.5920000000001</v>
      </c>
      <c r="TUO54" s="7">
        <f t="shared" si="1023"/>
        <v>3128.5920000000001</v>
      </c>
      <c r="TUP54" s="7">
        <f t="shared" si="1023"/>
        <v>3128.5920000000001</v>
      </c>
      <c r="TUQ54" s="7">
        <f t="shared" si="1023"/>
        <v>3128.5920000000001</v>
      </c>
      <c r="TUR54" s="7">
        <f t="shared" si="1023"/>
        <v>3128.5920000000001</v>
      </c>
      <c r="TUS54" s="7">
        <f t="shared" si="1023"/>
        <v>3128.5920000000001</v>
      </c>
      <c r="TUT54" s="7">
        <f t="shared" si="1023"/>
        <v>3128.5920000000001</v>
      </c>
      <c r="TUU54" s="7">
        <f t="shared" si="1023"/>
        <v>3128.5920000000001</v>
      </c>
      <c r="TUV54" s="7">
        <f t="shared" si="1023"/>
        <v>3128.5920000000001</v>
      </c>
      <c r="TUW54" s="7">
        <f t="shared" si="1023"/>
        <v>3128.5920000000001</v>
      </c>
      <c r="TUX54" s="7">
        <f t="shared" ref="TUX54:TXI54" si="1024">TUX49+TUW54</f>
        <v>3128.5920000000001</v>
      </c>
      <c r="TUY54" s="7">
        <f t="shared" si="1024"/>
        <v>3128.5920000000001</v>
      </c>
      <c r="TUZ54" s="7">
        <f t="shared" si="1024"/>
        <v>3128.5920000000001</v>
      </c>
      <c r="TVA54" s="7">
        <f t="shared" si="1024"/>
        <v>3128.5920000000001</v>
      </c>
      <c r="TVB54" s="7">
        <f t="shared" si="1024"/>
        <v>3128.5920000000001</v>
      </c>
      <c r="TVC54" s="7">
        <f t="shared" si="1024"/>
        <v>3128.5920000000001</v>
      </c>
      <c r="TVD54" s="7">
        <f t="shared" si="1024"/>
        <v>3128.5920000000001</v>
      </c>
      <c r="TVE54" s="7">
        <f t="shared" si="1024"/>
        <v>3128.5920000000001</v>
      </c>
      <c r="TVF54" s="7">
        <f t="shared" si="1024"/>
        <v>3128.5920000000001</v>
      </c>
      <c r="TVG54" s="7">
        <f t="shared" si="1024"/>
        <v>3128.5920000000001</v>
      </c>
      <c r="TVH54" s="7">
        <f t="shared" si="1024"/>
        <v>3128.5920000000001</v>
      </c>
      <c r="TVI54" s="7">
        <f t="shared" si="1024"/>
        <v>3128.5920000000001</v>
      </c>
      <c r="TVJ54" s="7">
        <f t="shared" si="1024"/>
        <v>3128.5920000000001</v>
      </c>
      <c r="TVK54" s="7">
        <f t="shared" si="1024"/>
        <v>3128.5920000000001</v>
      </c>
      <c r="TVL54" s="7">
        <f t="shared" si="1024"/>
        <v>3128.5920000000001</v>
      </c>
      <c r="TVM54" s="7">
        <f t="shared" si="1024"/>
        <v>3128.5920000000001</v>
      </c>
      <c r="TVN54" s="7">
        <f t="shared" si="1024"/>
        <v>3128.5920000000001</v>
      </c>
      <c r="TVO54" s="7">
        <f t="shared" si="1024"/>
        <v>3128.5920000000001</v>
      </c>
      <c r="TVP54" s="7">
        <f t="shared" si="1024"/>
        <v>3128.5920000000001</v>
      </c>
      <c r="TVQ54" s="7">
        <f t="shared" si="1024"/>
        <v>3128.5920000000001</v>
      </c>
      <c r="TVR54" s="7">
        <f t="shared" si="1024"/>
        <v>3128.5920000000001</v>
      </c>
      <c r="TVS54" s="7">
        <f t="shared" si="1024"/>
        <v>3128.5920000000001</v>
      </c>
      <c r="TVT54" s="7">
        <f t="shared" si="1024"/>
        <v>3128.5920000000001</v>
      </c>
      <c r="TVU54" s="7">
        <f t="shared" si="1024"/>
        <v>3128.5920000000001</v>
      </c>
      <c r="TVV54" s="7">
        <f t="shared" si="1024"/>
        <v>3128.5920000000001</v>
      </c>
      <c r="TVW54" s="7">
        <f t="shared" si="1024"/>
        <v>3128.5920000000001</v>
      </c>
      <c r="TVX54" s="7">
        <f t="shared" si="1024"/>
        <v>3128.5920000000001</v>
      </c>
      <c r="TVY54" s="7">
        <f t="shared" si="1024"/>
        <v>3128.5920000000001</v>
      </c>
      <c r="TVZ54" s="7">
        <f t="shared" si="1024"/>
        <v>3128.5920000000001</v>
      </c>
      <c r="TWA54" s="7">
        <f t="shared" si="1024"/>
        <v>3128.5920000000001</v>
      </c>
      <c r="TWB54" s="7">
        <f t="shared" si="1024"/>
        <v>3128.5920000000001</v>
      </c>
      <c r="TWC54" s="7">
        <f t="shared" si="1024"/>
        <v>3128.5920000000001</v>
      </c>
      <c r="TWD54" s="7">
        <f t="shared" si="1024"/>
        <v>3128.5920000000001</v>
      </c>
      <c r="TWE54" s="7">
        <f t="shared" si="1024"/>
        <v>3128.5920000000001</v>
      </c>
      <c r="TWF54" s="7">
        <f t="shared" si="1024"/>
        <v>3128.5920000000001</v>
      </c>
      <c r="TWG54" s="7">
        <f t="shared" si="1024"/>
        <v>3128.5920000000001</v>
      </c>
      <c r="TWH54" s="7">
        <f t="shared" si="1024"/>
        <v>3128.5920000000001</v>
      </c>
      <c r="TWI54" s="7">
        <f t="shared" si="1024"/>
        <v>3128.5920000000001</v>
      </c>
      <c r="TWJ54" s="7">
        <f t="shared" si="1024"/>
        <v>3128.5920000000001</v>
      </c>
      <c r="TWK54" s="7">
        <f t="shared" si="1024"/>
        <v>3128.5920000000001</v>
      </c>
      <c r="TWL54" s="7">
        <f t="shared" si="1024"/>
        <v>3128.5920000000001</v>
      </c>
      <c r="TWM54" s="7">
        <f t="shared" si="1024"/>
        <v>3128.5920000000001</v>
      </c>
      <c r="TWN54" s="7">
        <f t="shared" si="1024"/>
        <v>3128.5920000000001</v>
      </c>
      <c r="TWO54" s="7">
        <f t="shared" si="1024"/>
        <v>3128.5920000000001</v>
      </c>
      <c r="TWP54" s="7">
        <f t="shared" si="1024"/>
        <v>3128.5920000000001</v>
      </c>
      <c r="TWQ54" s="7">
        <f t="shared" si="1024"/>
        <v>3128.5920000000001</v>
      </c>
      <c r="TWR54" s="7">
        <f t="shared" si="1024"/>
        <v>3128.5920000000001</v>
      </c>
      <c r="TWS54" s="7">
        <f t="shared" si="1024"/>
        <v>3128.5920000000001</v>
      </c>
      <c r="TWT54" s="7">
        <f t="shared" si="1024"/>
        <v>3128.5920000000001</v>
      </c>
      <c r="TWU54" s="7">
        <f t="shared" si="1024"/>
        <v>3128.5920000000001</v>
      </c>
      <c r="TWV54" s="7">
        <f t="shared" si="1024"/>
        <v>3128.5920000000001</v>
      </c>
      <c r="TWW54" s="7">
        <f t="shared" si="1024"/>
        <v>3128.5920000000001</v>
      </c>
      <c r="TWX54" s="7">
        <f t="shared" si="1024"/>
        <v>3128.5920000000001</v>
      </c>
      <c r="TWY54" s="7">
        <f t="shared" si="1024"/>
        <v>3128.5920000000001</v>
      </c>
      <c r="TWZ54" s="7">
        <f t="shared" si="1024"/>
        <v>3128.5920000000001</v>
      </c>
      <c r="TXA54" s="7">
        <f t="shared" si="1024"/>
        <v>3128.5920000000001</v>
      </c>
      <c r="TXB54" s="7">
        <f t="shared" si="1024"/>
        <v>3128.5920000000001</v>
      </c>
      <c r="TXC54" s="7">
        <f t="shared" si="1024"/>
        <v>3128.5920000000001</v>
      </c>
      <c r="TXD54" s="7">
        <f t="shared" si="1024"/>
        <v>3128.5920000000001</v>
      </c>
      <c r="TXE54" s="7">
        <f t="shared" si="1024"/>
        <v>3128.5920000000001</v>
      </c>
      <c r="TXF54" s="7">
        <f t="shared" si="1024"/>
        <v>3128.5920000000001</v>
      </c>
      <c r="TXG54" s="7">
        <f t="shared" si="1024"/>
        <v>3128.5920000000001</v>
      </c>
      <c r="TXH54" s="7">
        <f t="shared" si="1024"/>
        <v>3128.5920000000001</v>
      </c>
      <c r="TXI54" s="7">
        <f t="shared" si="1024"/>
        <v>3128.5920000000001</v>
      </c>
      <c r="TXJ54" s="7">
        <f t="shared" ref="TXJ54:TZU54" si="1025">TXJ49+TXI54</f>
        <v>3128.5920000000001</v>
      </c>
      <c r="TXK54" s="7">
        <f t="shared" si="1025"/>
        <v>3128.5920000000001</v>
      </c>
      <c r="TXL54" s="7">
        <f t="shared" si="1025"/>
        <v>3128.5920000000001</v>
      </c>
      <c r="TXM54" s="7">
        <f t="shared" si="1025"/>
        <v>3128.5920000000001</v>
      </c>
      <c r="TXN54" s="7">
        <f t="shared" si="1025"/>
        <v>3128.5920000000001</v>
      </c>
      <c r="TXO54" s="7">
        <f t="shared" si="1025"/>
        <v>3128.5920000000001</v>
      </c>
      <c r="TXP54" s="7">
        <f t="shared" si="1025"/>
        <v>3128.5920000000001</v>
      </c>
      <c r="TXQ54" s="7">
        <f t="shared" si="1025"/>
        <v>3128.5920000000001</v>
      </c>
      <c r="TXR54" s="7">
        <f t="shared" si="1025"/>
        <v>3128.5920000000001</v>
      </c>
      <c r="TXS54" s="7">
        <f t="shared" si="1025"/>
        <v>3128.5920000000001</v>
      </c>
      <c r="TXT54" s="7">
        <f t="shared" si="1025"/>
        <v>3128.5920000000001</v>
      </c>
      <c r="TXU54" s="7">
        <f t="shared" si="1025"/>
        <v>3128.5920000000001</v>
      </c>
      <c r="TXV54" s="7">
        <f t="shared" si="1025"/>
        <v>3128.5920000000001</v>
      </c>
      <c r="TXW54" s="7">
        <f t="shared" si="1025"/>
        <v>3128.5920000000001</v>
      </c>
      <c r="TXX54" s="7">
        <f t="shared" si="1025"/>
        <v>3128.5920000000001</v>
      </c>
      <c r="TXY54" s="7">
        <f t="shared" si="1025"/>
        <v>3128.5920000000001</v>
      </c>
      <c r="TXZ54" s="7">
        <f t="shared" si="1025"/>
        <v>3128.5920000000001</v>
      </c>
      <c r="TYA54" s="7">
        <f t="shared" si="1025"/>
        <v>3128.5920000000001</v>
      </c>
      <c r="TYB54" s="7">
        <f t="shared" si="1025"/>
        <v>3128.5920000000001</v>
      </c>
      <c r="TYC54" s="7">
        <f t="shared" si="1025"/>
        <v>3128.5920000000001</v>
      </c>
      <c r="TYD54" s="7">
        <f t="shared" si="1025"/>
        <v>3128.5920000000001</v>
      </c>
      <c r="TYE54" s="7">
        <f t="shared" si="1025"/>
        <v>3128.5920000000001</v>
      </c>
      <c r="TYF54" s="7">
        <f t="shared" si="1025"/>
        <v>3128.5920000000001</v>
      </c>
      <c r="TYG54" s="7">
        <f t="shared" si="1025"/>
        <v>3128.5920000000001</v>
      </c>
      <c r="TYH54" s="7">
        <f t="shared" si="1025"/>
        <v>3128.5920000000001</v>
      </c>
      <c r="TYI54" s="7">
        <f t="shared" si="1025"/>
        <v>3128.5920000000001</v>
      </c>
      <c r="TYJ54" s="7">
        <f t="shared" si="1025"/>
        <v>3128.5920000000001</v>
      </c>
      <c r="TYK54" s="7">
        <f t="shared" si="1025"/>
        <v>3128.5920000000001</v>
      </c>
      <c r="TYL54" s="7">
        <f t="shared" si="1025"/>
        <v>3128.5920000000001</v>
      </c>
      <c r="TYM54" s="7">
        <f t="shared" si="1025"/>
        <v>3128.5920000000001</v>
      </c>
      <c r="TYN54" s="7">
        <f t="shared" si="1025"/>
        <v>3128.5920000000001</v>
      </c>
      <c r="TYO54" s="7">
        <f t="shared" si="1025"/>
        <v>3128.5920000000001</v>
      </c>
      <c r="TYP54" s="7">
        <f t="shared" si="1025"/>
        <v>3128.5920000000001</v>
      </c>
      <c r="TYQ54" s="7">
        <f t="shared" si="1025"/>
        <v>3128.5920000000001</v>
      </c>
      <c r="TYR54" s="7">
        <f t="shared" si="1025"/>
        <v>3128.5920000000001</v>
      </c>
      <c r="TYS54" s="7">
        <f t="shared" si="1025"/>
        <v>3128.5920000000001</v>
      </c>
      <c r="TYT54" s="7">
        <f t="shared" si="1025"/>
        <v>3128.5920000000001</v>
      </c>
      <c r="TYU54" s="7">
        <f t="shared" si="1025"/>
        <v>3128.5920000000001</v>
      </c>
      <c r="TYV54" s="7">
        <f t="shared" si="1025"/>
        <v>3128.5920000000001</v>
      </c>
      <c r="TYW54" s="7">
        <f t="shared" si="1025"/>
        <v>3128.5920000000001</v>
      </c>
      <c r="TYX54" s="7">
        <f t="shared" si="1025"/>
        <v>3128.5920000000001</v>
      </c>
      <c r="TYY54" s="7">
        <f t="shared" si="1025"/>
        <v>3128.5920000000001</v>
      </c>
      <c r="TYZ54" s="7">
        <f t="shared" si="1025"/>
        <v>3128.5920000000001</v>
      </c>
      <c r="TZA54" s="7">
        <f t="shared" si="1025"/>
        <v>3128.5920000000001</v>
      </c>
      <c r="TZB54" s="7">
        <f t="shared" si="1025"/>
        <v>3128.5920000000001</v>
      </c>
      <c r="TZC54" s="7">
        <f t="shared" si="1025"/>
        <v>3128.5920000000001</v>
      </c>
      <c r="TZD54" s="7">
        <f t="shared" si="1025"/>
        <v>3128.5920000000001</v>
      </c>
      <c r="TZE54" s="7">
        <f t="shared" si="1025"/>
        <v>3128.5920000000001</v>
      </c>
      <c r="TZF54" s="7">
        <f t="shared" si="1025"/>
        <v>3128.5920000000001</v>
      </c>
      <c r="TZG54" s="7">
        <f t="shared" si="1025"/>
        <v>3128.5920000000001</v>
      </c>
      <c r="TZH54" s="7">
        <f t="shared" si="1025"/>
        <v>3128.5920000000001</v>
      </c>
      <c r="TZI54" s="7">
        <f t="shared" si="1025"/>
        <v>3128.5920000000001</v>
      </c>
      <c r="TZJ54" s="7">
        <f t="shared" si="1025"/>
        <v>3128.5920000000001</v>
      </c>
      <c r="TZK54" s="7">
        <f t="shared" si="1025"/>
        <v>3128.5920000000001</v>
      </c>
      <c r="TZL54" s="7">
        <f t="shared" si="1025"/>
        <v>3128.5920000000001</v>
      </c>
      <c r="TZM54" s="7">
        <f t="shared" si="1025"/>
        <v>3128.5920000000001</v>
      </c>
      <c r="TZN54" s="7">
        <f t="shared" si="1025"/>
        <v>3128.5920000000001</v>
      </c>
      <c r="TZO54" s="7">
        <f t="shared" si="1025"/>
        <v>3128.5920000000001</v>
      </c>
      <c r="TZP54" s="7">
        <f t="shared" si="1025"/>
        <v>3128.5920000000001</v>
      </c>
      <c r="TZQ54" s="7">
        <f t="shared" si="1025"/>
        <v>3128.5920000000001</v>
      </c>
      <c r="TZR54" s="7">
        <f t="shared" si="1025"/>
        <v>3128.5920000000001</v>
      </c>
      <c r="TZS54" s="7">
        <f t="shared" si="1025"/>
        <v>3128.5920000000001</v>
      </c>
      <c r="TZT54" s="7">
        <f t="shared" si="1025"/>
        <v>3128.5920000000001</v>
      </c>
      <c r="TZU54" s="7">
        <f t="shared" si="1025"/>
        <v>3128.5920000000001</v>
      </c>
      <c r="TZV54" s="7">
        <f t="shared" ref="TZV54:UCG54" si="1026">TZV49+TZU54</f>
        <v>3128.5920000000001</v>
      </c>
      <c r="TZW54" s="7">
        <f t="shared" si="1026"/>
        <v>3128.5920000000001</v>
      </c>
      <c r="TZX54" s="7">
        <f t="shared" si="1026"/>
        <v>3128.5920000000001</v>
      </c>
      <c r="TZY54" s="7">
        <f t="shared" si="1026"/>
        <v>3128.5920000000001</v>
      </c>
      <c r="TZZ54" s="7">
        <f t="shared" si="1026"/>
        <v>3128.5920000000001</v>
      </c>
      <c r="UAA54" s="7">
        <f t="shared" si="1026"/>
        <v>3128.5920000000001</v>
      </c>
      <c r="UAB54" s="7">
        <f t="shared" si="1026"/>
        <v>3128.5920000000001</v>
      </c>
      <c r="UAC54" s="7">
        <f t="shared" si="1026"/>
        <v>3128.5920000000001</v>
      </c>
      <c r="UAD54" s="7">
        <f t="shared" si="1026"/>
        <v>3128.5920000000001</v>
      </c>
      <c r="UAE54" s="7">
        <f t="shared" si="1026"/>
        <v>3128.5920000000001</v>
      </c>
      <c r="UAF54" s="7">
        <f t="shared" si="1026"/>
        <v>3128.5920000000001</v>
      </c>
      <c r="UAG54" s="7">
        <f t="shared" si="1026"/>
        <v>3128.5920000000001</v>
      </c>
      <c r="UAH54" s="7">
        <f t="shared" si="1026"/>
        <v>3128.5920000000001</v>
      </c>
      <c r="UAI54" s="7">
        <f t="shared" si="1026"/>
        <v>3128.5920000000001</v>
      </c>
      <c r="UAJ54" s="7">
        <f t="shared" si="1026"/>
        <v>3128.5920000000001</v>
      </c>
      <c r="UAK54" s="7">
        <f t="shared" si="1026"/>
        <v>3128.5920000000001</v>
      </c>
      <c r="UAL54" s="7">
        <f t="shared" si="1026"/>
        <v>3128.5920000000001</v>
      </c>
      <c r="UAM54" s="7">
        <f t="shared" si="1026"/>
        <v>3128.5920000000001</v>
      </c>
      <c r="UAN54" s="7">
        <f t="shared" si="1026"/>
        <v>3128.5920000000001</v>
      </c>
      <c r="UAO54" s="7">
        <f t="shared" si="1026"/>
        <v>3128.5920000000001</v>
      </c>
      <c r="UAP54" s="7">
        <f t="shared" si="1026"/>
        <v>3128.5920000000001</v>
      </c>
      <c r="UAQ54" s="7">
        <f t="shared" si="1026"/>
        <v>3128.5920000000001</v>
      </c>
      <c r="UAR54" s="7">
        <f t="shared" si="1026"/>
        <v>3128.5920000000001</v>
      </c>
      <c r="UAS54" s="7">
        <f t="shared" si="1026"/>
        <v>3128.5920000000001</v>
      </c>
      <c r="UAT54" s="7">
        <f t="shared" si="1026"/>
        <v>3128.5920000000001</v>
      </c>
      <c r="UAU54" s="7">
        <f t="shared" si="1026"/>
        <v>3128.5920000000001</v>
      </c>
      <c r="UAV54" s="7">
        <f t="shared" si="1026"/>
        <v>3128.5920000000001</v>
      </c>
      <c r="UAW54" s="7">
        <f t="shared" si="1026"/>
        <v>3128.5920000000001</v>
      </c>
      <c r="UAX54" s="7">
        <f t="shared" si="1026"/>
        <v>3128.5920000000001</v>
      </c>
      <c r="UAY54" s="7">
        <f t="shared" si="1026"/>
        <v>3128.5920000000001</v>
      </c>
      <c r="UAZ54" s="7">
        <f t="shared" si="1026"/>
        <v>3128.5920000000001</v>
      </c>
      <c r="UBA54" s="7">
        <f t="shared" si="1026"/>
        <v>3128.5920000000001</v>
      </c>
      <c r="UBB54" s="7">
        <f t="shared" si="1026"/>
        <v>3128.5920000000001</v>
      </c>
      <c r="UBC54" s="7">
        <f t="shared" si="1026"/>
        <v>3128.5920000000001</v>
      </c>
      <c r="UBD54" s="7">
        <f t="shared" si="1026"/>
        <v>3128.5920000000001</v>
      </c>
      <c r="UBE54" s="7">
        <f t="shared" si="1026"/>
        <v>3128.5920000000001</v>
      </c>
      <c r="UBF54" s="7">
        <f t="shared" si="1026"/>
        <v>3128.5920000000001</v>
      </c>
      <c r="UBG54" s="7">
        <f t="shared" si="1026"/>
        <v>3128.5920000000001</v>
      </c>
      <c r="UBH54" s="7">
        <f t="shared" si="1026"/>
        <v>3128.5920000000001</v>
      </c>
      <c r="UBI54" s="7">
        <f t="shared" si="1026"/>
        <v>3128.5920000000001</v>
      </c>
      <c r="UBJ54" s="7">
        <f t="shared" si="1026"/>
        <v>3128.5920000000001</v>
      </c>
      <c r="UBK54" s="7">
        <f t="shared" si="1026"/>
        <v>3128.5920000000001</v>
      </c>
      <c r="UBL54" s="7">
        <f t="shared" si="1026"/>
        <v>3128.5920000000001</v>
      </c>
      <c r="UBM54" s="7">
        <f t="shared" si="1026"/>
        <v>3128.5920000000001</v>
      </c>
      <c r="UBN54" s="7">
        <f t="shared" si="1026"/>
        <v>3128.5920000000001</v>
      </c>
      <c r="UBO54" s="7">
        <f t="shared" si="1026"/>
        <v>3128.5920000000001</v>
      </c>
      <c r="UBP54" s="7">
        <f t="shared" si="1026"/>
        <v>3128.5920000000001</v>
      </c>
      <c r="UBQ54" s="7">
        <f t="shared" si="1026"/>
        <v>3128.5920000000001</v>
      </c>
      <c r="UBR54" s="7">
        <f t="shared" si="1026"/>
        <v>3128.5920000000001</v>
      </c>
      <c r="UBS54" s="7">
        <f t="shared" si="1026"/>
        <v>3128.5920000000001</v>
      </c>
      <c r="UBT54" s="7">
        <f t="shared" si="1026"/>
        <v>3128.5920000000001</v>
      </c>
      <c r="UBU54" s="7">
        <f t="shared" si="1026"/>
        <v>3128.5920000000001</v>
      </c>
      <c r="UBV54" s="7">
        <f t="shared" si="1026"/>
        <v>3128.5920000000001</v>
      </c>
      <c r="UBW54" s="7">
        <f t="shared" si="1026"/>
        <v>3128.5920000000001</v>
      </c>
      <c r="UBX54" s="7">
        <f t="shared" si="1026"/>
        <v>3128.5920000000001</v>
      </c>
      <c r="UBY54" s="7">
        <f t="shared" si="1026"/>
        <v>3128.5920000000001</v>
      </c>
      <c r="UBZ54" s="7">
        <f t="shared" si="1026"/>
        <v>3128.5920000000001</v>
      </c>
      <c r="UCA54" s="7">
        <f t="shared" si="1026"/>
        <v>3128.5920000000001</v>
      </c>
      <c r="UCB54" s="7">
        <f t="shared" si="1026"/>
        <v>3128.5920000000001</v>
      </c>
      <c r="UCC54" s="7">
        <f t="shared" si="1026"/>
        <v>3128.5920000000001</v>
      </c>
      <c r="UCD54" s="7">
        <f t="shared" si="1026"/>
        <v>3128.5920000000001</v>
      </c>
      <c r="UCE54" s="7">
        <f t="shared" si="1026"/>
        <v>3128.5920000000001</v>
      </c>
      <c r="UCF54" s="7">
        <f t="shared" si="1026"/>
        <v>3128.5920000000001</v>
      </c>
      <c r="UCG54" s="7">
        <f t="shared" si="1026"/>
        <v>3128.5920000000001</v>
      </c>
      <c r="UCH54" s="7">
        <f t="shared" ref="UCH54:UES54" si="1027">UCH49+UCG54</f>
        <v>3128.5920000000001</v>
      </c>
      <c r="UCI54" s="7">
        <f t="shared" si="1027"/>
        <v>3128.5920000000001</v>
      </c>
      <c r="UCJ54" s="7">
        <f t="shared" si="1027"/>
        <v>3128.5920000000001</v>
      </c>
      <c r="UCK54" s="7">
        <f t="shared" si="1027"/>
        <v>3128.5920000000001</v>
      </c>
      <c r="UCL54" s="7">
        <f t="shared" si="1027"/>
        <v>3128.5920000000001</v>
      </c>
      <c r="UCM54" s="7">
        <f t="shared" si="1027"/>
        <v>3128.5920000000001</v>
      </c>
      <c r="UCN54" s="7">
        <f t="shared" si="1027"/>
        <v>3128.5920000000001</v>
      </c>
      <c r="UCO54" s="7">
        <f t="shared" si="1027"/>
        <v>3128.5920000000001</v>
      </c>
      <c r="UCP54" s="7">
        <f t="shared" si="1027"/>
        <v>3128.5920000000001</v>
      </c>
      <c r="UCQ54" s="7">
        <f t="shared" si="1027"/>
        <v>3128.5920000000001</v>
      </c>
      <c r="UCR54" s="7">
        <f t="shared" si="1027"/>
        <v>3128.5920000000001</v>
      </c>
      <c r="UCS54" s="7">
        <f t="shared" si="1027"/>
        <v>3128.5920000000001</v>
      </c>
      <c r="UCT54" s="7">
        <f t="shared" si="1027"/>
        <v>3128.5920000000001</v>
      </c>
      <c r="UCU54" s="7">
        <f t="shared" si="1027"/>
        <v>3128.5920000000001</v>
      </c>
      <c r="UCV54" s="7">
        <f t="shared" si="1027"/>
        <v>3128.5920000000001</v>
      </c>
      <c r="UCW54" s="7">
        <f t="shared" si="1027"/>
        <v>3128.5920000000001</v>
      </c>
      <c r="UCX54" s="7">
        <f t="shared" si="1027"/>
        <v>3128.5920000000001</v>
      </c>
      <c r="UCY54" s="7">
        <f t="shared" si="1027"/>
        <v>3128.5920000000001</v>
      </c>
      <c r="UCZ54" s="7">
        <f t="shared" si="1027"/>
        <v>3128.5920000000001</v>
      </c>
      <c r="UDA54" s="7">
        <f t="shared" si="1027"/>
        <v>3128.5920000000001</v>
      </c>
      <c r="UDB54" s="7">
        <f t="shared" si="1027"/>
        <v>3128.5920000000001</v>
      </c>
      <c r="UDC54" s="7">
        <f t="shared" si="1027"/>
        <v>3128.5920000000001</v>
      </c>
      <c r="UDD54" s="7">
        <f t="shared" si="1027"/>
        <v>3128.5920000000001</v>
      </c>
      <c r="UDE54" s="7">
        <f t="shared" si="1027"/>
        <v>3128.5920000000001</v>
      </c>
      <c r="UDF54" s="7">
        <f t="shared" si="1027"/>
        <v>3128.5920000000001</v>
      </c>
      <c r="UDG54" s="7">
        <f t="shared" si="1027"/>
        <v>3128.5920000000001</v>
      </c>
      <c r="UDH54" s="7">
        <f t="shared" si="1027"/>
        <v>3128.5920000000001</v>
      </c>
      <c r="UDI54" s="7">
        <f t="shared" si="1027"/>
        <v>3128.5920000000001</v>
      </c>
      <c r="UDJ54" s="7">
        <f t="shared" si="1027"/>
        <v>3128.5920000000001</v>
      </c>
      <c r="UDK54" s="7">
        <f t="shared" si="1027"/>
        <v>3128.5920000000001</v>
      </c>
      <c r="UDL54" s="7">
        <f t="shared" si="1027"/>
        <v>3128.5920000000001</v>
      </c>
      <c r="UDM54" s="7">
        <f t="shared" si="1027"/>
        <v>3128.5920000000001</v>
      </c>
      <c r="UDN54" s="7">
        <f t="shared" si="1027"/>
        <v>3128.5920000000001</v>
      </c>
      <c r="UDO54" s="7">
        <f t="shared" si="1027"/>
        <v>3128.5920000000001</v>
      </c>
      <c r="UDP54" s="7">
        <f t="shared" si="1027"/>
        <v>3128.5920000000001</v>
      </c>
      <c r="UDQ54" s="7">
        <f t="shared" si="1027"/>
        <v>3128.5920000000001</v>
      </c>
      <c r="UDR54" s="7">
        <f t="shared" si="1027"/>
        <v>3128.5920000000001</v>
      </c>
      <c r="UDS54" s="7">
        <f t="shared" si="1027"/>
        <v>3128.5920000000001</v>
      </c>
      <c r="UDT54" s="7">
        <f t="shared" si="1027"/>
        <v>3128.5920000000001</v>
      </c>
      <c r="UDU54" s="7">
        <f t="shared" si="1027"/>
        <v>3128.5920000000001</v>
      </c>
      <c r="UDV54" s="7">
        <f t="shared" si="1027"/>
        <v>3128.5920000000001</v>
      </c>
      <c r="UDW54" s="7">
        <f t="shared" si="1027"/>
        <v>3128.5920000000001</v>
      </c>
      <c r="UDX54" s="7">
        <f t="shared" si="1027"/>
        <v>3128.5920000000001</v>
      </c>
      <c r="UDY54" s="7">
        <f t="shared" si="1027"/>
        <v>3128.5920000000001</v>
      </c>
      <c r="UDZ54" s="7">
        <f t="shared" si="1027"/>
        <v>3128.5920000000001</v>
      </c>
      <c r="UEA54" s="7">
        <f t="shared" si="1027"/>
        <v>3128.5920000000001</v>
      </c>
      <c r="UEB54" s="7">
        <f t="shared" si="1027"/>
        <v>3128.5920000000001</v>
      </c>
      <c r="UEC54" s="7">
        <f t="shared" si="1027"/>
        <v>3128.5920000000001</v>
      </c>
      <c r="UED54" s="7">
        <f t="shared" si="1027"/>
        <v>3128.5920000000001</v>
      </c>
      <c r="UEE54" s="7">
        <f t="shared" si="1027"/>
        <v>3128.5920000000001</v>
      </c>
      <c r="UEF54" s="7">
        <f t="shared" si="1027"/>
        <v>3128.5920000000001</v>
      </c>
      <c r="UEG54" s="7">
        <f t="shared" si="1027"/>
        <v>3128.5920000000001</v>
      </c>
      <c r="UEH54" s="7">
        <f t="shared" si="1027"/>
        <v>3128.5920000000001</v>
      </c>
      <c r="UEI54" s="7">
        <f t="shared" si="1027"/>
        <v>3128.5920000000001</v>
      </c>
      <c r="UEJ54" s="7">
        <f t="shared" si="1027"/>
        <v>3128.5920000000001</v>
      </c>
      <c r="UEK54" s="7">
        <f t="shared" si="1027"/>
        <v>3128.5920000000001</v>
      </c>
      <c r="UEL54" s="7">
        <f t="shared" si="1027"/>
        <v>3128.5920000000001</v>
      </c>
      <c r="UEM54" s="7">
        <f t="shared" si="1027"/>
        <v>3128.5920000000001</v>
      </c>
      <c r="UEN54" s="7">
        <f t="shared" si="1027"/>
        <v>3128.5920000000001</v>
      </c>
      <c r="UEO54" s="7">
        <f t="shared" si="1027"/>
        <v>3128.5920000000001</v>
      </c>
      <c r="UEP54" s="7">
        <f t="shared" si="1027"/>
        <v>3128.5920000000001</v>
      </c>
      <c r="UEQ54" s="7">
        <f t="shared" si="1027"/>
        <v>3128.5920000000001</v>
      </c>
      <c r="UER54" s="7">
        <f t="shared" si="1027"/>
        <v>3128.5920000000001</v>
      </c>
      <c r="UES54" s="7">
        <f t="shared" si="1027"/>
        <v>3128.5920000000001</v>
      </c>
      <c r="UET54" s="7">
        <f t="shared" ref="UET54:UHE54" si="1028">UET49+UES54</f>
        <v>3128.5920000000001</v>
      </c>
      <c r="UEU54" s="7">
        <f t="shared" si="1028"/>
        <v>3128.5920000000001</v>
      </c>
      <c r="UEV54" s="7">
        <f t="shared" si="1028"/>
        <v>3128.5920000000001</v>
      </c>
      <c r="UEW54" s="7">
        <f t="shared" si="1028"/>
        <v>3128.5920000000001</v>
      </c>
      <c r="UEX54" s="7">
        <f t="shared" si="1028"/>
        <v>3128.5920000000001</v>
      </c>
      <c r="UEY54" s="7">
        <f t="shared" si="1028"/>
        <v>3128.5920000000001</v>
      </c>
      <c r="UEZ54" s="7">
        <f t="shared" si="1028"/>
        <v>3128.5920000000001</v>
      </c>
      <c r="UFA54" s="7">
        <f t="shared" si="1028"/>
        <v>3128.5920000000001</v>
      </c>
      <c r="UFB54" s="7">
        <f t="shared" si="1028"/>
        <v>3128.5920000000001</v>
      </c>
      <c r="UFC54" s="7">
        <f t="shared" si="1028"/>
        <v>3128.5920000000001</v>
      </c>
      <c r="UFD54" s="7">
        <f t="shared" si="1028"/>
        <v>3128.5920000000001</v>
      </c>
      <c r="UFE54" s="7">
        <f t="shared" si="1028"/>
        <v>3128.5920000000001</v>
      </c>
      <c r="UFF54" s="7">
        <f t="shared" si="1028"/>
        <v>3128.5920000000001</v>
      </c>
      <c r="UFG54" s="7">
        <f t="shared" si="1028"/>
        <v>3128.5920000000001</v>
      </c>
      <c r="UFH54" s="7">
        <f t="shared" si="1028"/>
        <v>3128.5920000000001</v>
      </c>
      <c r="UFI54" s="7">
        <f t="shared" si="1028"/>
        <v>3128.5920000000001</v>
      </c>
      <c r="UFJ54" s="7">
        <f t="shared" si="1028"/>
        <v>3128.5920000000001</v>
      </c>
      <c r="UFK54" s="7">
        <f t="shared" si="1028"/>
        <v>3128.5920000000001</v>
      </c>
      <c r="UFL54" s="7">
        <f t="shared" si="1028"/>
        <v>3128.5920000000001</v>
      </c>
      <c r="UFM54" s="7">
        <f t="shared" si="1028"/>
        <v>3128.5920000000001</v>
      </c>
      <c r="UFN54" s="7">
        <f t="shared" si="1028"/>
        <v>3128.5920000000001</v>
      </c>
      <c r="UFO54" s="7">
        <f t="shared" si="1028"/>
        <v>3128.5920000000001</v>
      </c>
      <c r="UFP54" s="7">
        <f t="shared" si="1028"/>
        <v>3128.5920000000001</v>
      </c>
      <c r="UFQ54" s="7">
        <f t="shared" si="1028"/>
        <v>3128.5920000000001</v>
      </c>
      <c r="UFR54" s="7">
        <f t="shared" si="1028"/>
        <v>3128.5920000000001</v>
      </c>
      <c r="UFS54" s="7">
        <f t="shared" si="1028"/>
        <v>3128.5920000000001</v>
      </c>
      <c r="UFT54" s="7">
        <f t="shared" si="1028"/>
        <v>3128.5920000000001</v>
      </c>
      <c r="UFU54" s="7">
        <f t="shared" si="1028"/>
        <v>3128.5920000000001</v>
      </c>
      <c r="UFV54" s="7">
        <f t="shared" si="1028"/>
        <v>3128.5920000000001</v>
      </c>
      <c r="UFW54" s="7">
        <f t="shared" si="1028"/>
        <v>3128.5920000000001</v>
      </c>
      <c r="UFX54" s="7">
        <f t="shared" si="1028"/>
        <v>3128.5920000000001</v>
      </c>
      <c r="UFY54" s="7">
        <f t="shared" si="1028"/>
        <v>3128.5920000000001</v>
      </c>
      <c r="UFZ54" s="7">
        <f t="shared" si="1028"/>
        <v>3128.5920000000001</v>
      </c>
      <c r="UGA54" s="7">
        <f t="shared" si="1028"/>
        <v>3128.5920000000001</v>
      </c>
      <c r="UGB54" s="7">
        <f t="shared" si="1028"/>
        <v>3128.5920000000001</v>
      </c>
      <c r="UGC54" s="7">
        <f t="shared" si="1028"/>
        <v>3128.5920000000001</v>
      </c>
      <c r="UGD54" s="7">
        <f t="shared" si="1028"/>
        <v>3128.5920000000001</v>
      </c>
      <c r="UGE54" s="7">
        <f t="shared" si="1028"/>
        <v>3128.5920000000001</v>
      </c>
      <c r="UGF54" s="7">
        <f t="shared" si="1028"/>
        <v>3128.5920000000001</v>
      </c>
      <c r="UGG54" s="7">
        <f t="shared" si="1028"/>
        <v>3128.5920000000001</v>
      </c>
      <c r="UGH54" s="7">
        <f t="shared" si="1028"/>
        <v>3128.5920000000001</v>
      </c>
      <c r="UGI54" s="7">
        <f t="shared" si="1028"/>
        <v>3128.5920000000001</v>
      </c>
      <c r="UGJ54" s="7">
        <f t="shared" si="1028"/>
        <v>3128.5920000000001</v>
      </c>
      <c r="UGK54" s="7">
        <f t="shared" si="1028"/>
        <v>3128.5920000000001</v>
      </c>
      <c r="UGL54" s="7">
        <f t="shared" si="1028"/>
        <v>3128.5920000000001</v>
      </c>
      <c r="UGM54" s="7">
        <f t="shared" si="1028"/>
        <v>3128.5920000000001</v>
      </c>
      <c r="UGN54" s="7">
        <f t="shared" si="1028"/>
        <v>3128.5920000000001</v>
      </c>
      <c r="UGO54" s="7">
        <f t="shared" si="1028"/>
        <v>3128.5920000000001</v>
      </c>
      <c r="UGP54" s="7">
        <f t="shared" si="1028"/>
        <v>3128.5920000000001</v>
      </c>
      <c r="UGQ54" s="7">
        <f t="shared" si="1028"/>
        <v>3128.5920000000001</v>
      </c>
      <c r="UGR54" s="7">
        <f t="shared" si="1028"/>
        <v>3128.5920000000001</v>
      </c>
      <c r="UGS54" s="7">
        <f t="shared" si="1028"/>
        <v>3128.5920000000001</v>
      </c>
      <c r="UGT54" s="7">
        <f t="shared" si="1028"/>
        <v>3128.5920000000001</v>
      </c>
      <c r="UGU54" s="7">
        <f t="shared" si="1028"/>
        <v>3128.5920000000001</v>
      </c>
      <c r="UGV54" s="7">
        <f t="shared" si="1028"/>
        <v>3128.5920000000001</v>
      </c>
      <c r="UGW54" s="7">
        <f t="shared" si="1028"/>
        <v>3128.5920000000001</v>
      </c>
      <c r="UGX54" s="7">
        <f t="shared" si="1028"/>
        <v>3128.5920000000001</v>
      </c>
      <c r="UGY54" s="7">
        <f t="shared" si="1028"/>
        <v>3128.5920000000001</v>
      </c>
      <c r="UGZ54" s="7">
        <f t="shared" si="1028"/>
        <v>3128.5920000000001</v>
      </c>
      <c r="UHA54" s="7">
        <f t="shared" si="1028"/>
        <v>3128.5920000000001</v>
      </c>
      <c r="UHB54" s="7">
        <f t="shared" si="1028"/>
        <v>3128.5920000000001</v>
      </c>
      <c r="UHC54" s="7">
        <f t="shared" si="1028"/>
        <v>3128.5920000000001</v>
      </c>
      <c r="UHD54" s="7">
        <f t="shared" si="1028"/>
        <v>3128.5920000000001</v>
      </c>
      <c r="UHE54" s="7">
        <f t="shared" si="1028"/>
        <v>3128.5920000000001</v>
      </c>
      <c r="UHF54" s="7">
        <f t="shared" ref="UHF54:UJQ54" si="1029">UHF49+UHE54</f>
        <v>3128.5920000000001</v>
      </c>
      <c r="UHG54" s="7">
        <f t="shared" si="1029"/>
        <v>3128.5920000000001</v>
      </c>
      <c r="UHH54" s="7">
        <f t="shared" si="1029"/>
        <v>3128.5920000000001</v>
      </c>
      <c r="UHI54" s="7">
        <f t="shared" si="1029"/>
        <v>3128.5920000000001</v>
      </c>
      <c r="UHJ54" s="7">
        <f t="shared" si="1029"/>
        <v>3128.5920000000001</v>
      </c>
      <c r="UHK54" s="7">
        <f t="shared" si="1029"/>
        <v>3128.5920000000001</v>
      </c>
      <c r="UHL54" s="7">
        <f t="shared" si="1029"/>
        <v>3128.5920000000001</v>
      </c>
      <c r="UHM54" s="7">
        <f t="shared" si="1029"/>
        <v>3128.5920000000001</v>
      </c>
      <c r="UHN54" s="7">
        <f t="shared" si="1029"/>
        <v>3128.5920000000001</v>
      </c>
      <c r="UHO54" s="7">
        <f t="shared" si="1029"/>
        <v>3128.5920000000001</v>
      </c>
      <c r="UHP54" s="7">
        <f t="shared" si="1029"/>
        <v>3128.5920000000001</v>
      </c>
      <c r="UHQ54" s="7">
        <f t="shared" si="1029"/>
        <v>3128.5920000000001</v>
      </c>
      <c r="UHR54" s="7">
        <f t="shared" si="1029"/>
        <v>3128.5920000000001</v>
      </c>
      <c r="UHS54" s="7">
        <f t="shared" si="1029"/>
        <v>3128.5920000000001</v>
      </c>
      <c r="UHT54" s="7">
        <f t="shared" si="1029"/>
        <v>3128.5920000000001</v>
      </c>
      <c r="UHU54" s="7">
        <f t="shared" si="1029"/>
        <v>3128.5920000000001</v>
      </c>
      <c r="UHV54" s="7">
        <f t="shared" si="1029"/>
        <v>3128.5920000000001</v>
      </c>
      <c r="UHW54" s="7">
        <f t="shared" si="1029"/>
        <v>3128.5920000000001</v>
      </c>
      <c r="UHX54" s="7">
        <f t="shared" si="1029"/>
        <v>3128.5920000000001</v>
      </c>
      <c r="UHY54" s="7">
        <f t="shared" si="1029"/>
        <v>3128.5920000000001</v>
      </c>
      <c r="UHZ54" s="7">
        <f t="shared" si="1029"/>
        <v>3128.5920000000001</v>
      </c>
      <c r="UIA54" s="7">
        <f t="shared" si="1029"/>
        <v>3128.5920000000001</v>
      </c>
      <c r="UIB54" s="7">
        <f t="shared" si="1029"/>
        <v>3128.5920000000001</v>
      </c>
      <c r="UIC54" s="7">
        <f t="shared" si="1029"/>
        <v>3128.5920000000001</v>
      </c>
      <c r="UID54" s="7">
        <f t="shared" si="1029"/>
        <v>3128.5920000000001</v>
      </c>
      <c r="UIE54" s="7">
        <f t="shared" si="1029"/>
        <v>3128.5920000000001</v>
      </c>
      <c r="UIF54" s="7">
        <f t="shared" si="1029"/>
        <v>3128.5920000000001</v>
      </c>
      <c r="UIG54" s="7">
        <f t="shared" si="1029"/>
        <v>3128.5920000000001</v>
      </c>
      <c r="UIH54" s="7">
        <f t="shared" si="1029"/>
        <v>3128.5920000000001</v>
      </c>
      <c r="UII54" s="7">
        <f t="shared" si="1029"/>
        <v>3128.5920000000001</v>
      </c>
      <c r="UIJ54" s="7">
        <f t="shared" si="1029"/>
        <v>3128.5920000000001</v>
      </c>
      <c r="UIK54" s="7">
        <f t="shared" si="1029"/>
        <v>3128.5920000000001</v>
      </c>
      <c r="UIL54" s="7">
        <f t="shared" si="1029"/>
        <v>3128.5920000000001</v>
      </c>
      <c r="UIM54" s="7">
        <f t="shared" si="1029"/>
        <v>3128.5920000000001</v>
      </c>
      <c r="UIN54" s="7">
        <f t="shared" si="1029"/>
        <v>3128.5920000000001</v>
      </c>
      <c r="UIO54" s="7">
        <f t="shared" si="1029"/>
        <v>3128.5920000000001</v>
      </c>
      <c r="UIP54" s="7">
        <f t="shared" si="1029"/>
        <v>3128.5920000000001</v>
      </c>
      <c r="UIQ54" s="7">
        <f t="shared" si="1029"/>
        <v>3128.5920000000001</v>
      </c>
      <c r="UIR54" s="7">
        <f t="shared" si="1029"/>
        <v>3128.5920000000001</v>
      </c>
      <c r="UIS54" s="7">
        <f t="shared" si="1029"/>
        <v>3128.5920000000001</v>
      </c>
      <c r="UIT54" s="7">
        <f t="shared" si="1029"/>
        <v>3128.5920000000001</v>
      </c>
      <c r="UIU54" s="7">
        <f t="shared" si="1029"/>
        <v>3128.5920000000001</v>
      </c>
      <c r="UIV54" s="7">
        <f t="shared" si="1029"/>
        <v>3128.5920000000001</v>
      </c>
      <c r="UIW54" s="7">
        <f t="shared" si="1029"/>
        <v>3128.5920000000001</v>
      </c>
      <c r="UIX54" s="7">
        <f t="shared" si="1029"/>
        <v>3128.5920000000001</v>
      </c>
      <c r="UIY54" s="7">
        <f t="shared" si="1029"/>
        <v>3128.5920000000001</v>
      </c>
      <c r="UIZ54" s="7">
        <f t="shared" si="1029"/>
        <v>3128.5920000000001</v>
      </c>
      <c r="UJA54" s="7">
        <f t="shared" si="1029"/>
        <v>3128.5920000000001</v>
      </c>
      <c r="UJB54" s="7">
        <f t="shared" si="1029"/>
        <v>3128.5920000000001</v>
      </c>
      <c r="UJC54" s="7">
        <f t="shared" si="1029"/>
        <v>3128.5920000000001</v>
      </c>
      <c r="UJD54" s="7">
        <f t="shared" si="1029"/>
        <v>3128.5920000000001</v>
      </c>
      <c r="UJE54" s="7">
        <f t="shared" si="1029"/>
        <v>3128.5920000000001</v>
      </c>
      <c r="UJF54" s="7">
        <f t="shared" si="1029"/>
        <v>3128.5920000000001</v>
      </c>
      <c r="UJG54" s="7">
        <f t="shared" si="1029"/>
        <v>3128.5920000000001</v>
      </c>
      <c r="UJH54" s="7">
        <f t="shared" si="1029"/>
        <v>3128.5920000000001</v>
      </c>
      <c r="UJI54" s="7">
        <f t="shared" si="1029"/>
        <v>3128.5920000000001</v>
      </c>
      <c r="UJJ54" s="7">
        <f t="shared" si="1029"/>
        <v>3128.5920000000001</v>
      </c>
      <c r="UJK54" s="7">
        <f t="shared" si="1029"/>
        <v>3128.5920000000001</v>
      </c>
      <c r="UJL54" s="7">
        <f t="shared" si="1029"/>
        <v>3128.5920000000001</v>
      </c>
      <c r="UJM54" s="7">
        <f t="shared" si="1029"/>
        <v>3128.5920000000001</v>
      </c>
      <c r="UJN54" s="7">
        <f t="shared" si="1029"/>
        <v>3128.5920000000001</v>
      </c>
      <c r="UJO54" s="7">
        <f t="shared" si="1029"/>
        <v>3128.5920000000001</v>
      </c>
      <c r="UJP54" s="7">
        <f t="shared" si="1029"/>
        <v>3128.5920000000001</v>
      </c>
      <c r="UJQ54" s="7">
        <f t="shared" si="1029"/>
        <v>3128.5920000000001</v>
      </c>
      <c r="UJR54" s="7">
        <f t="shared" ref="UJR54:UMC54" si="1030">UJR49+UJQ54</f>
        <v>3128.5920000000001</v>
      </c>
      <c r="UJS54" s="7">
        <f t="shared" si="1030"/>
        <v>3128.5920000000001</v>
      </c>
      <c r="UJT54" s="7">
        <f t="shared" si="1030"/>
        <v>3128.5920000000001</v>
      </c>
      <c r="UJU54" s="7">
        <f t="shared" si="1030"/>
        <v>3128.5920000000001</v>
      </c>
      <c r="UJV54" s="7">
        <f t="shared" si="1030"/>
        <v>3128.5920000000001</v>
      </c>
      <c r="UJW54" s="7">
        <f t="shared" si="1030"/>
        <v>3128.5920000000001</v>
      </c>
      <c r="UJX54" s="7">
        <f t="shared" si="1030"/>
        <v>3128.5920000000001</v>
      </c>
      <c r="UJY54" s="7">
        <f t="shared" si="1030"/>
        <v>3128.5920000000001</v>
      </c>
      <c r="UJZ54" s="7">
        <f t="shared" si="1030"/>
        <v>3128.5920000000001</v>
      </c>
      <c r="UKA54" s="7">
        <f t="shared" si="1030"/>
        <v>3128.5920000000001</v>
      </c>
      <c r="UKB54" s="7">
        <f t="shared" si="1030"/>
        <v>3128.5920000000001</v>
      </c>
      <c r="UKC54" s="7">
        <f t="shared" si="1030"/>
        <v>3128.5920000000001</v>
      </c>
      <c r="UKD54" s="7">
        <f t="shared" si="1030"/>
        <v>3128.5920000000001</v>
      </c>
      <c r="UKE54" s="7">
        <f t="shared" si="1030"/>
        <v>3128.5920000000001</v>
      </c>
      <c r="UKF54" s="7">
        <f t="shared" si="1030"/>
        <v>3128.5920000000001</v>
      </c>
      <c r="UKG54" s="7">
        <f t="shared" si="1030"/>
        <v>3128.5920000000001</v>
      </c>
      <c r="UKH54" s="7">
        <f t="shared" si="1030"/>
        <v>3128.5920000000001</v>
      </c>
      <c r="UKI54" s="7">
        <f t="shared" si="1030"/>
        <v>3128.5920000000001</v>
      </c>
      <c r="UKJ54" s="7">
        <f t="shared" si="1030"/>
        <v>3128.5920000000001</v>
      </c>
      <c r="UKK54" s="7">
        <f t="shared" si="1030"/>
        <v>3128.5920000000001</v>
      </c>
      <c r="UKL54" s="7">
        <f t="shared" si="1030"/>
        <v>3128.5920000000001</v>
      </c>
      <c r="UKM54" s="7">
        <f t="shared" si="1030"/>
        <v>3128.5920000000001</v>
      </c>
      <c r="UKN54" s="7">
        <f t="shared" si="1030"/>
        <v>3128.5920000000001</v>
      </c>
      <c r="UKO54" s="7">
        <f t="shared" si="1030"/>
        <v>3128.5920000000001</v>
      </c>
      <c r="UKP54" s="7">
        <f t="shared" si="1030"/>
        <v>3128.5920000000001</v>
      </c>
      <c r="UKQ54" s="7">
        <f t="shared" si="1030"/>
        <v>3128.5920000000001</v>
      </c>
      <c r="UKR54" s="7">
        <f t="shared" si="1030"/>
        <v>3128.5920000000001</v>
      </c>
      <c r="UKS54" s="7">
        <f t="shared" si="1030"/>
        <v>3128.5920000000001</v>
      </c>
      <c r="UKT54" s="7">
        <f t="shared" si="1030"/>
        <v>3128.5920000000001</v>
      </c>
      <c r="UKU54" s="7">
        <f t="shared" si="1030"/>
        <v>3128.5920000000001</v>
      </c>
      <c r="UKV54" s="7">
        <f t="shared" si="1030"/>
        <v>3128.5920000000001</v>
      </c>
      <c r="UKW54" s="7">
        <f t="shared" si="1030"/>
        <v>3128.5920000000001</v>
      </c>
      <c r="UKX54" s="7">
        <f t="shared" si="1030"/>
        <v>3128.5920000000001</v>
      </c>
      <c r="UKY54" s="7">
        <f t="shared" si="1030"/>
        <v>3128.5920000000001</v>
      </c>
      <c r="UKZ54" s="7">
        <f t="shared" si="1030"/>
        <v>3128.5920000000001</v>
      </c>
      <c r="ULA54" s="7">
        <f t="shared" si="1030"/>
        <v>3128.5920000000001</v>
      </c>
      <c r="ULB54" s="7">
        <f t="shared" si="1030"/>
        <v>3128.5920000000001</v>
      </c>
      <c r="ULC54" s="7">
        <f t="shared" si="1030"/>
        <v>3128.5920000000001</v>
      </c>
      <c r="ULD54" s="7">
        <f t="shared" si="1030"/>
        <v>3128.5920000000001</v>
      </c>
      <c r="ULE54" s="7">
        <f t="shared" si="1030"/>
        <v>3128.5920000000001</v>
      </c>
      <c r="ULF54" s="7">
        <f t="shared" si="1030"/>
        <v>3128.5920000000001</v>
      </c>
      <c r="ULG54" s="7">
        <f t="shared" si="1030"/>
        <v>3128.5920000000001</v>
      </c>
      <c r="ULH54" s="7">
        <f t="shared" si="1030"/>
        <v>3128.5920000000001</v>
      </c>
      <c r="ULI54" s="7">
        <f t="shared" si="1030"/>
        <v>3128.5920000000001</v>
      </c>
      <c r="ULJ54" s="7">
        <f t="shared" si="1030"/>
        <v>3128.5920000000001</v>
      </c>
      <c r="ULK54" s="7">
        <f t="shared" si="1030"/>
        <v>3128.5920000000001</v>
      </c>
      <c r="ULL54" s="7">
        <f t="shared" si="1030"/>
        <v>3128.5920000000001</v>
      </c>
      <c r="ULM54" s="7">
        <f t="shared" si="1030"/>
        <v>3128.5920000000001</v>
      </c>
      <c r="ULN54" s="7">
        <f t="shared" si="1030"/>
        <v>3128.5920000000001</v>
      </c>
      <c r="ULO54" s="7">
        <f t="shared" si="1030"/>
        <v>3128.5920000000001</v>
      </c>
      <c r="ULP54" s="7">
        <f t="shared" si="1030"/>
        <v>3128.5920000000001</v>
      </c>
      <c r="ULQ54" s="7">
        <f t="shared" si="1030"/>
        <v>3128.5920000000001</v>
      </c>
      <c r="ULR54" s="7">
        <f t="shared" si="1030"/>
        <v>3128.5920000000001</v>
      </c>
      <c r="ULS54" s="7">
        <f t="shared" si="1030"/>
        <v>3128.5920000000001</v>
      </c>
      <c r="ULT54" s="7">
        <f t="shared" si="1030"/>
        <v>3128.5920000000001</v>
      </c>
      <c r="ULU54" s="7">
        <f t="shared" si="1030"/>
        <v>3128.5920000000001</v>
      </c>
      <c r="ULV54" s="7">
        <f t="shared" si="1030"/>
        <v>3128.5920000000001</v>
      </c>
      <c r="ULW54" s="7">
        <f t="shared" si="1030"/>
        <v>3128.5920000000001</v>
      </c>
      <c r="ULX54" s="7">
        <f t="shared" si="1030"/>
        <v>3128.5920000000001</v>
      </c>
      <c r="ULY54" s="7">
        <f t="shared" si="1030"/>
        <v>3128.5920000000001</v>
      </c>
      <c r="ULZ54" s="7">
        <f t="shared" si="1030"/>
        <v>3128.5920000000001</v>
      </c>
      <c r="UMA54" s="7">
        <f t="shared" si="1030"/>
        <v>3128.5920000000001</v>
      </c>
      <c r="UMB54" s="7">
        <f t="shared" si="1030"/>
        <v>3128.5920000000001</v>
      </c>
      <c r="UMC54" s="7">
        <f t="shared" si="1030"/>
        <v>3128.5920000000001</v>
      </c>
      <c r="UMD54" s="7">
        <f t="shared" ref="UMD54:UOO54" si="1031">UMD49+UMC54</f>
        <v>3128.5920000000001</v>
      </c>
      <c r="UME54" s="7">
        <f t="shared" si="1031"/>
        <v>3128.5920000000001</v>
      </c>
      <c r="UMF54" s="7">
        <f t="shared" si="1031"/>
        <v>3128.5920000000001</v>
      </c>
      <c r="UMG54" s="7">
        <f t="shared" si="1031"/>
        <v>3128.5920000000001</v>
      </c>
      <c r="UMH54" s="7">
        <f t="shared" si="1031"/>
        <v>3128.5920000000001</v>
      </c>
      <c r="UMI54" s="7">
        <f t="shared" si="1031"/>
        <v>3128.5920000000001</v>
      </c>
      <c r="UMJ54" s="7">
        <f t="shared" si="1031"/>
        <v>3128.5920000000001</v>
      </c>
      <c r="UMK54" s="7">
        <f t="shared" si="1031"/>
        <v>3128.5920000000001</v>
      </c>
      <c r="UML54" s="7">
        <f t="shared" si="1031"/>
        <v>3128.5920000000001</v>
      </c>
      <c r="UMM54" s="7">
        <f t="shared" si="1031"/>
        <v>3128.5920000000001</v>
      </c>
      <c r="UMN54" s="7">
        <f t="shared" si="1031"/>
        <v>3128.5920000000001</v>
      </c>
      <c r="UMO54" s="7">
        <f t="shared" si="1031"/>
        <v>3128.5920000000001</v>
      </c>
      <c r="UMP54" s="7">
        <f t="shared" si="1031"/>
        <v>3128.5920000000001</v>
      </c>
      <c r="UMQ54" s="7">
        <f t="shared" si="1031"/>
        <v>3128.5920000000001</v>
      </c>
      <c r="UMR54" s="7">
        <f t="shared" si="1031"/>
        <v>3128.5920000000001</v>
      </c>
      <c r="UMS54" s="7">
        <f t="shared" si="1031"/>
        <v>3128.5920000000001</v>
      </c>
      <c r="UMT54" s="7">
        <f t="shared" si="1031"/>
        <v>3128.5920000000001</v>
      </c>
      <c r="UMU54" s="7">
        <f t="shared" si="1031"/>
        <v>3128.5920000000001</v>
      </c>
      <c r="UMV54" s="7">
        <f t="shared" si="1031"/>
        <v>3128.5920000000001</v>
      </c>
      <c r="UMW54" s="7">
        <f t="shared" si="1031"/>
        <v>3128.5920000000001</v>
      </c>
      <c r="UMX54" s="7">
        <f t="shared" si="1031"/>
        <v>3128.5920000000001</v>
      </c>
      <c r="UMY54" s="7">
        <f t="shared" si="1031"/>
        <v>3128.5920000000001</v>
      </c>
      <c r="UMZ54" s="7">
        <f t="shared" si="1031"/>
        <v>3128.5920000000001</v>
      </c>
      <c r="UNA54" s="7">
        <f t="shared" si="1031"/>
        <v>3128.5920000000001</v>
      </c>
      <c r="UNB54" s="7">
        <f t="shared" si="1031"/>
        <v>3128.5920000000001</v>
      </c>
      <c r="UNC54" s="7">
        <f t="shared" si="1031"/>
        <v>3128.5920000000001</v>
      </c>
      <c r="UND54" s="7">
        <f t="shared" si="1031"/>
        <v>3128.5920000000001</v>
      </c>
      <c r="UNE54" s="7">
        <f t="shared" si="1031"/>
        <v>3128.5920000000001</v>
      </c>
      <c r="UNF54" s="7">
        <f t="shared" si="1031"/>
        <v>3128.5920000000001</v>
      </c>
      <c r="UNG54" s="7">
        <f t="shared" si="1031"/>
        <v>3128.5920000000001</v>
      </c>
      <c r="UNH54" s="7">
        <f t="shared" si="1031"/>
        <v>3128.5920000000001</v>
      </c>
      <c r="UNI54" s="7">
        <f t="shared" si="1031"/>
        <v>3128.5920000000001</v>
      </c>
      <c r="UNJ54" s="7">
        <f t="shared" si="1031"/>
        <v>3128.5920000000001</v>
      </c>
      <c r="UNK54" s="7">
        <f t="shared" si="1031"/>
        <v>3128.5920000000001</v>
      </c>
      <c r="UNL54" s="7">
        <f t="shared" si="1031"/>
        <v>3128.5920000000001</v>
      </c>
      <c r="UNM54" s="7">
        <f t="shared" si="1031"/>
        <v>3128.5920000000001</v>
      </c>
      <c r="UNN54" s="7">
        <f t="shared" si="1031"/>
        <v>3128.5920000000001</v>
      </c>
      <c r="UNO54" s="7">
        <f t="shared" si="1031"/>
        <v>3128.5920000000001</v>
      </c>
      <c r="UNP54" s="7">
        <f t="shared" si="1031"/>
        <v>3128.5920000000001</v>
      </c>
      <c r="UNQ54" s="7">
        <f t="shared" si="1031"/>
        <v>3128.5920000000001</v>
      </c>
      <c r="UNR54" s="7">
        <f t="shared" si="1031"/>
        <v>3128.5920000000001</v>
      </c>
      <c r="UNS54" s="7">
        <f t="shared" si="1031"/>
        <v>3128.5920000000001</v>
      </c>
      <c r="UNT54" s="7">
        <f t="shared" si="1031"/>
        <v>3128.5920000000001</v>
      </c>
      <c r="UNU54" s="7">
        <f t="shared" si="1031"/>
        <v>3128.5920000000001</v>
      </c>
      <c r="UNV54" s="7">
        <f t="shared" si="1031"/>
        <v>3128.5920000000001</v>
      </c>
      <c r="UNW54" s="7">
        <f t="shared" si="1031"/>
        <v>3128.5920000000001</v>
      </c>
      <c r="UNX54" s="7">
        <f t="shared" si="1031"/>
        <v>3128.5920000000001</v>
      </c>
      <c r="UNY54" s="7">
        <f t="shared" si="1031"/>
        <v>3128.5920000000001</v>
      </c>
      <c r="UNZ54" s="7">
        <f t="shared" si="1031"/>
        <v>3128.5920000000001</v>
      </c>
      <c r="UOA54" s="7">
        <f t="shared" si="1031"/>
        <v>3128.5920000000001</v>
      </c>
      <c r="UOB54" s="7">
        <f t="shared" si="1031"/>
        <v>3128.5920000000001</v>
      </c>
      <c r="UOC54" s="7">
        <f t="shared" si="1031"/>
        <v>3128.5920000000001</v>
      </c>
      <c r="UOD54" s="7">
        <f t="shared" si="1031"/>
        <v>3128.5920000000001</v>
      </c>
      <c r="UOE54" s="7">
        <f t="shared" si="1031"/>
        <v>3128.5920000000001</v>
      </c>
      <c r="UOF54" s="7">
        <f t="shared" si="1031"/>
        <v>3128.5920000000001</v>
      </c>
      <c r="UOG54" s="7">
        <f t="shared" si="1031"/>
        <v>3128.5920000000001</v>
      </c>
      <c r="UOH54" s="7">
        <f t="shared" si="1031"/>
        <v>3128.5920000000001</v>
      </c>
      <c r="UOI54" s="7">
        <f t="shared" si="1031"/>
        <v>3128.5920000000001</v>
      </c>
      <c r="UOJ54" s="7">
        <f t="shared" si="1031"/>
        <v>3128.5920000000001</v>
      </c>
      <c r="UOK54" s="7">
        <f t="shared" si="1031"/>
        <v>3128.5920000000001</v>
      </c>
      <c r="UOL54" s="7">
        <f t="shared" si="1031"/>
        <v>3128.5920000000001</v>
      </c>
      <c r="UOM54" s="7">
        <f t="shared" si="1031"/>
        <v>3128.5920000000001</v>
      </c>
      <c r="UON54" s="7">
        <f t="shared" si="1031"/>
        <v>3128.5920000000001</v>
      </c>
      <c r="UOO54" s="7">
        <f t="shared" si="1031"/>
        <v>3128.5920000000001</v>
      </c>
      <c r="UOP54" s="7">
        <f t="shared" ref="UOP54:URA54" si="1032">UOP49+UOO54</f>
        <v>3128.5920000000001</v>
      </c>
      <c r="UOQ54" s="7">
        <f t="shared" si="1032"/>
        <v>3128.5920000000001</v>
      </c>
      <c r="UOR54" s="7">
        <f t="shared" si="1032"/>
        <v>3128.5920000000001</v>
      </c>
      <c r="UOS54" s="7">
        <f t="shared" si="1032"/>
        <v>3128.5920000000001</v>
      </c>
      <c r="UOT54" s="7">
        <f t="shared" si="1032"/>
        <v>3128.5920000000001</v>
      </c>
      <c r="UOU54" s="7">
        <f t="shared" si="1032"/>
        <v>3128.5920000000001</v>
      </c>
      <c r="UOV54" s="7">
        <f t="shared" si="1032"/>
        <v>3128.5920000000001</v>
      </c>
      <c r="UOW54" s="7">
        <f t="shared" si="1032"/>
        <v>3128.5920000000001</v>
      </c>
      <c r="UOX54" s="7">
        <f t="shared" si="1032"/>
        <v>3128.5920000000001</v>
      </c>
      <c r="UOY54" s="7">
        <f t="shared" si="1032"/>
        <v>3128.5920000000001</v>
      </c>
      <c r="UOZ54" s="7">
        <f t="shared" si="1032"/>
        <v>3128.5920000000001</v>
      </c>
      <c r="UPA54" s="7">
        <f t="shared" si="1032"/>
        <v>3128.5920000000001</v>
      </c>
      <c r="UPB54" s="7">
        <f t="shared" si="1032"/>
        <v>3128.5920000000001</v>
      </c>
      <c r="UPC54" s="7">
        <f t="shared" si="1032"/>
        <v>3128.5920000000001</v>
      </c>
      <c r="UPD54" s="7">
        <f t="shared" si="1032"/>
        <v>3128.5920000000001</v>
      </c>
      <c r="UPE54" s="7">
        <f t="shared" si="1032"/>
        <v>3128.5920000000001</v>
      </c>
      <c r="UPF54" s="7">
        <f t="shared" si="1032"/>
        <v>3128.5920000000001</v>
      </c>
      <c r="UPG54" s="7">
        <f t="shared" si="1032"/>
        <v>3128.5920000000001</v>
      </c>
      <c r="UPH54" s="7">
        <f t="shared" si="1032"/>
        <v>3128.5920000000001</v>
      </c>
      <c r="UPI54" s="7">
        <f t="shared" si="1032"/>
        <v>3128.5920000000001</v>
      </c>
      <c r="UPJ54" s="7">
        <f t="shared" si="1032"/>
        <v>3128.5920000000001</v>
      </c>
      <c r="UPK54" s="7">
        <f t="shared" si="1032"/>
        <v>3128.5920000000001</v>
      </c>
      <c r="UPL54" s="7">
        <f t="shared" si="1032"/>
        <v>3128.5920000000001</v>
      </c>
      <c r="UPM54" s="7">
        <f t="shared" si="1032"/>
        <v>3128.5920000000001</v>
      </c>
      <c r="UPN54" s="7">
        <f t="shared" si="1032"/>
        <v>3128.5920000000001</v>
      </c>
      <c r="UPO54" s="7">
        <f t="shared" si="1032"/>
        <v>3128.5920000000001</v>
      </c>
      <c r="UPP54" s="7">
        <f t="shared" si="1032"/>
        <v>3128.5920000000001</v>
      </c>
      <c r="UPQ54" s="7">
        <f t="shared" si="1032"/>
        <v>3128.5920000000001</v>
      </c>
      <c r="UPR54" s="7">
        <f t="shared" si="1032"/>
        <v>3128.5920000000001</v>
      </c>
      <c r="UPS54" s="7">
        <f t="shared" si="1032"/>
        <v>3128.5920000000001</v>
      </c>
      <c r="UPT54" s="7">
        <f t="shared" si="1032"/>
        <v>3128.5920000000001</v>
      </c>
      <c r="UPU54" s="7">
        <f t="shared" si="1032"/>
        <v>3128.5920000000001</v>
      </c>
      <c r="UPV54" s="7">
        <f t="shared" si="1032"/>
        <v>3128.5920000000001</v>
      </c>
      <c r="UPW54" s="7">
        <f t="shared" si="1032"/>
        <v>3128.5920000000001</v>
      </c>
      <c r="UPX54" s="7">
        <f t="shared" si="1032"/>
        <v>3128.5920000000001</v>
      </c>
      <c r="UPY54" s="7">
        <f t="shared" si="1032"/>
        <v>3128.5920000000001</v>
      </c>
      <c r="UPZ54" s="7">
        <f t="shared" si="1032"/>
        <v>3128.5920000000001</v>
      </c>
      <c r="UQA54" s="7">
        <f t="shared" si="1032"/>
        <v>3128.5920000000001</v>
      </c>
      <c r="UQB54" s="7">
        <f t="shared" si="1032"/>
        <v>3128.5920000000001</v>
      </c>
      <c r="UQC54" s="7">
        <f t="shared" si="1032"/>
        <v>3128.5920000000001</v>
      </c>
      <c r="UQD54" s="7">
        <f t="shared" si="1032"/>
        <v>3128.5920000000001</v>
      </c>
      <c r="UQE54" s="7">
        <f t="shared" si="1032"/>
        <v>3128.5920000000001</v>
      </c>
      <c r="UQF54" s="7">
        <f t="shared" si="1032"/>
        <v>3128.5920000000001</v>
      </c>
      <c r="UQG54" s="7">
        <f t="shared" si="1032"/>
        <v>3128.5920000000001</v>
      </c>
      <c r="UQH54" s="7">
        <f t="shared" si="1032"/>
        <v>3128.5920000000001</v>
      </c>
      <c r="UQI54" s="7">
        <f t="shared" si="1032"/>
        <v>3128.5920000000001</v>
      </c>
      <c r="UQJ54" s="7">
        <f t="shared" si="1032"/>
        <v>3128.5920000000001</v>
      </c>
      <c r="UQK54" s="7">
        <f t="shared" si="1032"/>
        <v>3128.5920000000001</v>
      </c>
      <c r="UQL54" s="7">
        <f t="shared" si="1032"/>
        <v>3128.5920000000001</v>
      </c>
      <c r="UQM54" s="7">
        <f t="shared" si="1032"/>
        <v>3128.5920000000001</v>
      </c>
      <c r="UQN54" s="7">
        <f t="shared" si="1032"/>
        <v>3128.5920000000001</v>
      </c>
      <c r="UQO54" s="7">
        <f t="shared" si="1032"/>
        <v>3128.5920000000001</v>
      </c>
      <c r="UQP54" s="7">
        <f t="shared" si="1032"/>
        <v>3128.5920000000001</v>
      </c>
      <c r="UQQ54" s="7">
        <f t="shared" si="1032"/>
        <v>3128.5920000000001</v>
      </c>
      <c r="UQR54" s="7">
        <f t="shared" si="1032"/>
        <v>3128.5920000000001</v>
      </c>
      <c r="UQS54" s="7">
        <f t="shared" si="1032"/>
        <v>3128.5920000000001</v>
      </c>
      <c r="UQT54" s="7">
        <f t="shared" si="1032"/>
        <v>3128.5920000000001</v>
      </c>
      <c r="UQU54" s="7">
        <f t="shared" si="1032"/>
        <v>3128.5920000000001</v>
      </c>
      <c r="UQV54" s="7">
        <f t="shared" si="1032"/>
        <v>3128.5920000000001</v>
      </c>
      <c r="UQW54" s="7">
        <f t="shared" si="1032"/>
        <v>3128.5920000000001</v>
      </c>
      <c r="UQX54" s="7">
        <f t="shared" si="1032"/>
        <v>3128.5920000000001</v>
      </c>
      <c r="UQY54" s="7">
        <f t="shared" si="1032"/>
        <v>3128.5920000000001</v>
      </c>
      <c r="UQZ54" s="7">
        <f t="shared" si="1032"/>
        <v>3128.5920000000001</v>
      </c>
      <c r="URA54" s="7">
        <f t="shared" si="1032"/>
        <v>3128.5920000000001</v>
      </c>
      <c r="URB54" s="7">
        <f t="shared" ref="URB54:UTM54" si="1033">URB49+URA54</f>
        <v>3128.5920000000001</v>
      </c>
      <c r="URC54" s="7">
        <f t="shared" si="1033"/>
        <v>3128.5920000000001</v>
      </c>
      <c r="URD54" s="7">
        <f t="shared" si="1033"/>
        <v>3128.5920000000001</v>
      </c>
      <c r="URE54" s="7">
        <f t="shared" si="1033"/>
        <v>3128.5920000000001</v>
      </c>
      <c r="URF54" s="7">
        <f t="shared" si="1033"/>
        <v>3128.5920000000001</v>
      </c>
      <c r="URG54" s="7">
        <f t="shared" si="1033"/>
        <v>3128.5920000000001</v>
      </c>
      <c r="URH54" s="7">
        <f t="shared" si="1033"/>
        <v>3128.5920000000001</v>
      </c>
      <c r="URI54" s="7">
        <f t="shared" si="1033"/>
        <v>3128.5920000000001</v>
      </c>
      <c r="URJ54" s="7">
        <f t="shared" si="1033"/>
        <v>3128.5920000000001</v>
      </c>
      <c r="URK54" s="7">
        <f t="shared" si="1033"/>
        <v>3128.5920000000001</v>
      </c>
      <c r="URL54" s="7">
        <f t="shared" si="1033"/>
        <v>3128.5920000000001</v>
      </c>
      <c r="URM54" s="7">
        <f t="shared" si="1033"/>
        <v>3128.5920000000001</v>
      </c>
      <c r="URN54" s="7">
        <f t="shared" si="1033"/>
        <v>3128.5920000000001</v>
      </c>
      <c r="URO54" s="7">
        <f t="shared" si="1033"/>
        <v>3128.5920000000001</v>
      </c>
      <c r="URP54" s="7">
        <f t="shared" si="1033"/>
        <v>3128.5920000000001</v>
      </c>
      <c r="URQ54" s="7">
        <f t="shared" si="1033"/>
        <v>3128.5920000000001</v>
      </c>
      <c r="URR54" s="7">
        <f t="shared" si="1033"/>
        <v>3128.5920000000001</v>
      </c>
      <c r="URS54" s="7">
        <f t="shared" si="1033"/>
        <v>3128.5920000000001</v>
      </c>
      <c r="URT54" s="7">
        <f t="shared" si="1033"/>
        <v>3128.5920000000001</v>
      </c>
      <c r="URU54" s="7">
        <f t="shared" si="1033"/>
        <v>3128.5920000000001</v>
      </c>
      <c r="URV54" s="7">
        <f t="shared" si="1033"/>
        <v>3128.5920000000001</v>
      </c>
      <c r="URW54" s="7">
        <f t="shared" si="1033"/>
        <v>3128.5920000000001</v>
      </c>
      <c r="URX54" s="7">
        <f t="shared" si="1033"/>
        <v>3128.5920000000001</v>
      </c>
      <c r="URY54" s="7">
        <f t="shared" si="1033"/>
        <v>3128.5920000000001</v>
      </c>
      <c r="URZ54" s="7">
        <f t="shared" si="1033"/>
        <v>3128.5920000000001</v>
      </c>
      <c r="USA54" s="7">
        <f t="shared" si="1033"/>
        <v>3128.5920000000001</v>
      </c>
      <c r="USB54" s="7">
        <f t="shared" si="1033"/>
        <v>3128.5920000000001</v>
      </c>
      <c r="USC54" s="7">
        <f t="shared" si="1033"/>
        <v>3128.5920000000001</v>
      </c>
      <c r="USD54" s="7">
        <f t="shared" si="1033"/>
        <v>3128.5920000000001</v>
      </c>
      <c r="USE54" s="7">
        <f t="shared" si="1033"/>
        <v>3128.5920000000001</v>
      </c>
      <c r="USF54" s="7">
        <f t="shared" si="1033"/>
        <v>3128.5920000000001</v>
      </c>
      <c r="USG54" s="7">
        <f t="shared" si="1033"/>
        <v>3128.5920000000001</v>
      </c>
      <c r="USH54" s="7">
        <f t="shared" si="1033"/>
        <v>3128.5920000000001</v>
      </c>
      <c r="USI54" s="7">
        <f t="shared" si="1033"/>
        <v>3128.5920000000001</v>
      </c>
      <c r="USJ54" s="7">
        <f t="shared" si="1033"/>
        <v>3128.5920000000001</v>
      </c>
      <c r="USK54" s="7">
        <f t="shared" si="1033"/>
        <v>3128.5920000000001</v>
      </c>
      <c r="USL54" s="7">
        <f t="shared" si="1033"/>
        <v>3128.5920000000001</v>
      </c>
      <c r="USM54" s="7">
        <f t="shared" si="1033"/>
        <v>3128.5920000000001</v>
      </c>
      <c r="USN54" s="7">
        <f t="shared" si="1033"/>
        <v>3128.5920000000001</v>
      </c>
      <c r="USO54" s="7">
        <f t="shared" si="1033"/>
        <v>3128.5920000000001</v>
      </c>
      <c r="USP54" s="7">
        <f t="shared" si="1033"/>
        <v>3128.5920000000001</v>
      </c>
      <c r="USQ54" s="7">
        <f t="shared" si="1033"/>
        <v>3128.5920000000001</v>
      </c>
      <c r="USR54" s="7">
        <f t="shared" si="1033"/>
        <v>3128.5920000000001</v>
      </c>
      <c r="USS54" s="7">
        <f t="shared" si="1033"/>
        <v>3128.5920000000001</v>
      </c>
      <c r="UST54" s="7">
        <f t="shared" si="1033"/>
        <v>3128.5920000000001</v>
      </c>
      <c r="USU54" s="7">
        <f t="shared" si="1033"/>
        <v>3128.5920000000001</v>
      </c>
      <c r="USV54" s="7">
        <f t="shared" si="1033"/>
        <v>3128.5920000000001</v>
      </c>
      <c r="USW54" s="7">
        <f t="shared" si="1033"/>
        <v>3128.5920000000001</v>
      </c>
      <c r="USX54" s="7">
        <f t="shared" si="1033"/>
        <v>3128.5920000000001</v>
      </c>
      <c r="USY54" s="7">
        <f t="shared" si="1033"/>
        <v>3128.5920000000001</v>
      </c>
      <c r="USZ54" s="7">
        <f t="shared" si="1033"/>
        <v>3128.5920000000001</v>
      </c>
      <c r="UTA54" s="7">
        <f t="shared" si="1033"/>
        <v>3128.5920000000001</v>
      </c>
      <c r="UTB54" s="7">
        <f t="shared" si="1033"/>
        <v>3128.5920000000001</v>
      </c>
      <c r="UTC54" s="7">
        <f t="shared" si="1033"/>
        <v>3128.5920000000001</v>
      </c>
      <c r="UTD54" s="7">
        <f t="shared" si="1033"/>
        <v>3128.5920000000001</v>
      </c>
      <c r="UTE54" s="7">
        <f t="shared" si="1033"/>
        <v>3128.5920000000001</v>
      </c>
      <c r="UTF54" s="7">
        <f t="shared" si="1033"/>
        <v>3128.5920000000001</v>
      </c>
      <c r="UTG54" s="7">
        <f t="shared" si="1033"/>
        <v>3128.5920000000001</v>
      </c>
      <c r="UTH54" s="7">
        <f t="shared" si="1033"/>
        <v>3128.5920000000001</v>
      </c>
      <c r="UTI54" s="7">
        <f t="shared" si="1033"/>
        <v>3128.5920000000001</v>
      </c>
      <c r="UTJ54" s="7">
        <f t="shared" si="1033"/>
        <v>3128.5920000000001</v>
      </c>
      <c r="UTK54" s="7">
        <f t="shared" si="1033"/>
        <v>3128.5920000000001</v>
      </c>
      <c r="UTL54" s="7">
        <f t="shared" si="1033"/>
        <v>3128.5920000000001</v>
      </c>
      <c r="UTM54" s="7">
        <f t="shared" si="1033"/>
        <v>3128.5920000000001</v>
      </c>
      <c r="UTN54" s="7">
        <f t="shared" ref="UTN54:UVY54" si="1034">UTN49+UTM54</f>
        <v>3128.5920000000001</v>
      </c>
      <c r="UTO54" s="7">
        <f t="shared" si="1034"/>
        <v>3128.5920000000001</v>
      </c>
      <c r="UTP54" s="7">
        <f t="shared" si="1034"/>
        <v>3128.5920000000001</v>
      </c>
      <c r="UTQ54" s="7">
        <f t="shared" si="1034"/>
        <v>3128.5920000000001</v>
      </c>
      <c r="UTR54" s="7">
        <f t="shared" si="1034"/>
        <v>3128.5920000000001</v>
      </c>
      <c r="UTS54" s="7">
        <f t="shared" si="1034"/>
        <v>3128.5920000000001</v>
      </c>
      <c r="UTT54" s="7">
        <f t="shared" si="1034"/>
        <v>3128.5920000000001</v>
      </c>
      <c r="UTU54" s="7">
        <f t="shared" si="1034"/>
        <v>3128.5920000000001</v>
      </c>
      <c r="UTV54" s="7">
        <f t="shared" si="1034"/>
        <v>3128.5920000000001</v>
      </c>
      <c r="UTW54" s="7">
        <f t="shared" si="1034"/>
        <v>3128.5920000000001</v>
      </c>
      <c r="UTX54" s="7">
        <f t="shared" si="1034"/>
        <v>3128.5920000000001</v>
      </c>
      <c r="UTY54" s="7">
        <f t="shared" si="1034"/>
        <v>3128.5920000000001</v>
      </c>
      <c r="UTZ54" s="7">
        <f t="shared" si="1034"/>
        <v>3128.5920000000001</v>
      </c>
      <c r="UUA54" s="7">
        <f t="shared" si="1034"/>
        <v>3128.5920000000001</v>
      </c>
      <c r="UUB54" s="7">
        <f t="shared" si="1034"/>
        <v>3128.5920000000001</v>
      </c>
      <c r="UUC54" s="7">
        <f t="shared" si="1034"/>
        <v>3128.5920000000001</v>
      </c>
      <c r="UUD54" s="7">
        <f t="shared" si="1034"/>
        <v>3128.5920000000001</v>
      </c>
      <c r="UUE54" s="7">
        <f t="shared" si="1034"/>
        <v>3128.5920000000001</v>
      </c>
      <c r="UUF54" s="7">
        <f t="shared" si="1034"/>
        <v>3128.5920000000001</v>
      </c>
      <c r="UUG54" s="7">
        <f t="shared" si="1034"/>
        <v>3128.5920000000001</v>
      </c>
      <c r="UUH54" s="7">
        <f t="shared" si="1034"/>
        <v>3128.5920000000001</v>
      </c>
      <c r="UUI54" s="7">
        <f t="shared" si="1034"/>
        <v>3128.5920000000001</v>
      </c>
      <c r="UUJ54" s="7">
        <f t="shared" si="1034"/>
        <v>3128.5920000000001</v>
      </c>
      <c r="UUK54" s="7">
        <f t="shared" si="1034"/>
        <v>3128.5920000000001</v>
      </c>
      <c r="UUL54" s="7">
        <f t="shared" si="1034"/>
        <v>3128.5920000000001</v>
      </c>
      <c r="UUM54" s="7">
        <f t="shared" si="1034"/>
        <v>3128.5920000000001</v>
      </c>
      <c r="UUN54" s="7">
        <f t="shared" si="1034"/>
        <v>3128.5920000000001</v>
      </c>
      <c r="UUO54" s="7">
        <f t="shared" si="1034"/>
        <v>3128.5920000000001</v>
      </c>
      <c r="UUP54" s="7">
        <f t="shared" si="1034"/>
        <v>3128.5920000000001</v>
      </c>
      <c r="UUQ54" s="7">
        <f t="shared" si="1034"/>
        <v>3128.5920000000001</v>
      </c>
      <c r="UUR54" s="7">
        <f t="shared" si="1034"/>
        <v>3128.5920000000001</v>
      </c>
      <c r="UUS54" s="7">
        <f t="shared" si="1034"/>
        <v>3128.5920000000001</v>
      </c>
      <c r="UUT54" s="7">
        <f t="shared" si="1034"/>
        <v>3128.5920000000001</v>
      </c>
      <c r="UUU54" s="7">
        <f t="shared" si="1034"/>
        <v>3128.5920000000001</v>
      </c>
      <c r="UUV54" s="7">
        <f t="shared" si="1034"/>
        <v>3128.5920000000001</v>
      </c>
      <c r="UUW54" s="7">
        <f t="shared" si="1034"/>
        <v>3128.5920000000001</v>
      </c>
      <c r="UUX54" s="7">
        <f t="shared" si="1034"/>
        <v>3128.5920000000001</v>
      </c>
      <c r="UUY54" s="7">
        <f t="shared" si="1034"/>
        <v>3128.5920000000001</v>
      </c>
      <c r="UUZ54" s="7">
        <f t="shared" si="1034"/>
        <v>3128.5920000000001</v>
      </c>
      <c r="UVA54" s="7">
        <f t="shared" si="1034"/>
        <v>3128.5920000000001</v>
      </c>
      <c r="UVB54" s="7">
        <f t="shared" si="1034"/>
        <v>3128.5920000000001</v>
      </c>
      <c r="UVC54" s="7">
        <f t="shared" si="1034"/>
        <v>3128.5920000000001</v>
      </c>
      <c r="UVD54" s="7">
        <f t="shared" si="1034"/>
        <v>3128.5920000000001</v>
      </c>
      <c r="UVE54" s="7">
        <f t="shared" si="1034"/>
        <v>3128.5920000000001</v>
      </c>
      <c r="UVF54" s="7">
        <f t="shared" si="1034"/>
        <v>3128.5920000000001</v>
      </c>
      <c r="UVG54" s="7">
        <f t="shared" si="1034"/>
        <v>3128.5920000000001</v>
      </c>
      <c r="UVH54" s="7">
        <f t="shared" si="1034"/>
        <v>3128.5920000000001</v>
      </c>
      <c r="UVI54" s="7">
        <f t="shared" si="1034"/>
        <v>3128.5920000000001</v>
      </c>
      <c r="UVJ54" s="7">
        <f t="shared" si="1034"/>
        <v>3128.5920000000001</v>
      </c>
      <c r="UVK54" s="7">
        <f t="shared" si="1034"/>
        <v>3128.5920000000001</v>
      </c>
      <c r="UVL54" s="7">
        <f t="shared" si="1034"/>
        <v>3128.5920000000001</v>
      </c>
      <c r="UVM54" s="7">
        <f t="shared" si="1034"/>
        <v>3128.5920000000001</v>
      </c>
      <c r="UVN54" s="7">
        <f t="shared" si="1034"/>
        <v>3128.5920000000001</v>
      </c>
      <c r="UVO54" s="7">
        <f t="shared" si="1034"/>
        <v>3128.5920000000001</v>
      </c>
      <c r="UVP54" s="7">
        <f t="shared" si="1034"/>
        <v>3128.5920000000001</v>
      </c>
      <c r="UVQ54" s="7">
        <f t="shared" si="1034"/>
        <v>3128.5920000000001</v>
      </c>
      <c r="UVR54" s="7">
        <f t="shared" si="1034"/>
        <v>3128.5920000000001</v>
      </c>
      <c r="UVS54" s="7">
        <f t="shared" si="1034"/>
        <v>3128.5920000000001</v>
      </c>
      <c r="UVT54" s="7">
        <f t="shared" si="1034"/>
        <v>3128.5920000000001</v>
      </c>
      <c r="UVU54" s="7">
        <f t="shared" si="1034"/>
        <v>3128.5920000000001</v>
      </c>
      <c r="UVV54" s="7">
        <f t="shared" si="1034"/>
        <v>3128.5920000000001</v>
      </c>
      <c r="UVW54" s="7">
        <f t="shared" si="1034"/>
        <v>3128.5920000000001</v>
      </c>
      <c r="UVX54" s="7">
        <f t="shared" si="1034"/>
        <v>3128.5920000000001</v>
      </c>
      <c r="UVY54" s="7">
        <f t="shared" si="1034"/>
        <v>3128.5920000000001</v>
      </c>
      <c r="UVZ54" s="7">
        <f t="shared" ref="UVZ54:UYK54" si="1035">UVZ49+UVY54</f>
        <v>3128.5920000000001</v>
      </c>
      <c r="UWA54" s="7">
        <f t="shared" si="1035"/>
        <v>3128.5920000000001</v>
      </c>
      <c r="UWB54" s="7">
        <f t="shared" si="1035"/>
        <v>3128.5920000000001</v>
      </c>
      <c r="UWC54" s="7">
        <f t="shared" si="1035"/>
        <v>3128.5920000000001</v>
      </c>
      <c r="UWD54" s="7">
        <f t="shared" si="1035"/>
        <v>3128.5920000000001</v>
      </c>
      <c r="UWE54" s="7">
        <f t="shared" si="1035"/>
        <v>3128.5920000000001</v>
      </c>
      <c r="UWF54" s="7">
        <f t="shared" si="1035"/>
        <v>3128.5920000000001</v>
      </c>
      <c r="UWG54" s="7">
        <f t="shared" si="1035"/>
        <v>3128.5920000000001</v>
      </c>
      <c r="UWH54" s="7">
        <f t="shared" si="1035"/>
        <v>3128.5920000000001</v>
      </c>
      <c r="UWI54" s="7">
        <f t="shared" si="1035"/>
        <v>3128.5920000000001</v>
      </c>
      <c r="UWJ54" s="7">
        <f t="shared" si="1035"/>
        <v>3128.5920000000001</v>
      </c>
      <c r="UWK54" s="7">
        <f t="shared" si="1035"/>
        <v>3128.5920000000001</v>
      </c>
      <c r="UWL54" s="7">
        <f t="shared" si="1035"/>
        <v>3128.5920000000001</v>
      </c>
      <c r="UWM54" s="7">
        <f t="shared" si="1035"/>
        <v>3128.5920000000001</v>
      </c>
      <c r="UWN54" s="7">
        <f t="shared" si="1035"/>
        <v>3128.5920000000001</v>
      </c>
      <c r="UWO54" s="7">
        <f t="shared" si="1035"/>
        <v>3128.5920000000001</v>
      </c>
      <c r="UWP54" s="7">
        <f t="shared" si="1035"/>
        <v>3128.5920000000001</v>
      </c>
      <c r="UWQ54" s="7">
        <f t="shared" si="1035"/>
        <v>3128.5920000000001</v>
      </c>
      <c r="UWR54" s="7">
        <f t="shared" si="1035"/>
        <v>3128.5920000000001</v>
      </c>
      <c r="UWS54" s="7">
        <f t="shared" si="1035"/>
        <v>3128.5920000000001</v>
      </c>
      <c r="UWT54" s="7">
        <f t="shared" si="1035"/>
        <v>3128.5920000000001</v>
      </c>
      <c r="UWU54" s="7">
        <f t="shared" si="1035"/>
        <v>3128.5920000000001</v>
      </c>
      <c r="UWV54" s="7">
        <f t="shared" si="1035"/>
        <v>3128.5920000000001</v>
      </c>
      <c r="UWW54" s="7">
        <f t="shared" si="1035"/>
        <v>3128.5920000000001</v>
      </c>
      <c r="UWX54" s="7">
        <f t="shared" si="1035"/>
        <v>3128.5920000000001</v>
      </c>
      <c r="UWY54" s="7">
        <f t="shared" si="1035"/>
        <v>3128.5920000000001</v>
      </c>
      <c r="UWZ54" s="7">
        <f t="shared" si="1035"/>
        <v>3128.5920000000001</v>
      </c>
      <c r="UXA54" s="7">
        <f t="shared" si="1035"/>
        <v>3128.5920000000001</v>
      </c>
      <c r="UXB54" s="7">
        <f t="shared" si="1035"/>
        <v>3128.5920000000001</v>
      </c>
      <c r="UXC54" s="7">
        <f t="shared" si="1035"/>
        <v>3128.5920000000001</v>
      </c>
      <c r="UXD54" s="7">
        <f t="shared" si="1035"/>
        <v>3128.5920000000001</v>
      </c>
      <c r="UXE54" s="7">
        <f t="shared" si="1035"/>
        <v>3128.5920000000001</v>
      </c>
      <c r="UXF54" s="7">
        <f t="shared" si="1035"/>
        <v>3128.5920000000001</v>
      </c>
      <c r="UXG54" s="7">
        <f t="shared" si="1035"/>
        <v>3128.5920000000001</v>
      </c>
      <c r="UXH54" s="7">
        <f t="shared" si="1035"/>
        <v>3128.5920000000001</v>
      </c>
      <c r="UXI54" s="7">
        <f t="shared" si="1035"/>
        <v>3128.5920000000001</v>
      </c>
      <c r="UXJ54" s="7">
        <f t="shared" si="1035"/>
        <v>3128.5920000000001</v>
      </c>
      <c r="UXK54" s="7">
        <f t="shared" si="1035"/>
        <v>3128.5920000000001</v>
      </c>
      <c r="UXL54" s="7">
        <f t="shared" si="1035"/>
        <v>3128.5920000000001</v>
      </c>
      <c r="UXM54" s="7">
        <f t="shared" si="1035"/>
        <v>3128.5920000000001</v>
      </c>
      <c r="UXN54" s="7">
        <f t="shared" si="1035"/>
        <v>3128.5920000000001</v>
      </c>
      <c r="UXO54" s="7">
        <f t="shared" si="1035"/>
        <v>3128.5920000000001</v>
      </c>
      <c r="UXP54" s="7">
        <f t="shared" si="1035"/>
        <v>3128.5920000000001</v>
      </c>
      <c r="UXQ54" s="7">
        <f t="shared" si="1035"/>
        <v>3128.5920000000001</v>
      </c>
      <c r="UXR54" s="7">
        <f t="shared" si="1035"/>
        <v>3128.5920000000001</v>
      </c>
      <c r="UXS54" s="7">
        <f t="shared" si="1035"/>
        <v>3128.5920000000001</v>
      </c>
      <c r="UXT54" s="7">
        <f t="shared" si="1035"/>
        <v>3128.5920000000001</v>
      </c>
      <c r="UXU54" s="7">
        <f t="shared" si="1035"/>
        <v>3128.5920000000001</v>
      </c>
      <c r="UXV54" s="7">
        <f t="shared" si="1035"/>
        <v>3128.5920000000001</v>
      </c>
      <c r="UXW54" s="7">
        <f t="shared" si="1035"/>
        <v>3128.5920000000001</v>
      </c>
      <c r="UXX54" s="7">
        <f t="shared" si="1035"/>
        <v>3128.5920000000001</v>
      </c>
      <c r="UXY54" s="7">
        <f t="shared" si="1035"/>
        <v>3128.5920000000001</v>
      </c>
      <c r="UXZ54" s="7">
        <f t="shared" si="1035"/>
        <v>3128.5920000000001</v>
      </c>
      <c r="UYA54" s="7">
        <f t="shared" si="1035"/>
        <v>3128.5920000000001</v>
      </c>
      <c r="UYB54" s="7">
        <f t="shared" si="1035"/>
        <v>3128.5920000000001</v>
      </c>
      <c r="UYC54" s="7">
        <f t="shared" si="1035"/>
        <v>3128.5920000000001</v>
      </c>
      <c r="UYD54" s="7">
        <f t="shared" si="1035"/>
        <v>3128.5920000000001</v>
      </c>
      <c r="UYE54" s="7">
        <f t="shared" si="1035"/>
        <v>3128.5920000000001</v>
      </c>
      <c r="UYF54" s="7">
        <f t="shared" si="1035"/>
        <v>3128.5920000000001</v>
      </c>
      <c r="UYG54" s="7">
        <f t="shared" si="1035"/>
        <v>3128.5920000000001</v>
      </c>
      <c r="UYH54" s="7">
        <f t="shared" si="1035"/>
        <v>3128.5920000000001</v>
      </c>
      <c r="UYI54" s="7">
        <f t="shared" si="1035"/>
        <v>3128.5920000000001</v>
      </c>
      <c r="UYJ54" s="7">
        <f t="shared" si="1035"/>
        <v>3128.5920000000001</v>
      </c>
      <c r="UYK54" s="7">
        <f t="shared" si="1035"/>
        <v>3128.5920000000001</v>
      </c>
      <c r="UYL54" s="7">
        <f t="shared" ref="UYL54:VAW54" si="1036">UYL49+UYK54</f>
        <v>3128.5920000000001</v>
      </c>
      <c r="UYM54" s="7">
        <f t="shared" si="1036"/>
        <v>3128.5920000000001</v>
      </c>
      <c r="UYN54" s="7">
        <f t="shared" si="1036"/>
        <v>3128.5920000000001</v>
      </c>
      <c r="UYO54" s="7">
        <f t="shared" si="1036"/>
        <v>3128.5920000000001</v>
      </c>
      <c r="UYP54" s="7">
        <f t="shared" si="1036"/>
        <v>3128.5920000000001</v>
      </c>
      <c r="UYQ54" s="7">
        <f t="shared" si="1036"/>
        <v>3128.5920000000001</v>
      </c>
      <c r="UYR54" s="7">
        <f t="shared" si="1036"/>
        <v>3128.5920000000001</v>
      </c>
      <c r="UYS54" s="7">
        <f t="shared" si="1036"/>
        <v>3128.5920000000001</v>
      </c>
      <c r="UYT54" s="7">
        <f t="shared" si="1036"/>
        <v>3128.5920000000001</v>
      </c>
      <c r="UYU54" s="7">
        <f t="shared" si="1036"/>
        <v>3128.5920000000001</v>
      </c>
      <c r="UYV54" s="7">
        <f t="shared" si="1036"/>
        <v>3128.5920000000001</v>
      </c>
      <c r="UYW54" s="7">
        <f t="shared" si="1036"/>
        <v>3128.5920000000001</v>
      </c>
      <c r="UYX54" s="7">
        <f t="shared" si="1036"/>
        <v>3128.5920000000001</v>
      </c>
      <c r="UYY54" s="7">
        <f t="shared" si="1036"/>
        <v>3128.5920000000001</v>
      </c>
      <c r="UYZ54" s="7">
        <f t="shared" si="1036"/>
        <v>3128.5920000000001</v>
      </c>
      <c r="UZA54" s="7">
        <f t="shared" si="1036"/>
        <v>3128.5920000000001</v>
      </c>
      <c r="UZB54" s="7">
        <f t="shared" si="1036"/>
        <v>3128.5920000000001</v>
      </c>
      <c r="UZC54" s="7">
        <f t="shared" si="1036"/>
        <v>3128.5920000000001</v>
      </c>
      <c r="UZD54" s="7">
        <f t="shared" si="1036"/>
        <v>3128.5920000000001</v>
      </c>
      <c r="UZE54" s="7">
        <f t="shared" si="1036"/>
        <v>3128.5920000000001</v>
      </c>
      <c r="UZF54" s="7">
        <f t="shared" si="1036"/>
        <v>3128.5920000000001</v>
      </c>
      <c r="UZG54" s="7">
        <f t="shared" si="1036"/>
        <v>3128.5920000000001</v>
      </c>
      <c r="UZH54" s="7">
        <f t="shared" si="1036"/>
        <v>3128.5920000000001</v>
      </c>
      <c r="UZI54" s="7">
        <f t="shared" si="1036"/>
        <v>3128.5920000000001</v>
      </c>
      <c r="UZJ54" s="7">
        <f t="shared" si="1036"/>
        <v>3128.5920000000001</v>
      </c>
      <c r="UZK54" s="7">
        <f t="shared" si="1036"/>
        <v>3128.5920000000001</v>
      </c>
      <c r="UZL54" s="7">
        <f t="shared" si="1036"/>
        <v>3128.5920000000001</v>
      </c>
      <c r="UZM54" s="7">
        <f t="shared" si="1036"/>
        <v>3128.5920000000001</v>
      </c>
      <c r="UZN54" s="7">
        <f t="shared" si="1036"/>
        <v>3128.5920000000001</v>
      </c>
      <c r="UZO54" s="7">
        <f t="shared" si="1036"/>
        <v>3128.5920000000001</v>
      </c>
      <c r="UZP54" s="7">
        <f t="shared" si="1036"/>
        <v>3128.5920000000001</v>
      </c>
      <c r="UZQ54" s="7">
        <f t="shared" si="1036"/>
        <v>3128.5920000000001</v>
      </c>
      <c r="UZR54" s="7">
        <f t="shared" si="1036"/>
        <v>3128.5920000000001</v>
      </c>
      <c r="UZS54" s="7">
        <f t="shared" si="1036"/>
        <v>3128.5920000000001</v>
      </c>
      <c r="UZT54" s="7">
        <f t="shared" si="1036"/>
        <v>3128.5920000000001</v>
      </c>
      <c r="UZU54" s="7">
        <f t="shared" si="1036"/>
        <v>3128.5920000000001</v>
      </c>
      <c r="UZV54" s="7">
        <f t="shared" si="1036"/>
        <v>3128.5920000000001</v>
      </c>
      <c r="UZW54" s="7">
        <f t="shared" si="1036"/>
        <v>3128.5920000000001</v>
      </c>
      <c r="UZX54" s="7">
        <f t="shared" si="1036"/>
        <v>3128.5920000000001</v>
      </c>
      <c r="UZY54" s="7">
        <f t="shared" si="1036"/>
        <v>3128.5920000000001</v>
      </c>
      <c r="UZZ54" s="7">
        <f t="shared" si="1036"/>
        <v>3128.5920000000001</v>
      </c>
      <c r="VAA54" s="7">
        <f t="shared" si="1036"/>
        <v>3128.5920000000001</v>
      </c>
      <c r="VAB54" s="7">
        <f t="shared" si="1036"/>
        <v>3128.5920000000001</v>
      </c>
      <c r="VAC54" s="7">
        <f t="shared" si="1036"/>
        <v>3128.5920000000001</v>
      </c>
      <c r="VAD54" s="7">
        <f t="shared" si="1036"/>
        <v>3128.5920000000001</v>
      </c>
      <c r="VAE54" s="7">
        <f t="shared" si="1036"/>
        <v>3128.5920000000001</v>
      </c>
      <c r="VAF54" s="7">
        <f t="shared" si="1036"/>
        <v>3128.5920000000001</v>
      </c>
      <c r="VAG54" s="7">
        <f t="shared" si="1036"/>
        <v>3128.5920000000001</v>
      </c>
      <c r="VAH54" s="7">
        <f t="shared" si="1036"/>
        <v>3128.5920000000001</v>
      </c>
      <c r="VAI54" s="7">
        <f t="shared" si="1036"/>
        <v>3128.5920000000001</v>
      </c>
      <c r="VAJ54" s="7">
        <f t="shared" si="1036"/>
        <v>3128.5920000000001</v>
      </c>
      <c r="VAK54" s="7">
        <f t="shared" si="1036"/>
        <v>3128.5920000000001</v>
      </c>
      <c r="VAL54" s="7">
        <f t="shared" si="1036"/>
        <v>3128.5920000000001</v>
      </c>
      <c r="VAM54" s="7">
        <f t="shared" si="1036"/>
        <v>3128.5920000000001</v>
      </c>
      <c r="VAN54" s="7">
        <f t="shared" si="1036"/>
        <v>3128.5920000000001</v>
      </c>
      <c r="VAO54" s="7">
        <f t="shared" si="1036"/>
        <v>3128.5920000000001</v>
      </c>
      <c r="VAP54" s="7">
        <f t="shared" si="1036"/>
        <v>3128.5920000000001</v>
      </c>
      <c r="VAQ54" s="7">
        <f t="shared" si="1036"/>
        <v>3128.5920000000001</v>
      </c>
      <c r="VAR54" s="7">
        <f t="shared" si="1036"/>
        <v>3128.5920000000001</v>
      </c>
      <c r="VAS54" s="7">
        <f t="shared" si="1036"/>
        <v>3128.5920000000001</v>
      </c>
      <c r="VAT54" s="7">
        <f t="shared" si="1036"/>
        <v>3128.5920000000001</v>
      </c>
      <c r="VAU54" s="7">
        <f t="shared" si="1036"/>
        <v>3128.5920000000001</v>
      </c>
      <c r="VAV54" s="7">
        <f t="shared" si="1036"/>
        <v>3128.5920000000001</v>
      </c>
      <c r="VAW54" s="7">
        <f t="shared" si="1036"/>
        <v>3128.5920000000001</v>
      </c>
      <c r="VAX54" s="7">
        <f t="shared" ref="VAX54:VDI54" si="1037">VAX49+VAW54</f>
        <v>3128.5920000000001</v>
      </c>
      <c r="VAY54" s="7">
        <f t="shared" si="1037"/>
        <v>3128.5920000000001</v>
      </c>
      <c r="VAZ54" s="7">
        <f t="shared" si="1037"/>
        <v>3128.5920000000001</v>
      </c>
      <c r="VBA54" s="7">
        <f t="shared" si="1037"/>
        <v>3128.5920000000001</v>
      </c>
      <c r="VBB54" s="7">
        <f t="shared" si="1037"/>
        <v>3128.5920000000001</v>
      </c>
      <c r="VBC54" s="7">
        <f t="shared" si="1037"/>
        <v>3128.5920000000001</v>
      </c>
      <c r="VBD54" s="7">
        <f t="shared" si="1037"/>
        <v>3128.5920000000001</v>
      </c>
      <c r="VBE54" s="7">
        <f t="shared" si="1037"/>
        <v>3128.5920000000001</v>
      </c>
      <c r="VBF54" s="7">
        <f t="shared" si="1037"/>
        <v>3128.5920000000001</v>
      </c>
      <c r="VBG54" s="7">
        <f t="shared" si="1037"/>
        <v>3128.5920000000001</v>
      </c>
      <c r="VBH54" s="7">
        <f t="shared" si="1037"/>
        <v>3128.5920000000001</v>
      </c>
      <c r="VBI54" s="7">
        <f t="shared" si="1037"/>
        <v>3128.5920000000001</v>
      </c>
      <c r="VBJ54" s="7">
        <f t="shared" si="1037"/>
        <v>3128.5920000000001</v>
      </c>
      <c r="VBK54" s="7">
        <f t="shared" si="1037"/>
        <v>3128.5920000000001</v>
      </c>
      <c r="VBL54" s="7">
        <f t="shared" si="1037"/>
        <v>3128.5920000000001</v>
      </c>
      <c r="VBM54" s="7">
        <f t="shared" si="1037"/>
        <v>3128.5920000000001</v>
      </c>
      <c r="VBN54" s="7">
        <f t="shared" si="1037"/>
        <v>3128.5920000000001</v>
      </c>
      <c r="VBO54" s="7">
        <f t="shared" si="1037"/>
        <v>3128.5920000000001</v>
      </c>
      <c r="VBP54" s="7">
        <f t="shared" si="1037"/>
        <v>3128.5920000000001</v>
      </c>
      <c r="VBQ54" s="7">
        <f t="shared" si="1037"/>
        <v>3128.5920000000001</v>
      </c>
      <c r="VBR54" s="7">
        <f t="shared" si="1037"/>
        <v>3128.5920000000001</v>
      </c>
      <c r="VBS54" s="7">
        <f t="shared" si="1037"/>
        <v>3128.5920000000001</v>
      </c>
      <c r="VBT54" s="7">
        <f t="shared" si="1037"/>
        <v>3128.5920000000001</v>
      </c>
      <c r="VBU54" s="7">
        <f t="shared" si="1037"/>
        <v>3128.5920000000001</v>
      </c>
      <c r="VBV54" s="7">
        <f t="shared" si="1037"/>
        <v>3128.5920000000001</v>
      </c>
      <c r="VBW54" s="7">
        <f t="shared" si="1037"/>
        <v>3128.5920000000001</v>
      </c>
      <c r="VBX54" s="7">
        <f t="shared" si="1037"/>
        <v>3128.5920000000001</v>
      </c>
      <c r="VBY54" s="7">
        <f t="shared" si="1037"/>
        <v>3128.5920000000001</v>
      </c>
      <c r="VBZ54" s="7">
        <f t="shared" si="1037"/>
        <v>3128.5920000000001</v>
      </c>
      <c r="VCA54" s="7">
        <f t="shared" si="1037"/>
        <v>3128.5920000000001</v>
      </c>
      <c r="VCB54" s="7">
        <f t="shared" si="1037"/>
        <v>3128.5920000000001</v>
      </c>
      <c r="VCC54" s="7">
        <f t="shared" si="1037"/>
        <v>3128.5920000000001</v>
      </c>
      <c r="VCD54" s="7">
        <f t="shared" si="1037"/>
        <v>3128.5920000000001</v>
      </c>
      <c r="VCE54" s="7">
        <f t="shared" si="1037"/>
        <v>3128.5920000000001</v>
      </c>
      <c r="VCF54" s="7">
        <f t="shared" si="1037"/>
        <v>3128.5920000000001</v>
      </c>
      <c r="VCG54" s="7">
        <f t="shared" si="1037"/>
        <v>3128.5920000000001</v>
      </c>
      <c r="VCH54" s="7">
        <f t="shared" si="1037"/>
        <v>3128.5920000000001</v>
      </c>
      <c r="VCI54" s="7">
        <f t="shared" si="1037"/>
        <v>3128.5920000000001</v>
      </c>
      <c r="VCJ54" s="7">
        <f t="shared" si="1037"/>
        <v>3128.5920000000001</v>
      </c>
      <c r="VCK54" s="7">
        <f t="shared" si="1037"/>
        <v>3128.5920000000001</v>
      </c>
      <c r="VCL54" s="7">
        <f t="shared" si="1037"/>
        <v>3128.5920000000001</v>
      </c>
      <c r="VCM54" s="7">
        <f t="shared" si="1037"/>
        <v>3128.5920000000001</v>
      </c>
      <c r="VCN54" s="7">
        <f t="shared" si="1037"/>
        <v>3128.5920000000001</v>
      </c>
      <c r="VCO54" s="7">
        <f t="shared" si="1037"/>
        <v>3128.5920000000001</v>
      </c>
      <c r="VCP54" s="7">
        <f t="shared" si="1037"/>
        <v>3128.5920000000001</v>
      </c>
      <c r="VCQ54" s="7">
        <f t="shared" si="1037"/>
        <v>3128.5920000000001</v>
      </c>
      <c r="VCR54" s="7">
        <f t="shared" si="1037"/>
        <v>3128.5920000000001</v>
      </c>
      <c r="VCS54" s="7">
        <f t="shared" si="1037"/>
        <v>3128.5920000000001</v>
      </c>
      <c r="VCT54" s="7">
        <f t="shared" si="1037"/>
        <v>3128.5920000000001</v>
      </c>
      <c r="VCU54" s="7">
        <f t="shared" si="1037"/>
        <v>3128.5920000000001</v>
      </c>
      <c r="VCV54" s="7">
        <f t="shared" si="1037"/>
        <v>3128.5920000000001</v>
      </c>
      <c r="VCW54" s="7">
        <f t="shared" si="1037"/>
        <v>3128.5920000000001</v>
      </c>
      <c r="VCX54" s="7">
        <f t="shared" si="1037"/>
        <v>3128.5920000000001</v>
      </c>
      <c r="VCY54" s="7">
        <f t="shared" si="1037"/>
        <v>3128.5920000000001</v>
      </c>
      <c r="VCZ54" s="7">
        <f t="shared" si="1037"/>
        <v>3128.5920000000001</v>
      </c>
      <c r="VDA54" s="7">
        <f t="shared" si="1037"/>
        <v>3128.5920000000001</v>
      </c>
      <c r="VDB54" s="7">
        <f t="shared" si="1037"/>
        <v>3128.5920000000001</v>
      </c>
      <c r="VDC54" s="7">
        <f t="shared" si="1037"/>
        <v>3128.5920000000001</v>
      </c>
      <c r="VDD54" s="7">
        <f t="shared" si="1037"/>
        <v>3128.5920000000001</v>
      </c>
      <c r="VDE54" s="7">
        <f t="shared" si="1037"/>
        <v>3128.5920000000001</v>
      </c>
      <c r="VDF54" s="7">
        <f t="shared" si="1037"/>
        <v>3128.5920000000001</v>
      </c>
      <c r="VDG54" s="7">
        <f t="shared" si="1037"/>
        <v>3128.5920000000001</v>
      </c>
      <c r="VDH54" s="7">
        <f t="shared" si="1037"/>
        <v>3128.5920000000001</v>
      </c>
      <c r="VDI54" s="7">
        <f t="shared" si="1037"/>
        <v>3128.5920000000001</v>
      </c>
      <c r="VDJ54" s="7">
        <f t="shared" ref="VDJ54:VFU54" si="1038">VDJ49+VDI54</f>
        <v>3128.5920000000001</v>
      </c>
      <c r="VDK54" s="7">
        <f t="shared" si="1038"/>
        <v>3128.5920000000001</v>
      </c>
      <c r="VDL54" s="7">
        <f t="shared" si="1038"/>
        <v>3128.5920000000001</v>
      </c>
      <c r="VDM54" s="7">
        <f t="shared" si="1038"/>
        <v>3128.5920000000001</v>
      </c>
      <c r="VDN54" s="7">
        <f t="shared" si="1038"/>
        <v>3128.5920000000001</v>
      </c>
      <c r="VDO54" s="7">
        <f t="shared" si="1038"/>
        <v>3128.5920000000001</v>
      </c>
      <c r="VDP54" s="7">
        <f t="shared" si="1038"/>
        <v>3128.5920000000001</v>
      </c>
      <c r="VDQ54" s="7">
        <f t="shared" si="1038"/>
        <v>3128.5920000000001</v>
      </c>
      <c r="VDR54" s="7">
        <f t="shared" si="1038"/>
        <v>3128.5920000000001</v>
      </c>
      <c r="VDS54" s="7">
        <f t="shared" si="1038"/>
        <v>3128.5920000000001</v>
      </c>
      <c r="VDT54" s="7">
        <f t="shared" si="1038"/>
        <v>3128.5920000000001</v>
      </c>
      <c r="VDU54" s="7">
        <f t="shared" si="1038"/>
        <v>3128.5920000000001</v>
      </c>
      <c r="VDV54" s="7">
        <f t="shared" si="1038"/>
        <v>3128.5920000000001</v>
      </c>
      <c r="VDW54" s="7">
        <f t="shared" si="1038"/>
        <v>3128.5920000000001</v>
      </c>
      <c r="VDX54" s="7">
        <f t="shared" si="1038"/>
        <v>3128.5920000000001</v>
      </c>
      <c r="VDY54" s="7">
        <f t="shared" si="1038"/>
        <v>3128.5920000000001</v>
      </c>
      <c r="VDZ54" s="7">
        <f t="shared" si="1038"/>
        <v>3128.5920000000001</v>
      </c>
      <c r="VEA54" s="7">
        <f t="shared" si="1038"/>
        <v>3128.5920000000001</v>
      </c>
      <c r="VEB54" s="7">
        <f t="shared" si="1038"/>
        <v>3128.5920000000001</v>
      </c>
      <c r="VEC54" s="7">
        <f t="shared" si="1038"/>
        <v>3128.5920000000001</v>
      </c>
      <c r="VED54" s="7">
        <f t="shared" si="1038"/>
        <v>3128.5920000000001</v>
      </c>
      <c r="VEE54" s="7">
        <f t="shared" si="1038"/>
        <v>3128.5920000000001</v>
      </c>
      <c r="VEF54" s="7">
        <f t="shared" si="1038"/>
        <v>3128.5920000000001</v>
      </c>
      <c r="VEG54" s="7">
        <f t="shared" si="1038"/>
        <v>3128.5920000000001</v>
      </c>
      <c r="VEH54" s="7">
        <f t="shared" si="1038"/>
        <v>3128.5920000000001</v>
      </c>
      <c r="VEI54" s="7">
        <f t="shared" si="1038"/>
        <v>3128.5920000000001</v>
      </c>
      <c r="VEJ54" s="7">
        <f t="shared" si="1038"/>
        <v>3128.5920000000001</v>
      </c>
      <c r="VEK54" s="7">
        <f t="shared" si="1038"/>
        <v>3128.5920000000001</v>
      </c>
      <c r="VEL54" s="7">
        <f t="shared" si="1038"/>
        <v>3128.5920000000001</v>
      </c>
      <c r="VEM54" s="7">
        <f t="shared" si="1038"/>
        <v>3128.5920000000001</v>
      </c>
      <c r="VEN54" s="7">
        <f t="shared" si="1038"/>
        <v>3128.5920000000001</v>
      </c>
      <c r="VEO54" s="7">
        <f t="shared" si="1038"/>
        <v>3128.5920000000001</v>
      </c>
      <c r="VEP54" s="7">
        <f t="shared" si="1038"/>
        <v>3128.5920000000001</v>
      </c>
      <c r="VEQ54" s="7">
        <f t="shared" si="1038"/>
        <v>3128.5920000000001</v>
      </c>
      <c r="VER54" s="7">
        <f t="shared" si="1038"/>
        <v>3128.5920000000001</v>
      </c>
      <c r="VES54" s="7">
        <f t="shared" si="1038"/>
        <v>3128.5920000000001</v>
      </c>
      <c r="VET54" s="7">
        <f t="shared" si="1038"/>
        <v>3128.5920000000001</v>
      </c>
      <c r="VEU54" s="7">
        <f t="shared" si="1038"/>
        <v>3128.5920000000001</v>
      </c>
      <c r="VEV54" s="7">
        <f t="shared" si="1038"/>
        <v>3128.5920000000001</v>
      </c>
      <c r="VEW54" s="7">
        <f t="shared" si="1038"/>
        <v>3128.5920000000001</v>
      </c>
      <c r="VEX54" s="7">
        <f t="shared" si="1038"/>
        <v>3128.5920000000001</v>
      </c>
      <c r="VEY54" s="7">
        <f t="shared" si="1038"/>
        <v>3128.5920000000001</v>
      </c>
      <c r="VEZ54" s="7">
        <f t="shared" si="1038"/>
        <v>3128.5920000000001</v>
      </c>
      <c r="VFA54" s="7">
        <f t="shared" si="1038"/>
        <v>3128.5920000000001</v>
      </c>
      <c r="VFB54" s="7">
        <f t="shared" si="1038"/>
        <v>3128.5920000000001</v>
      </c>
      <c r="VFC54" s="7">
        <f t="shared" si="1038"/>
        <v>3128.5920000000001</v>
      </c>
      <c r="VFD54" s="7">
        <f t="shared" si="1038"/>
        <v>3128.5920000000001</v>
      </c>
      <c r="VFE54" s="7">
        <f t="shared" si="1038"/>
        <v>3128.5920000000001</v>
      </c>
      <c r="VFF54" s="7">
        <f t="shared" si="1038"/>
        <v>3128.5920000000001</v>
      </c>
      <c r="VFG54" s="7">
        <f t="shared" si="1038"/>
        <v>3128.5920000000001</v>
      </c>
      <c r="VFH54" s="7">
        <f t="shared" si="1038"/>
        <v>3128.5920000000001</v>
      </c>
      <c r="VFI54" s="7">
        <f t="shared" si="1038"/>
        <v>3128.5920000000001</v>
      </c>
      <c r="VFJ54" s="7">
        <f t="shared" si="1038"/>
        <v>3128.5920000000001</v>
      </c>
      <c r="VFK54" s="7">
        <f t="shared" si="1038"/>
        <v>3128.5920000000001</v>
      </c>
      <c r="VFL54" s="7">
        <f t="shared" si="1038"/>
        <v>3128.5920000000001</v>
      </c>
      <c r="VFM54" s="7">
        <f t="shared" si="1038"/>
        <v>3128.5920000000001</v>
      </c>
      <c r="VFN54" s="7">
        <f t="shared" si="1038"/>
        <v>3128.5920000000001</v>
      </c>
      <c r="VFO54" s="7">
        <f t="shared" si="1038"/>
        <v>3128.5920000000001</v>
      </c>
      <c r="VFP54" s="7">
        <f t="shared" si="1038"/>
        <v>3128.5920000000001</v>
      </c>
      <c r="VFQ54" s="7">
        <f t="shared" si="1038"/>
        <v>3128.5920000000001</v>
      </c>
      <c r="VFR54" s="7">
        <f t="shared" si="1038"/>
        <v>3128.5920000000001</v>
      </c>
      <c r="VFS54" s="7">
        <f t="shared" si="1038"/>
        <v>3128.5920000000001</v>
      </c>
      <c r="VFT54" s="7">
        <f t="shared" si="1038"/>
        <v>3128.5920000000001</v>
      </c>
      <c r="VFU54" s="7">
        <f t="shared" si="1038"/>
        <v>3128.5920000000001</v>
      </c>
      <c r="VFV54" s="7">
        <f t="shared" ref="VFV54:VIG54" si="1039">VFV49+VFU54</f>
        <v>3128.5920000000001</v>
      </c>
      <c r="VFW54" s="7">
        <f t="shared" si="1039"/>
        <v>3128.5920000000001</v>
      </c>
      <c r="VFX54" s="7">
        <f t="shared" si="1039"/>
        <v>3128.5920000000001</v>
      </c>
      <c r="VFY54" s="7">
        <f t="shared" si="1039"/>
        <v>3128.5920000000001</v>
      </c>
      <c r="VFZ54" s="7">
        <f t="shared" si="1039"/>
        <v>3128.5920000000001</v>
      </c>
      <c r="VGA54" s="7">
        <f t="shared" si="1039"/>
        <v>3128.5920000000001</v>
      </c>
      <c r="VGB54" s="7">
        <f t="shared" si="1039"/>
        <v>3128.5920000000001</v>
      </c>
      <c r="VGC54" s="7">
        <f t="shared" si="1039"/>
        <v>3128.5920000000001</v>
      </c>
      <c r="VGD54" s="7">
        <f t="shared" si="1039"/>
        <v>3128.5920000000001</v>
      </c>
      <c r="VGE54" s="7">
        <f t="shared" si="1039"/>
        <v>3128.5920000000001</v>
      </c>
      <c r="VGF54" s="7">
        <f t="shared" si="1039"/>
        <v>3128.5920000000001</v>
      </c>
      <c r="VGG54" s="7">
        <f t="shared" si="1039"/>
        <v>3128.5920000000001</v>
      </c>
      <c r="VGH54" s="7">
        <f t="shared" si="1039"/>
        <v>3128.5920000000001</v>
      </c>
      <c r="VGI54" s="7">
        <f t="shared" si="1039"/>
        <v>3128.5920000000001</v>
      </c>
      <c r="VGJ54" s="7">
        <f t="shared" si="1039"/>
        <v>3128.5920000000001</v>
      </c>
      <c r="VGK54" s="7">
        <f t="shared" si="1039"/>
        <v>3128.5920000000001</v>
      </c>
      <c r="VGL54" s="7">
        <f t="shared" si="1039"/>
        <v>3128.5920000000001</v>
      </c>
      <c r="VGM54" s="7">
        <f t="shared" si="1039"/>
        <v>3128.5920000000001</v>
      </c>
      <c r="VGN54" s="7">
        <f t="shared" si="1039"/>
        <v>3128.5920000000001</v>
      </c>
      <c r="VGO54" s="7">
        <f t="shared" si="1039"/>
        <v>3128.5920000000001</v>
      </c>
      <c r="VGP54" s="7">
        <f t="shared" si="1039"/>
        <v>3128.5920000000001</v>
      </c>
      <c r="VGQ54" s="7">
        <f t="shared" si="1039"/>
        <v>3128.5920000000001</v>
      </c>
      <c r="VGR54" s="7">
        <f t="shared" si="1039"/>
        <v>3128.5920000000001</v>
      </c>
      <c r="VGS54" s="7">
        <f t="shared" si="1039"/>
        <v>3128.5920000000001</v>
      </c>
      <c r="VGT54" s="7">
        <f t="shared" si="1039"/>
        <v>3128.5920000000001</v>
      </c>
      <c r="VGU54" s="7">
        <f t="shared" si="1039"/>
        <v>3128.5920000000001</v>
      </c>
      <c r="VGV54" s="7">
        <f t="shared" si="1039"/>
        <v>3128.5920000000001</v>
      </c>
      <c r="VGW54" s="7">
        <f t="shared" si="1039"/>
        <v>3128.5920000000001</v>
      </c>
      <c r="VGX54" s="7">
        <f t="shared" si="1039"/>
        <v>3128.5920000000001</v>
      </c>
      <c r="VGY54" s="7">
        <f t="shared" si="1039"/>
        <v>3128.5920000000001</v>
      </c>
      <c r="VGZ54" s="7">
        <f t="shared" si="1039"/>
        <v>3128.5920000000001</v>
      </c>
      <c r="VHA54" s="7">
        <f t="shared" si="1039"/>
        <v>3128.5920000000001</v>
      </c>
      <c r="VHB54" s="7">
        <f t="shared" si="1039"/>
        <v>3128.5920000000001</v>
      </c>
      <c r="VHC54" s="7">
        <f t="shared" si="1039"/>
        <v>3128.5920000000001</v>
      </c>
      <c r="VHD54" s="7">
        <f t="shared" si="1039"/>
        <v>3128.5920000000001</v>
      </c>
      <c r="VHE54" s="7">
        <f t="shared" si="1039"/>
        <v>3128.5920000000001</v>
      </c>
      <c r="VHF54" s="7">
        <f t="shared" si="1039"/>
        <v>3128.5920000000001</v>
      </c>
      <c r="VHG54" s="7">
        <f t="shared" si="1039"/>
        <v>3128.5920000000001</v>
      </c>
      <c r="VHH54" s="7">
        <f t="shared" si="1039"/>
        <v>3128.5920000000001</v>
      </c>
      <c r="VHI54" s="7">
        <f t="shared" si="1039"/>
        <v>3128.5920000000001</v>
      </c>
      <c r="VHJ54" s="7">
        <f t="shared" si="1039"/>
        <v>3128.5920000000001</v>
      </c>
      <c r="VHK54" s="7">
        <f t="shared" si="1039"/>
        <v>3128.5920000000001</v>
      </c>
      <c r="VHL54" s="7">
        <f t="shared" si="1039"/>
        <v>3128.5920000000001</v>
      </c>
      <c r="VHM54" s="7">
        <f t="shared" si="1039"/>
        <v>3128.5920000000001</v>
      </c>
      <c r="VHN54" s="7">
        <f t="shared" si="1039"/>
        <v>3128.5920000000001</v>
      </c>
      <c r="VHO54" s="7">
        <f t="shared" si="1039"/>
        <v>3128.5920000000001</v>
      </c>
      <c r="VHP54" s="7">
        <f t="shared" si="1039"/>
        <v>3128.5920000000001</v>
      </c>
      <c r="VHQ54" s="7">
        <f t="shared" si="1039"/>
        <v>3128.5920000000001</v>
      </c>
      <c r="VHR54" s="7">
        <f t="shared" si="1039"/>
        <v>3128.5920000000001</v>
      </c>
      <c r="VHS54" s="7">
        <f t="shared" si="1039"/>
        <v>3128.5920000000001</v>
      </c>
      <c r="VHT54" s="7">
        <f t="shared" si="1039"/>
        <v>3128.5920000000001</v>
      </c>
      <c r="VHU54" s="7">
        <f t="shared" si="1039"/>
        <v>3128.5920000000001</v>
      </c>
      <c r="VHV54" s="7">
        <f t="shared" si="1039"/>
        <v>3128.5920000000001</v>
      </c>
      <c r="VHW54" s="7">
        <f t="shared" si="1039"/>
        <v>3128.5920000000001</v>
      </c>
      <c r="VHX54" s="7">
        <f t="shared" si="1039"/>
        <v>3128.5920000000001</v>
      </c>
      <c r="VHY54" s="7">
        <f t="shared" si="1039"/>
        <v>3128.5920000000001</v>
      </c>
      <c r="VHZ54" s="7">
        <f t="shared" si="1039"/>
        <v>3128.5920000000001</v>
      </c>
      <c r="VIA54" s="7">
        <f t="shared" si="1039"/>
        <v>3128.5920000000001</v>
      </c>
      <c r="VIB54" s="7">
        <f t="shared" si="1039"/>
        <v>3128.5920000000001</v>
      </c>
      <c r="VIC54" s="7">
        <f t="shared" si="1039"/>
        <v>3128.5920000000001</v>
      </c>
      <c r="VID54" s="7">
        <f t="shared" si="1039"/>
        <v>3128.5920000000001</v>
      </c>
      <c r="VIE54" s="7">
        <f t="shared" si="1039"/>
        <v>3128.5920000000001</v>
      </c>
      <c r="VIF54" s="7">
        <f t="shared" si="1039"/>
        <v>3128.5920000000001</v>
      </c>
      <c r="VIG54" s="7">
        <f t="shared" si="1039"/>
        <v>3128.5920000000001</v>
      </c>
      <c r="VIH54" s="7">
        <f t="shared" ref="VIH54:VKS54" si="1040">VIH49+VIG54</f>
        <v>3128.5920000000001</v>
      </c>
      <c r="VII54" s="7">
        <f t="shared" si="1040"/>
        <v>3128.5920000000001</v>
      </c>
      <c r="VIJ54" s="7">
        <f t="shared" si="1040"/>
        <v>3128.5920000000001</v>
      </c>
      <c r="VIK54" s="7">
        <f t="shared" si="1040"/>
        <v>3128.5920000000001</v>
      </c>
      <c r="VIL54" s="7">
        <f t="shared" si="1040"/>
        <v>3128.5920000000001</v>
      </c>
      <c r="VIM54" s="7">
        <f t="shared" si="1040"/>
        <v>3128.5920000000001</v>
      </c>
      <c r="VIN54" s="7">
        <f t="shared" si="1040"/>
        <v>3128.5920000000001</v>
      </c>
      <c r="VIO54" s="7">
        <f t="shared" si="1040"/>
        <v>3128.5920000000001</v>
      </c>
      <c r="VIP54" s="7">
        <f t="shared" si="1040"/>
        <v>3128.5920000000001</v>
      </c>
      <c r="VIQ54" s="7">
        <f t="shared" si="1040"/>
        <v>3128.5920000000001</v>
      </c>
      <c r="VIR54" s="7">
        <f t="shared" si="1040"/>
        <v>3128.5920000000001</v>
      </c>
      <c r="VIS54" s="7">
        <f t="shared" si="1040"/>
        <v>3128.5920000000001</v>
      </c>
      <c r="VIT54" s="7">
        <f t="shared" si="1040"/>
        <v>3128.5920000000001</v>
      </c>
      <c r="VIU54" s="7">
        <f t="shared" si="1040"/>
        <v>3128.5920000000001</v>
      </c>
      <c r="VIV54" s="7">
        <f t="shared" si="1040"/>
        <v>3128.5920000000001</v>
      </c>
      <c r="VIW54" s="7">
        <f t="shared" si="1040"/>
        <v>3128.5920000000001</v>
      </c>
      <c r="VIX54" s="7">
        <f t="shared" si="1040"/>
        <v>3128.5920000000001</v>
      </c>
      <c r="VIY54" s="7">
        <f t="shared" si="1040"/>
        <v>3128.5920000000001</v>
      </c>
      <c r="VIZ54" s="7">
        <f t="shared" si="1040"/>
        <v>3128.5920000000001</v>
      </c>
      <c r="VJA54" s="7">
        <f t="shared" si="1040"/>
        <v>3128.5920000000001</v>
      </c>
      <c r="VJB54" s="7">
        <f t="shared" si="1040"/>
        <v>3128.5920000000001</v>
      </c>
      <c r="VJC54" s="7">
        <f t="shared" si="1040"/>
        <v>3128.5920000000001</v>
      </c>
      <c r="VJD54" s="7">
        <f t="shared" si="1040"/>
        <v>3128.5920000000001</v>
      </c>
      <c r="VJE54" s="7">
        <f t="shared" si="1040"/>
        <v>3128.5920000000001</v>
      </c>
      <c r="VJF54" s="7">
        <f t="shared" si="1040"/>
        <v>3128.5920000000001</v>
      </c>
      <c r="VJG54" s="7">
        <f t="shared" si="1040"/>
        <v>3128.5920000000001</v>
      </c>
      <c r="VJH54" s="7">
        <f t="shared" si="1040"/>
        <v>3128.5920000000001</v>
      </c>
      <c r="VJI54" s="7">
        <f t="shared" si="1040"/>
        <v>3128.5920000000001</v>
      </c>
      <c r="VJJ54" s="7">
        <f t="shared" si="1040"/>
        <v>3128.5920000000001</v>
      </c>
      <c r="VJK54" s="7">
        <f t="shared" si="1040"/>
        <v>3128.5920000000001</v>
      </c>
      <c r="VJL54" s="7">
        <f t="shared" si="1040"/>
        <v>3128.5920000000001</v>
      </c>
      <c r="VJM54" s="7">
        <f t="shared" si="1040"/>
        <v>3128.5920000000001</v>
      </c>
      <c r="VJN54" s="7">
        <f t="shared" si="1040"/>
        <v>3128.5920000000001</v>
      </c>
      <c r="VJO54" s="7">
        <f t="shared" si="1040"/>
        <v>3128.5920000000001</v>
      </c>
      <c r="VJP54" s="7">
        <f t="shared" si="1040"/>
        <v>3128.5920000000001</v>
      </c>
      <c r="VJQ54" s="7">
        <f t="shared" si="1040"/>
        <v>3128.5920000000001</v>
      </c>
      <c r="VJR54" s="7">
        <f t="shared" si="1040"/>
        <v>3128.5920000000001</v>
      </c>
      <c r="VJS54" s="7">
        <f t="shared" si="1040"/>
        <v>3128.5920000000001</v>
      </c>
      <c r="VJT54" s="7">
        <f t="shared" si="1040"/>
        <v>3128.5920000000001</v>
      </c>
      <c r="VJU54" s="7">
        <f t="shared" si="1040"/>
        <v>3128.5920000000001</v>
      </c>
      <c r="VJV54" s="7">
        <f t="shared" si="1040"/>
        <v>3128.5920000000001</v>
      </c>
      <c r="VJW54" s="7">
        <f t="shared" si="1040"/>
        <v>3128.5920000000001</v>
      </c>
      <c r="VJX54" s="7">
        <f t="shared" si="1040"/>
        <v>3128.5920000000001</v>
      </c>
      <c r="VJY54" s="7">
        <f t="shared" si="1040"/>
        <v>3128.5920000000001</v>
      </c>
      <c r="VJZ54" s="7">
        <f t="shared" si="1040"/>
        <v>3128.5920000000001</v>
      </c>
      <c r="VKA54" s="7">
        <f t="shared" si="1040"/>
        <v>3128.5920000000001</v>
      </c>
      <c r="VKB54" s="7">
        <f t="shared" si="1040"/>
        <v>3128.5920000000001</v>
      </c>
      <c r="VKC54" s="7">
        <f t="shared" si="1040"/>
        <v>3128.5920000000001</v>
      </c>
      <c r="VKD54" s="7">
        <f t="shared" si="1040"/>
        <v>3128.5920000000001</v>
      </c>
      <c r="VKE54" s="7">
        <f t="shared" si="1040"/>
        <v>3128.5920000000001</v>
      </c>
      <c r="VKF54" s="7">
        <f t="shared" si="1040"/>
        <v>3128.5920000000001</v>
      </c>
      <c r="VKG54" s="7">
        <f t="shared" si="1040"/>
        <v>3128.5920000000001</v>
      </c>
      <c r="VKH54" s="7">
        <f t="shared" si="1040"/>
        <v>3128.5920000000001</v>
      </c>
      <c r="VKI54" s="7">
        <f t="shared" si="1040"/>
        <v>3128.5920000000001</v>
      </c>
      <c r="VKJ54" s="7">
        <f t="shared" si="1040"/>
        <v>3128.5920000000001</v>
      </c>
      <c r="VKK54" s="7">
        <f t="shared" si="1040"/>
        <v>3128.5920000000001</v>
      </c>
      <c r="VKL54" s="7">
        <f t="shared" si="1040"/>
        <v>3128.5920000000001</v>
      </c>
      <c r="VKM54" s="7">
        <f t="shared" si="1040"/>
        <v>3128.5920000000001</v>
      </c>
      <c r="VKN54" s="7">
        <f t="shared" si="1040"/>
        <v>3128.5920000000001</v>
      </c>
      <c r="VKO54" s="7">
        <f t="shared" si="1040"/>
        <v>3128.5920000000001</v>
      </c>
      <c r="VKP54" s="7">
        <f t="shared" si="1040"/>
        <v>3128.5920000000001</v>
      </c>
      <c r="VKQ54" s="7">
        <f t="shared" si="1040"/>
        <v>3128.5920000000001</v>
      </c>
      <c r="VKR54" s="7">
        <f t="shared" si="1040"/>
        <v>3128.5920000000001</v>
      </c>
      <c r="VKS54" s="7">
        <f t="shared" si="1040"/>
        <v>3128.5920000000001</v>
      </c>
      <c r="VKT54" s="7">
        <f t="shared" ref="VKT54:VNE54" si="1041">VKT49+VKS54</f>
        <v>3128.5920000000001</v>
      </c>
      <c r="VKU54" s="7">
        <f t="shared" si="1041"/>
        <v>3128.5920000000001</v>
      </c>
      <c r="VKV54" s="7">
        <f t="shared" si="1041"/>
        <v>3128.5920000000001</v>
      </c>
      <c r="VKW54" s="7">
        <f t="shared" si="1041"/>
        <v>3128.5920000000001</v>
      </c>
      <c r="VKX54" s="7">
        <f t="shared" si="1041"/>
        <v>3128.5920000000001</v>
      </c>
      <c r="VKY54" s="7">
        <f t="shared" si="1041"/>
        <v>3128.5920000000001</v>
      </c>
      <c r="VKZ54" s="7">
        <f t="shared" si="1041"/>
        <v>3128.5920000000001</v>
      </c>
      <c r="VLA54" s="7">
        <f t="shared" si="1041"/>
        <v>3128.5920000000001</v>
      </c>
      <c r="VLB54" s="7">
        <f t="shared" si="1041"/>
        <v>3128.5920000000001</v>
      </c>
      <c r="VLC54" s="7">
        <f t="shared" si="1041"/>
        <v>3128.5920000000001</v>
      </c>
      <c r="VLD54" s="7">
        <f t="shared" si="1041"/>
        <v>3128.5920000000001</v>
      </c>
      <c r="VLE54" s="7">
        <f t="shared" si="1041"/>
        <v>3128.5920000000001</v>
      </c>
      <c r="VLF54" s="7">
        <f t="shared" si="1041"/>
        <v>3128.5920000000001</v>
      </c>
      <c r="VLG54" s="7">
        <f t="shared" si="1041"/>
        <v>3128.5920000000001</v>
      </c>
      <c r="VLH54" s="7">
        <f t="shared" si="1041"/>
        <v>3128.5920000000001</v>
      </c>
      <c r="VLI54" s="7">
        <f t="shared" si="1041"/>
        <v>3128.5920000000001</v>
      </c>
      <c r="VLJ54" s="7">
        <f t="shared" si="1041"/>
        <v>3128.5920000000001</v>
      </c>
      <c r="VLK54" s="7">
        <f t="shared" si="1041"/>
        <v>3128.5920000000001</v>
      </c>
      <c r="VLL54" s="7">
        <f t="shared" si="1041"/>
        <v>3128.5920000000001</v>
      </c>
      <c r="VLM54" s="7">
        <f t="shared" si="1041"/>
        <v>3128.5920000000001</v>
      </c>
      <c r="VLN54" s="7">
        <f t="shared" si="1041"/>
        <v>3128.5920000000001</v>
      </c>
      <c r="VLO54" s="7">
        <f t="shared" si="1041"/>
        <v>3128.5920000000001</v>
      </c>
      <c r="VLP54" s="7">
        <f t="shared" si="1041"/>
        <v>3128.5920000000001</v>
      </c>
      <c r="VLQ54" s="7">
        <f t="shared" si="1041"/>
        <v>3128.5920000000001</v>
      </c>
      <c r="VLR54" s="7">
        <f t="shared" si="1041"/>
        <v>3128.5920000000001</v>
      </c>
      <c r="VLS54" s="7">
        <f t="shared" si="1041"/>
        <v>3128.5920000000001</v>
      </c>
      <c r="VLT54" s="7">
        <f t="shared" si="1041"/>
        <v>3128.5920000000001</v>
      </c>
      <c r="VLU54" s="7">
        <f t="shared" si="1041"/>
        <v>3128.5920000000001</v>
      </c>
      <c r="VLV54" s="7">
        <f t="shared" si="1041"/>
        <v>3128.5920000000001</v>
      </c>
      <c r="VLW54" s="7">
        <f t="shared" si="1041"/>
        <v>3128.5920000000001</v>
      </c>
      <c r="VLX54" s="7">
        <f t="shared" si="1041"/>
        <v>3128.5920000000001</v>
      </c>
      <c r="VLY54" s="7">
        <f t="shared" si="1041"/>
        <v>3128.5920000000001</v>
      </c>
      <c r="VLZ54" s="7">
        <f t="shared" si="1041"/>
        <v>3128.5920000000001</v>
      </c>
      <c r="VMA54" s="7">
        <f t="shared" si="1041"/>
        <v>3128.5920000000001</v>
      </c>
      <c r="VMB54" s="7">
        <f t="shared" si="1041"/>
        <v>3128.5920000000001</v>
      </c>
      <c r="VMC54" s="7">
        <f t="shared" si="1041"/>
        <v>3128.5920000000001</v>
      </c>
      <c r="VMD54" s="7">
        <f t="shared" si="1041"/>
        <v>3128.5920000000001</v>
      </c>
      <c r="VME54" s="7">
        <f t="shared" si="1041"/>
        <v>3128.5920000000001</v>
      </c>
      <c r="VMF54" s="7">
        <f t="shared" si="1041"/>
        <v>3128.5920000000001</v>
      </c>
      <c r="VMG54" s="7">
        <f t="shared" si="1041"/>
        <v>3128.5920000000001</v>
      </c>
      <c r="VMH54" s="7">
        <f t="shared" si="1041"/>
        <v>3128.5920000000001</v>
      </c>
      <c r="VMI54" s="7">
        <f t="shared" si="1041"/>
        <v>3128.5920000000001</v>
      </c>
      <c r="VMJ54" s="7">
        <f t="shared" si="1041"/>
        <v>3128.5920000000001</v>
      </c>
      <c r="VMK54" s="7">
        <f t="shared" si="1041"/>
        <v>3128.5920000000001</v>
      </c>
      <c r="VML54" s="7">
        <f t="shared" si="1041"/>
        <v>3128.5920000000001</v>
      </c>
      <c r="VMM54" s="7">
        <f t="shared" si="1041"/>
        <v>3128.5920000000001</v>
      </c>
      <c r="VMN54" s="7">
        <f t="shared" si="1041"/>
        <v>3128.5920000000001</v>
      </c>
      <c r="VMO54" s="7">
        <f t="shared" si="1041"/>
        <v>3128.5920000000001</v>
      </c>
      <c r="VMP54" s="7">
        <f t="shared" si="1041"/>
        <v>3128.5920000000001</v>
      </c>
      <c r="VMQ54" s="7">
        <f t="shared" si="1041"/>
        <v>3128.5920000000001</v>
      </c>
      <c r="VMR54" s="7">
        <f t="shared" si="1041"/>
        <v>3128.5920000000001</v>
      </c>
      <c r="VMS54" s="7">
        <f t="shared" si="1041"/>
        <v>3128.5920000000001</v>
      </c>
      <c r="VMT54" s="7">
        <f t="shared" si="1041"/>
        <v>3128.5920000000001</v>
      </c>
      <c r="VMU54" s="7">
        <f t="shared" si="1041"/>
        <v>3128.5920000000001</v>
      </c>
      <c r="VMV54" s="7">
        <f t="shared" si="1041"/>
        <v>3128.5920000000001</v>
      </c>
      <c r="VMW54" s="7">
        <f t="shared" si="1041"/>
        <v>3128.5920000000001</v>
      </c>
      <c r="VMX54" s="7">
        <f t="shared" si="1041"/>
        <v>3128.5920000000001</v>
      </c>
      <c r="VMY54" s="7">
        <f t="shared" si="1041"/>
        <v>3128.5920000000001</v>
      </c>
      <c r="VMZ54" s="7">
        <f t="shared" si="1041"/>
        <v>3128.5920000000001</v>
      </c>
      <c r="VNA54" s="7">
        <f t="shared" si="1041"/>
        <v>3128.5920000000001</v>
      </c>
      <c r="VNB54" s="7">
        <f t="shared" si="1041"/>
        <v>3128.5920000000001</v>
      </c>
      <c r="VNC54" s="7">
        <f t="shared" si="1041"/>
        <v>3128.5920000000001</v>
      </c>
      <c r="VND54" s="7">
        <f t="shared" si="1041"/>
        <v>3128.5920000000001</v>
      </c>
      <c r="VNE54" s="7">
        <f t="shared" si="1041"/>
        <v>3128.5920000000001</v>
      </c>
      <c r="VNF54" s="7">
        <f t="shared" ref="VNF54:VPQ54" si="1042">VNF49+VNE54</f>
        <v>3128.5920000000001</v>
      </c>
      <c r="VNG54" s="7">
        <f t="shared" si="1042"/>
        <v>3128.5920000000001</v>
      </c>
      <c r="VNH54" s="7">
        <f t="shared" si="1042"/>
        <v>3128.5920000000001</v>
      </c>
      <c r="VNI54" s="7">
        <f t="shared" si="1042"/>
        <v>3128.5920000000001</v>
      </c>
      <c r="VNJ54" s="7">
        <f t="shared" si="1042"/>
        <v>3128.5920000000001</v>
      </c>
      <c r="VNK54" s="7">
        <f t="shared" si="1042"/>
        <v>3128.5920000000001</v>
      </c>
      <c r="VNL54" s="7">
        <f t="shared" si="1042"/>
        <v>3128.5920000000001</v>
      </c>
      <c r="VNM54" s="7">
        <f t="shared" si="1042"/>
        <v>3128.5920000000001</v>
      </c>
      <c r="VNN54" s="7">
        <f t="shared" si="1042"/>
        <v>3128.5920000000001</v>
      </c>
      <c r="VNO54" s="7">
        <f t="shared" si="1042"/>
        <v>3128.5920000000001</v>
      </c>
      <c r="VNP54" s="7">
        <f t="shared" si="1042"/>
        <v>3128.5920000000001</v>
      </c>
      <c r="VNQ54" s="7">
        <f t="shared" si="1042"/>
        <v>3128.5920000000001</v>
      </c>
      <c r="VNR54" s="7">
        <f t="shared" si="1042"/>
        <v>3128.5920000000001</v>
      </c>
      <c r="VNS54" s="7">
        <f t="shared" si="1042"/>
        <v>3128.5920000000001</v>
      </c>
      <c r="VNT54" s="7">
        <f t="shared" si="1042"/>
        <v>3128.5920000000001</v>
      </c>
      <c r="VNU54" s="7">
        <f t="shared" si="1042"/>
        <v>3128.5920000000001</v>
      </c>
      <c r="VNV54" s="7">
        <f t="shared" si="1042"/>
        <v>3128.5920000000001</v>
      </c>
      <c r="VNW54" s="7">
        <f t="shared" si="1042"/>
        <v>3128.5920000000001</v>
      </c>
      <c r="VNX54" s="7">
        <f t="shared" si="1042"/>
        <v>3128.5920000000001</v>
      </c>
      <c r="VNY54" s="7">
        <f t="shared" si="1042"/>
        <v>3128.5920000000001</v>
      </c>
      <c r="VNZ54" s="7">
        <f t="shared" si="1042"/>
        <v>3128.5920000000001</v>
      </c>
      <c r="VOA54" s="7">
        <f t="shared" si="1042"/>
        <v>3128.5920000000001</v>
      </c>
      <c r="VOB54" s="7">
        <f t="shared" si="1042"/>
        <v>3128.5920000000001</v>
      </c>
      <c r="VOC54" s="7">
        <f t="shared" si="1042"/>
        <v>3128.5920000000001</v>
      </c>
      <c r="VOD54" s="7">
        <f t="shared" si="1042"/>
        <v>3128.5920000000001</v>
      </c>
      <c r="VOE54" s="7">
        <f t="shared" si="1042"/>
        <v>3128.5920000000001</v>
      </c>
      <c r="VOF54" s="7">
        <f t="shared" si="1042"/>
        <v>3128.5920000000001</v>
      </c>
      <c r="VOG54" s="7">
        <f t="shared" si="1042"/>
        <v>3128.5920000000001</v>
      </c>
      <c r="VOH54" s="7">
        <f t="shared" si="1042"/>
        <v>3128.5920000000001</v>
      </c>
      <c r="VOI54" s="7">
        <f t="shared" si="1042"/>
        <v>3128.5920000000001</v>
      </c>
      <c r="VOJ54" s="7">
        <f t="shared" si="1042"/>
        <v>3128.5920000000001</v>
      </c>
      <c r="VOK54" s="7">
        <f t="shared" si="1042"/>
        <v>3128.5920000000001</v>
      </c>
      <c r="VOL54" s="7">
        <f t="shared" si="1042"/>
        <v>3128.5920000000001</v>
      </c>
      <c r="VOM54" s="7">
        <f t="shared" si="1042"/>
        <v>3128.5920000000001</v>
      </c>
      <c r="VON54" s="7">
        <f t="shared" si="1042"/>
        <v>3128.5920000000001</v>
      </c>
      <c r="VOO54" s="7">
        <f t="shared" si="1042"/>
        <v>3128.5920000000001</v>
      </c>
      <c r="VOP54" s="7">
        <f t="shared" si="1042"/>
        <v>3128.5920000000001</v>
      </c>
      <c r="VOQ54" s="7">
        <f t="shared" si="1042"/>
        <v>3128.5920000000001</v>
      </c>
      <c r="VOR54" s="7">
        <f t="shared" si="1042"/>
        <v>3128.5920000000001</v>
      </c>
      <c r="VOS54" s="7">
        <f t="shared" si="1042"/>
        <v>3128.5920000000001</v>
      </c>
      <c r="VOT54" s="7">
        <f t="shared" si="1042"/>
        <v>3128.5920000000001</v>
      </c>
      <c r="VOU54" s="7">
        <f t="shared" si="1042"/>
        <v>3128.5920000000001</v>
      </c>
      <c r="VOV54" s="7">
        <f t="shared" si="1042"/>
        <v>3128.5920000000001</v>
      </c>
      <c r="VOW54" s="7">
        <f t="shared" si="1042"/>
        <v>3128.5920000000001</v>
      </c>
      <c r="VOX54" s="7">
        <f t="shared" si="1042"/>
        <v>3128.5920000000001</v>
      </c>
      <c r="VOY54" s="7">
        <f t="shared" si="1042"/>
        <v>3128.5920000000001</v>
      </c>
      <c r="VOZ54" s="7">
        <f t="shared" si="1042"/>
        <v>3128.5920000000001</v>
      </c>
      <c r="VPA54" s="7">
        <f t="shared" si="1042"/>
        <v>3128.5920000000001</v>
      </c>
      <c r="VPB54" s="7">
        <f t="shared" si="1042"/>
        <v>3128.5920000000001</v>
      </c>
      <c r="VPC54" s="7">
        <f t="shared" si="1042"/>
        <v>3128.5920000000001</v>
      </c>
      <c r="VPD54" s="7">
        <f t="shared" si="1042"/>
        <v>3128.5920000000001</v>
      </c>
      <c r="VPE54" s="7">
        <f t="shared" si="1042"/>
        <v>3128.5920000000001</v>
      </c>
      <c r="VPF54" s="7">
        <f t="shared" si="1042"/>
        <v>3128.5920000000001</v>
      </c>
      <c r="VPG54" s="7">
        <f t="shared" si="1042"/>
        <v>3128.5920000000001</v>
      </c>
      <c r="VPH54" s="7">
        <f t="shared" si="1042"/>
        <v>3128.5920000000001</v>
      </c>
      <c r="VPI54" s="7">
        <f t="shared" si="1042"/>
        <v>3128.5920000000001</v>
      </c>
      <c r="VPJ54" s="7">
        <f t="shared" si="1042"/>
        <v>3128.5920000000001</v>
      </c>
      <c r="VPK54" s="7">
        <f t="shared" si="1042"/>
        <v>3128.5920000000001</v>
      </c>
      <c r="VPL54" s="7">
        <f t="shared" si="1042"/>
        <v>3128.5920000000001</v>
      </c>
      <c r="VPM54" s="7">
        <f t="shared" si="1042"/>
        <v>3128.5920000000001</v>
      </c>
      <c r="VPN54" s="7">
        <f t="shared" si="1042"/>
        <v>3128.5920000000001</v>
      </c>
      <c r="VPO54" s="7">
        <f t="shared" si="1042"/>
        <v>3128.5920000000001</v>
      </c>
      <c r="VPP54" s="7">
        <f t="shared" si="1042"/>
        <v>3128.5920000000001</v>
      </c>
      <c r="VPQ54" s="7">
        <f t="shared" si="1042"/>
        <v>3128.5920000000001</v>
      </c>
      <c r="VPR54" s="7">
        <f t="shared" ref="VPR54:VSC54" si="1043">VPR49+VPQ54</f>
        <v>3128.5920000000001</v>
      </c>
      <c r="VPS54" s="7">
        <f t="shared" si="1043"/>
        <v>3128.5920000000001</v>
      </c>
      <c r="VPT54" s="7">
        <f t="shared" si="1043"/>
        <v>3128.5920000000001</v>
      </c>
      <c r="VPU54" s="7">
        <f t="shared" si="1043"/>
        <v>3128.5920000000001</v>
      </c>
      <c r="VPV54" s="7">
        <f t="shared" si="1043"/>
        <v>3128.5920000000001</v>
      </c>
      <c r="VPW54" s="7">
        <f t="shared" si="1043"/>
        <v>3128.5920000000001</v>
      </c>
      <c r="VPX54" s="7">
        <f t="shared" si="1043"/>
        <v>3128.5920000000001</v>
      </c>
      <c r="VPY54" s="7">
        <f t="shared" si="1043"/>
        <v>3128.5920000000001</v>
      </c>
      <c r="VPZ54" s="7">
        <f t="shared" si="1043"/>
        <v>3128.5920000000001</v>
      </c>
      <c r="VQA54" s="7">
        <f t="shared" si="1043"/>
        <v>3128.5920000000001</v>
      </c>
      <c r="VQB54" s="7">
        <f t="shared" si="1043"/>
        <v>3128.5920000000001</v>
      </c>
      <c r="VQC54" s="7">
        <f t="shared" si="1043"/>
        <v>3128.5920000000001</v>
      </c>
      <c r="VQD54" s="7">
        <f t="shared" si="1043"/>
        <v>3128.5920000000001</v>
      </c>
      <c r="VQE54" s="7">
        <f t="shared" si="1043"/>
        <v>3128.5920000000001</v>
      </c>
      <c r="VQF54" s="7">
        <f t="shared" si="1043"/>
        <v>3128.5920000000001</v>
      </c>
      <c r="VQG54" s="7">
        <f t="shared" si="1043"/>
        <v>3128.5920000000001</v>
      </c>
      <c r="VQH54" s="7">
        <f t="shared" si="1043"/>
        <v>3128.5920000000001</v>
      </c>
      <c r="VQI54" s="7">
        <f t="shared" si="1043"/>
        <v>3128.5920000000001</v>
      </c>
      <c r="VQJ54" s="7">
        <f t="shared" si="1043"/>
        <v>3128.5920000000001</v>
      </c>
      <c r="VQK54" s="7">
        <f t="shared" si="1043"/>
        <v>3128.5920000000001</v>
      </c>
      <c r="VQL54" s="7">
        <f t="shared" si="1043"/>
        <v>3128.5920000000001</v>
      </c>
      <c r="VQM54" s="7">
        <f t="shared" si="1043"/>
        <v>3128.5920000000001</v>
      </c>
      <c r="VQN54" s="7">
        <f t="shared" si="1043"/>
        <v>3128.5920000000001</v>
      </c>
      <c r="VQO54" s="7">
        <f t="shared" si="1043"/>
        <v>3128.5920000000001</v>
      </c>
      <c r="VQP54" s="7">
        <f t="shared" si="1043"/>
        <v>3128.5920000000001</v>
      </c>
      <c r="VQQ54" s="7">
        <f t="shared" si="1043"/>
        <v>3128.5920000000001</v>
      </c>
      <c r="VQR54" s="7">
        <f t="shared" si="1043"/>
        <v>3128.5920000000001</v>
      </c>
      <c r="VQS54" s="7">
        <f t="shared" si="1043"/>
        <v>3128.5920000000001</v>
      </c>
      <c r="VQT54" s="7">
        <f t="shared" si="1043"/>
        <v>3128.5920000000001</v>
      </c>
      <c r="VQU54" s="7">
        <f t="shared" si="1043"/>
        <v>3128.5920000000001</v>
      </c>
      <c r="VQV54" s="7">
        <f t="shared" si="1043"/>
        <v>3128.5920000000001</v>
      </c>
      <c r="VQW54" s="7">
        <f t="shared" si="1043"/>
        <v>3128.5920000000001</v>
      </c>
      <c r="VQX54" s="7">
        <f t="shared" si="1043"/>
        <v>3128.5920000000001</v>
      </c>
      <c r="VQY54" s="7">
        <f t="shared" si="1043"/>
        <v>3128.5920000000001</v>
      </c>
      <c r="VQZ54" s="7">
        <f t="shared" si="1043"/>
        <v>3128.5920000000001</v>
      </c>
      <c r="VRA54" s="7">
        <f t="shared" si="1043"/>
        <v>3128.5920000000001</v>
      </c>
      <c r="VRB54" s="7">
        <f t="shared" si="1043"/>
        <v>3128.5920000000001</v>
      </c>
      <c r="VRC54" s="7">
        <f t="shared" si="1043"/>
        <v>3128.5920000000001</v>
      </c>
      <c r="VRD54" s="7">
        <f t="shared" si="1043"/>
        <v>3128.5920000000001</v>
      </c>
      <c r="VRE54" s="7">
        <f t="shared" si="1043"/>
        <v>3128.5920000000001</v>
      </c>
      <c r="VRF54" s="7">
        <f t="shared" si="1043"/>
        <v>3128.5920000000001</v>
      </c>
      <c r="VRG54" s="7">
        <f t="shared" si="1043"/>
        <v>3128.5920000000001</v>
      </c>
      <c r="VRH54" s="7">
        <f t="shared" si="1043"/>
        <v>3128.5920000000001</v>
      </c>
      <c r="VRI54" s="7">
        <f t="shared" si="1043"/>
        <v>3128.5920000000001</v>
      </c>
      <c r="VRJ54" s="7">
        <f t="shared" si="1043"/>
        <v>3128.5920000000001</v>
      </c>
      <c r="VRK54" s="7">
        <f t="shared" si="1043"/>
        <v>3128.5920000000001</v>
      </c>
      <c r="VRL54" s="7">
        <f t="shared" si="1043"/>
        <v>3128.5920000000001</v>
      </c>
      <c r="VRM54" s="7">
        <f t="shared" si="1043"/>
        <v>3128.5920000000001</v>
      </c>
      <c r="VRN54" s="7">
        <f t="shared" si="1043"/>
        <v>3128.5920000000001</v>
      </c>
      <c r="VRO54" s="7">
        <f t="shared" si="1043"/>
        <v>3128.5920000000001</v>
      </c>
      <c r="VRP54" s="7">
        <f t="shared" si="1043"/>
        <v>3128.5920000000001</v>
      </c>
      <c r="VRQ54" s="7">
        <f t="shared" si="1043"/>
        <v>3128.5920000000001</v>
      </c>
      <c r="VRR54" s="7">
        <f t="shared" si="1043"/>
        <v>3128.5920000000001</v>
      </c>
      <c r="VRS54" s="7">
        <f t="shared" si="1043"/>
        <v>3128.5920000000001</v>
      </c>
      <c r="VRT54" s="7">
        <f t="shared" si="1043"/>
        <v>3128.5920000000001</v>
      </c>
      <c r="VRU54" s="7">
        <f t="shared" si="1043"/>
        <v>3128.5920000000001</v>
      </c>
      <c r="VRV54" s="7">
        <f t="shared" si="1043"/>
        <v>3128.5920000000001</v>
      </c>
      <c r="VRW54" s="7">
        <f t="shared" si="1043"/>
        <v>3128.5920000000001</v>
      </c>
      <c r="VRX54" s="7">
        <f t="shared" si="1043"/>
        <v>3128.5920000000001</v>
      </c>
      <c r="VRY54" s="7">
        <f t="shared" si="1043"/>
        <v>3128.5920000000001</v>
      </c>
      <c r="VRZ54" s="7">
        <f t="shared" si="1043"/>
        <v>3128.5920000000001</v>
      </c>
      <c r="VSA54" s="7">
        <f t="shared" si="1043"/>
        <v>3128.5920000000001</v>
      </c>
      <c r="VSB54" s="7">
        <f t="shared" si="1043"/>
        <v>3128.5920000000001</v>
      </c>
      <c r="VSC54" s="7">
        <f t="shared" si="1043"/>
        <v>3128.5920000000001</v>
      </c>
      <c r="VSD54" s="7">
        <f t="shared" ref="VSD54:VUO54" si="1044">VSD49+VSC54</f>
        <v>3128.5920000000001</v>
      </c>
      <c r="VSE54" s="7">
        <f t="shared" si="1044"/>
        <v>3128.5920000000001</v>
      </c>
      <c r="VSF54" s="7">
        <f t="shared" si="1044"/>
        <v>3128.5920000000001</v>
      </c>
      <c r="VSG54" s="7">
        <f t="shared" si="1044"/>
        <v>3128.5920000000001</v>
      </c>
      <c r="VSH54" s="7">
        <f t="shared" si="1044"/>
        <v>3128.5920000000001</v>
      </c>
      <c r="VSI54" s="7">
        <f t="shared" si="1044"/>
        <v>3128.5920000000001</v>
      </c>
      <c r="VSJ54" s="7">
        <f t="shared" si="1044"/>
        <v>3128.5920000000001</v>
      </c>
      <c r="VSK54" s="7">
        <f t="shared" si="1044"/>
        <v>3128.5920000000001</v>
      </c>
      <c r="VSL54" s="7">
        <f t="shared" si="1044"/>
        <v>3128.5920000000001</v>
      </c>
      <c r="VSM54" s="7">
        <f t="shared" si="1044"/>
        <v>3128.5920000000001</v>
      </c>
      <c r="VSN54" s="7">
        <f t="shared" si="1044"/>
        <v>3128.5920000000001</v>
      </c>
      <c r="VSO54" s="7">
        <f t="shared" si="1044"/>
        <v>3128.5920000000001</v>
      </c>
      <c r="VSP54" s="7">
        <f t="shared" si="1044"/>
        <v>3128.5920000000001</v>
      </c>
      <c r="VSQ54" s="7">
        <f t="shared" si="1044"/>
        <v>3128.5920000000001</v>
      </c>
      <c r="VSR54" s="7">
        <f t="shared" si="1044"/>
        <v>3128.5920000000001</v>
      </c>
      <c r="VSS54" s="7">
        <f t="shared" si="1044"/>
        <v>3128.5920000000001</v>
      </c>
      <c r="VST54" s="7">
        <f t="shared" si="1044"/>
        <v>3128.5920000000001</v>
      </c>
      <c r="VSU54" s="7">
        <f t="shared" si="1044"/>
        <v>3128.5920000000001</v>
      </c>
      <c r="VSV54" s="7">
        <f t="shared" si="1044"/>
        <v>3128.5920000000001</v>
      </c>
      <c r="VSW54" s="7">
        <f t="shared" si="1044"/>
        <v>3128.5920000000001</v>
      </c>
      <c r="VSX54" s="7">
        <f t="shared" si="1044"/>
        <v>3128.5920000000001</v>
      </c>
      <c r="VSY54" s="7">
        <f t="shared" si="1044"/>
        <v>3128.5920000000001</v>
      </c>
      <c r="VSZ54" s="7">
        <f t="shared" si="1044"/>
        <v>3128.5920000000001</v>
      </c>
      <c r="VTA54" s="7">
        <f t="shared" si="1044"/>
        <v>3128.5920000000001</v>
      </c>
      <c r="VTB54" s="7">
        <f t="shared" si="1044"/>
        <v>3128.5920000000001</v>
      </c>
      <c r="VTC54" s="7">
        <f t="shared" si="1044"/>
        <v>3128.5920000000001</v>
      </c>
      <c r="VTD54" s="7">
        <f t="shared" si="1044"/>
        <v>3128.5920000000001</v>
      </c>
      <c r="VTE54" s="7">
        <f t="shared" si="1044"/>
        <v>3128.5920000000001</v>
      </c>
      <c r="VTF54" s="7">
        <f t="shared" si="1044"/>
        <v>3128.5920000000001</v>
      </c>
      <c r="VTG54" s="7">
        <f t="shared" si="1044"/>
        <v>3128.5920000000001</v>
      </c>
      <c r="VTH54" s="7">
        <f t="shared" si="1044"/>
        <v>3128.5920000000001</v>
      </c>
      <c r="VTI54" s="7">
        <f t="shared" si="1044"/>
        <v>3128.5920000000001</v>
      </c>
      <c r="VTJ54" s="7">
        <f t="shared" si="1044"/>
        <v>3128.5920000000001</v>
      </c>
      <c r="VTK54" s="7">
        <f t="shared" si="1044"/>
        <v>3128.5920000000001</v>
      </c>
      <c r="VTL54" s="7">
        <f t="shared" si="1044"/>
        <v>3128.5920000000001</v>
      </c>
      <c r="VTM54" s="7">
        <f t="shared" si="1044"/>
        <v>3128.5920000000001</v>
      </c>
      <c r="VTN54" s="7">
        <f t="shared" si="1044"/>
        <v>3128.5920000000001</v>
      </c>
      <c r="VTO54" s="7">
        <f t="shared" si="1044"/>
        <v>3128.5920000000001</v>
      </c>
      <c r="VTP54" s="7">
        <f t="shared" si="1044"/>
        <v>3128.5920000000001</v>
      </c>
      <c r="VTQ54" s="7">
        <f t="shared" si="1044"/>
        <v>3128.5920000000001</v>
      </c>
      <c r="VTR54" s="7">
        <f t="shared" si="1044"/>
        <v>3128.5920000000001</v>
      </c>
      <c r="VTS54" s="7">
        <f t="shared" si="1044"/>
        <v>3128.5920000000001</v>
      </c>
      <c r="VTT54" s="7">
        <f t="shared" si="1044"/>
        <v>3128.5920000000001</v>
      </c>
      <c r="VTU54" s="7">
        <f t="shared" si="1044"/>
        <v>3128.5920000000001</v>
      </c>
      <c r="VTV54" s="7">
        <f t="shared" si="1044"/>
        <v>3128.5920000000001</v>
      </c>
      <c r="VTW54" s="7">
        <f t="shared" si="1044"/>
        <v>3128.5920000000001</v>
      </c>
      <c r="VTX54" s="7">
        <f t="shared" si="1044"/>
        <v>3128.5920000000001</v>
      </c>
      <c r="VTY54" s="7">
        <f t="shared" si="1044"/>
        <v>3128.5920000000001</v>
      </c>
      <c r="VTZ54" s="7">
        <f t="shared" si="1044"/>
        <v>3128.5920000000001</v>
      </c>
      <c r="VUA54" s="7">
        <f t="shared" si="1044"/>
        <v>3128.5920000000001</v>
      </c>
      <c r="VUB54" s="7">
        <f t="shared" si="1044"/>
        <v>3128.5920000000001</v>
      </c>
      <c r="VUC54" s="7">
        <f t="shared" si="1044"/>
        <v>3128.5920000000001</v>
      </c>
      <c r="VUD54" s="7">
        <f t="shared" si="1044"/>
        <v>3128.5920000000001</v>
      </c>
      <c r="VUE54" s="7">
        <f t="shared" si="1044"/>
        <v>3128.5920000000001</v>
      </c>
      <c r="VUF54" s="7">
        <f t="shared" si="1044"/>
        <v>3128.5920000000001</v>
      </c>
      <c r="VUG54" s="7">
        <f t="shared" si="1044"/>
        <v>3128.5920000000001</v>
      </c>
      <c r="VUH54" s="7">
        <f t="shared" si="1044"/>
        <v>3128.5920000000001</v>
      </c>
      <c r="VUI54" s="7">
        <f t="shared" si="1044"/>
        <v>3128.5920000000001</v>
      </c>
      <c r="VUJ54" s="7">
        <f t="shared" si="1044"/>
        <v>3128.5920000000001</v>
      </c>
      <c r="VUK54" s="7">
        <f t="shared" si="1044"/>
        <v>3128.5920000000001</v>
      </c>
      <c r="VUL54" s="7">
        <f t="shared" si="1044"/>
        <v>3128.5920000000001</v>
      </c>
      <c r="VUM54" s="7">
        <f t="shared" si="1044"/>
        <v>3128.5920000000001</v>
      </c>
      <c r="VUN54" s="7">
        <f t="shared" si="1044"/>
        <v>3128.5920000000001</v>
      </c>
      <c r="VUO54" s="7">
        <f t="shared" si="1044"/>
        <v>3128.5920000000001</v>
      </c>
      <c r="VUP54" s="7">
        <f t="shared" ref="VUP54:VXA54" si="1045">VUP49+VUO54</f>
        <v>3128.5920000000001</v>
      </c>
      <c r="VUQ54" s="7">
        <f t="shared" si="1045"/>
        <v>3128.5920000000001</v>
      </c>
      <c r="VUR54" s="7">
        <f t="shared" si="1045"/>
        <v>3128.5920000000001</v>
      </c>
      <c r="VUS54" s="7">
        <f t="shared" si="1045"/>
        <v>3128.5920000000001</v>
      </c>
      <c r="VUT54" s="7">
        <f t="shared" si="1045"/>
        <v>3128.5920000000001</v>
      </c>
      <c r="VUU54" s="7">
        <f t="shared" si="1045"/>
        <v>3128.5920000000001</v>
      </c>
      <c r="VUV54" s="7">
        <f t="shared" si="1045"/>
        <v>3128.5920000000001</v>
      </c>
      <c r="VUW54" s="7">
        <f t="shared" si="1045"/>
        <v>3128.5920000000001</v>
      </c>
      <c r="VUX54" s="7">
        <f t="shared" si="1045"/>
        <v>3128.5920000000001</v>
      </c>
      <c r="VUY54" s="7">
        <f t="shared" si="1045"/>
        <v>3128.5920000000001</v>
      </c>
      <c r="VUZ54" s="7">
        <f t="shared" si="1045"/>
        <v>3128.5920000000001</v>
      </c>
      <c r="VVA54" s="7">
        <f t="shared" si="1045"/>
        <v>3128.5920000000001</v>
      </c>
      <c r="VVB54" s="7">
        <f t="shared" si="1045"/>
        <v>3128.5920000000001</v>
      </c>
      <c r="VVC54" s="7">
        <f t="shared" si="1045"/>
        <v>3128.5920000000001</v>
      </c>
      <c r="VVD54" s="7">
        <f t="shared" si="1045"/>
        <v>3128.5920000000001</v>
      </c>
      <c r="VVE54" s="7">
        <f t="shared" si="1045"/>
        <v>3128.5920000000001</v>
      </c>
      <c r="VVF54" s="7">
        <f t="shared" si="1045"/>
        <v>3128.5920000000001</v>
      </c>
      <c r="VVG54" s="7">
        <f t="shared" si="1045"/>
        <v>3128.5920000000001</v>
      </c>
      <c r="VVH54" s="7">
        <f t="shared" si="1045"/>
        <v>3128.5920000000001</v>
      </c>
      <c r="VVI54" s="7">
        <f t="shared" si="1045"/>
        <v>3128.5920000000001</v>
      </c>
      <c r="VVJ54" s="7">
        <f t="shared" si="1045"/>
        <v>3128.5920000000001</v>
      </c>
      <c r="VVK54" s="7">
        <f t="shared" si="1045"/>
        <v>3128.5920000000001</v>
      </c>
      <c r="VVL54" s="7">
        <f t="shared" si="1045"/>
        <v>3128.5920000000001</v>
      </c>
      <c r="VVM54" s="7">
        <f t="shared" si="1045"/>
        <v>3128.5920000000001</v>
      </c>
      <c r="VVN54" s="7">
        <f t="shared" si="1045"/>
        <v>3128.5920000000001</v>
      </c>
      <c r="VVO54" s="7">
        <f t="shared" si="1045"/>
        <v>3128.5920000000001</v>
      </c>
      <c r="VVP54" s="7">
        <f t="shared" si="1045"/>
        <v>3128.5920000000001</v>
      </c>
      <c r="VVQ54" s="7">
        <f t="shared" si="1045"/>
        <v>3128.5920000000001</v>
      </c>
      <c r="VVR54" s="7">
        <f t="shared" si="1045"/>
        <v>3128.5920000000001</v>
      </c>
      <c r="VVS54" s="7">
        <f t="shared" si="1045"/>
        <v>3128.5920000000001</v>
      </c>
      <c r="VVT54" s="7">
        <f t="shared" si="1045"/>
        <v>3128.5920000000001</v>
      </c>
      <c r="VVU54" s="7">
        <f t="shared" si="1045"/>
        <v>3128.5920000000001</v>
      </c>
      <c r="VVV54" s="7">
        <f t="shared" si="1045"/>
        <v>3128.5920000000001</v>
      </c>
      <c r="VVW54" s="7">
        <f t="shared" si="1045"/>
        <v>3128.5920000000001</v>
      </c>
      <c r="VVX54" s="7">
        <f t="shared" si="1045"/>
        <v>3128.5920000000001</v>
      </c>
      <c r="VVY54" s="7">
        <f t="shared" si="1045"/>
        <v>3128.5920000000001</v>
      </c>
      <c r="VVZ54" s="7">
        <f t="shared" si="1045"/>
        <v>3128.5920000000001</v>
      </c>
      <c r="VWA54" s="7">
        <f t="shared" si="1045"/>
        <v>3128.5920000000001</v>
      </c>
      <c r="VWB54" s="7">
        <f t="shared" si="1045"/>
        <v>3128.5920000000001</v>
      </c>
      <c r="VWC54" s="7">
        <f t="shared" si="1045"/>
        <v>3128.5920000000001</v>
      </c>
      <c r="VWD54" s="7">
        <f t="shared" si="1045"/>
        <v>3128.5920000000001</v>
      </c>
      <c r="VWE54" s="7">
        <f t="shared" si="1045"/>
        <v>3128.5920000000001</v>
      </c>
      <c r="VWF54" s="7">
        <f t="shared" si="1045"/>
        <v>3128.5920000000001</v>
      </c>
      <c r="VWG54" s="7">
        <f t="shared" si="1045"/>
        <v>3128.5920000000001</v>
      </c>
      <c r="VWH54" s="7">
        <f t="shared" si="1045"/>
        <v>3128.5920000000001</v>
      </c>
      <c r="VWI54" s="7">
        <f t="shared" si="1045"/>
        <v>3128.5920000000001</v>
      </c>
      <c r="VWJ54" s="7">
        <f t="shared" si="1045"/>
        <v>3128.5920000000001</v>
      </c>
      <c r="VWK54" s="7">
        <f t="shared" si="1045"/>
        <v>3128.5920000000001</v>
      </c>
      <c r="VWL54" s="7">
        <f t="shared" si="1045"/>
        <v>3128.5920000000001</v>
      </c>
      <c r="VWM54" s="7">
        <f t="shared" si="1045"/>
        <v>3128.5920000000001</v>
      </c>
      <c r="VWN54" s="7">
        <f t="shared" si="1045"/>
        <v>3128.5920000000001</v>
      </c>
      <c r="VWO54" s="7">
        <f t="shared" si="1045"/>
        <v>3128.5920000000001</v>
      </c>
      <c r="VWP54" s="7">
        <f t="shared" si="1045"/>
        <v>3128.5920000000001</v>
      </c>
      <c r="VWQ54" s="7">
        <f t="shared" si="1045"/>
        <v>3128.5920000000001</v>
      </c>
      <c r="VWR54" s="7">
        <f t="shared" si="1045"/>
        <v>3128.5920000000001</v>
      </c>
      <c r="VWS54" s="7">
        <f t="shared" si="1045"/>
        <v>3128.5920000000001</v>
      </c>
      <c r="VWT54" s="7">
        <f t="shared" si="1045"/>
        <v>3128.5920000000001</v>
      </c>
      <c r="VWU54" s="7">
        <f t="shared" si="1045"/>
        <v>3128.5920000000001</v>
      </c>
      <c r="VWV54" s="7">
        <f t="shared" si="1045"/>
        <v>3128.5920000000001</v>
      </c>
      <c r="VWW54" s="7">
        <f t="shared" si="1045"/>
        <v>3128.5920000000001</v>
      </c>
      <c r="VWX54" s="7">
        <f t="shared" si="1045"/>
        <v>3128.5920000000001</v>
      </c>
      <c r="VWY54" s="7">
        <f t="shared" si="1045"/>
        <v>3128.5920000000001</v>
      </c>
      <c r="VWZ54" s="7">
        <f t="shared" si="1045"/>
        <v>3128.5920000000001</v>
      </c>
      <c r="VXA54" s="7">
        <f t="shared" si="1045"/>
        <v>3128.5920000000001</v>
      </c>
      <c r="VXB54" s="7">
        <f t="shared" ref="VXB54:VZM54" si="1046">VXB49+VXA54</f>
        <v>3128.5920000000001</v>
      </c>
      <c r="VXC54" s="7">
        <f t="shared" si="1046"/>
        <v>3128.5920000000001</v>
      </c>
      <c r="VXD54" s="7">
        <f t="shared" si="1046"/>
        <v>3128.5920000000001</v>
      </c>
      <c r="VXE54" s="7">
        <f t="shared" si="1046"/>
        <v>3128.5920000000001</v>
      </c>
      <c r="VXF54" s="7">
        <f t="shared" si="1046"/>
        <v>3128.5920000000001</v>
      </c>
      <c r="VXG54" s="7">
        <f t="shared" si="1046"/>
        <v>3128.5920000000001</v>
      </c>
      <c r="VXH54" s="7">
        <f t="shared" si="1046"/>
        <v>3128.5920000000001</v>
      </c>
      <c r="VXI54" s="7">
        <f t="shared" si="1046"/>
        <v>3128.5920000000001</v>
      </c>
      <c r="VXJ54" s="7">
        <f t="shared" si="1046"/>
        <v>3128.5920000000001</v>
      </c>
      <c r="VXK54" s="7">
        <f t="shared" si="1046"/>
        <v>3128.5920000000001</v>
      </c>
      <c r="VXL54" s="7">
        <f t="shared" si="1046"/>
        <v>3128.5920000000001</v>
      </c>
      <c r="VXM54" s="7">
        <f t="shared" si="1046"/>
        <v>3128.5920000000001</v>
      </c>
      <c r="VXN54" s="7">
        <f t="shared" si="1046"/>
        <v>3128.5920000000001</v>
      </c>
      <c r="VXO54" s="7">
        <f t="shared" si="1046"/>
        <v>3128.5920000000001</v>
      </c>
      <c r="VXP54" s="7">
        <f t="shared" si="1046"/>
        <v>3128.5920000000001</v>
      </c>
      <c r="VXQ54" s="7">
        <f t="shared" si="1046"/>
        <v>3128.5920000000001</v>
      </c>
      <c r="VXR54" s="7">
        <f t="shared" si="1046"/>
        <v>3128.5920000000001</v>
      </c>
      <c r="VXS54" s="7">
        <f t="shared" si="1046"/>
        <v>3128.5920000000001</v>
      </c>
      <c r="VXT54" s="7">
        <f t="shared" si="1046"/>
        <v>3128.5920000000001</v>
      </c>
      <c r="VXU54" s="7">
        <f t="shared" si="1046"/>
        <v>3128.5920000000001</v>
      </c>
      <c r="VXV54" s="7">
        <f t="shared" si="1046"/>
        <v>3128.5920000000001</v>
      </c>
      <c r="VXW54" s="7">
        <f t="shared" si="1046"/>
        <v>3128.5920000000001</v>
      </c>
      <c r="VXX54" s="7">
        <f t="shared" si="1046"/>
        <v>3128.5920000000001</v>
      </c>
      <c r="VXY54" s="7">
        <f t="shared" si="1046"/>
        <v>3128.5920000000001</v>
      </c>
      <c r="VXZ54" s="7">
        <f t="shared" si="1046"/>
        <v>3128.5920000000001</v>
      </c>
      <c r="VYA54" s="7">
        <f t="shared" si="1046"/>
        <v>3128.5920000000001</v>
      </c>
      <c r="VYB54" s="7">
        <f t="shared" si="1046"/>
        <v>3128.5920000000001</v>
      </c>
      <c r="VYC54" s="7">
        <f t="shared" si="1046"/>
        <v>3128.5920000000001</v>
      </c>
      <c r="VYD54" s="7">
        <f t="shared" si="1046"/>
        <v>3128.5920000000001</v>
      </c>
      <c r="VYE54" s="7">
        <f t="shared" si="1046"/>
        <v>3128.5920000000001</v>
      </c>
      <c r="VYF54" s="7">
        <f t="shared" si="1046"/>
        <v>3128.5920000000001</v>
      </c>
      <c r="VYG54" s="7">
        <f t="shared" si="1046"/>
        <v>3128.5920000000001</v>
      </c>
      <c r="VYH54" s="7">
        <f t="shared" si="1046"/>
        <v>3128.5920000000001</v>
      </c>
      <c r="VYI54" s="7">
        <f t="shared" si="1046"/>
        <v>3128.5920000000001</v>
      </c>
      <c r="VYJ54" s="7">
        <f t="shared" si="1046"/>
        <v>3128.5920000000001</v>
      </c>
      <c r="VYK54" s="7">
        <f t="shared" si="1046"/>
        <v>3128.5920000000001</v>
      </c>
      <c r="VYL54" s="7">
        <f t="shared" si="1046"/>
        <v>3128.5920000000001</v>
      </c>
      <c r="VYM54" s="7">
        <f t="shared" si="1046"/>
        <v>3128.5920000000001</v>
      </c>
      <c r="VYN54" s="7">
        <f t="shared" si="1046"/>
        <v>3128.5920000000001</v>
      </c>
      <c r="VYO54" s="7">
        <f t="shared" si="1046"/>
        <v>3128.5920000000001</v>
      </c>
      <c r="VYP54" s="7">
        <f t="shared" si="1046"/>
        <v>3128.5920000000001</v>
      </c>
      <c r="VYQ54" s="7">
        <f t="shared" si="1046"/>
        <v>3128.5920000000001</v>
      </c>
      <c r="VYR54" s="7">
        <f t="shared" si="1046"/>
        <v>3128.5920000000001</v>
      </c>
      <c r="VYS54" s="7">
        <f t="shared" si="1046"/>
        <v>3128.5920000000001</v>
      </c>
      <c r="VYT54" s="7">
        <f t="shared" si="1046"/>
        <v>3128.5920000000001</v>
      </c>
      <c r="VYU54" s="7">
        <f t="shared" si="1046"/>
        <v>3128.5920000000001</v>
      </c>
      <c r="VYV54" s="7">
        <f t="shared" si="1046"/>
        <v>3128.5920000000001</v>
      </c>
      <c r="VYW54" s="7">
        <f t="shared" si="1046"/>
        <v>3128.5920000000001</v>
      </c>
      <c r="VYX54" s="7">
        <f t="shared" si="1046"/>
        <v>3128.5920000000001</v>
      </c>
      <c r="VYY54" s="7">
        <f t="shared" si="1046"/>
        <v>3128.5920000000001</v>
      </c>
      <c r="VYZ54" s="7">
        <f t="shared" si="1046"/>
        <v>3128.5920000000001</v>
      </c>
      <c r="VZA54" s="7">
        <f t="shared" si="1046"/>
        <v>3128.5920000000001</v>
      </c>
      <c r="VZB54" s="7">
        <f t="shared" si="1046"/>
        <v>3128.5920000000001</v>
      </c>
      <c r="VZC54" s="7">
        <f t="shared" si="1046"/>
        <v>3128.5920000000001</v>
      </c>
      <c r="VZD54" s="7">
        <f t="shared" si="1046"/>
        <v>3128.5920000000001</v>
      </c>
      <c r="VZE54" s="7">
        <f t="shared" si="1046"/>
        <v>3128.5920000000001</v>
      </c>
      <c r="VZF54" s="7">
        <f t="shared" si="1046"/>
        <v>3128.5920000000001</v>
      </c>
      <c r="VZG54" s="7">
        <f t="shared" si="1046"/>
        <v>3128.5920000000001</v>
      </c>
      <c r="VZH54" s="7">
        <f t="shared" si="1046"/>
        <v>3128.5920000000001</v>
      </c>
      <c r="VZI54" s="7">
        <f t="shared" si="1046"/>
        <v>3128.5920000000001</v>
      </c>
      <c r="VZJ54" s="7">
        <f t="shared" si="1046"/>
        <v>3128.5920000000001</v>
      </c>
      <c r="VZK54" s="7">
        <f t="shared" si="1046"/>
        <v>3128.5920000000001</v>
      </c>
      <c r="VZL54" s="7">
        <f t="shared" si="1046"/>
        <v>3128.5920000000001</v>
      </c>
      <c r="VZM54" s="7">
        <f t="shared" si="1046"/>
        <v>3128.5920000000001</v>
      </c>
      <c r="VZN54" s="7">
        <f t="shared" ref="VZN54:WBY54" si="1047">VZN49+VZM54</f>
        <v>3128.5920000000001</v>
      </c>
      <c r="VZO54" s="7">
        <f t="shared" si="1047"/>
        <v>3128.5920000000001</v>
      </c>
      <c r="VZP54" s="7">
        <f t="shared" si="1047"/>
        <v>3128.5920000000001</v>
      </c>
      <c r="VZQ54" s="7">
        <f t="shared" si="1047"/>
        <v>3128.5920000000001</v>
      </c>
      <c r="VZR54" s="7">
        <f t="shared" si="1047"/>
        <v>3128.5920000000001</v>
      </c>
      <c r="VZS54" s="7">
        <f t="shared" si="1047"/>
        <v>3128.5920000000001</v>
      </c>
      <c r="VZT54" s="7">
        <f t="shared" si="1047"/>
        <v>3128.5920000000001</v>
      </c>
      <c r="VZU54" s="7">
        <f t="shared" si="1047"/>
        <v>3128.5920000000001</v>
      </c>
      <c r="VZV54" s="7">
        <f t="shared" si="1047"/>
        <v>3128.5920000000001</v>
      </c>
      <c r="VZW54" s="7">
        <f t="shared" si="1047"/>
        <v>3128.5920000000001</v>
      </c>
      <c r="VZX54" s="7">
        <f t="shared" si="1047"/>
        <v>3128.5920000000001</v>
      </c>
      <c r="VZY54" s="7">
        <f t="shared" si="1047"/>
        <v>3128.5920000000001</v>
      </c>
      <c r="VZZ54" s="7">
        <f t="shared" si="1047"/>
        <v>3128.5920000000001</v>
      </c>
      <c r="WAA54" s="7">
        <f t="shared" si="1047"/>
        <v>3128.5920000000001</v>
      </c>
      <c r="WAB54" s="7">
        <f t="shared" si="1047"/>
        <v>3128.5920000000001</v>
      </c>
      <c r="WAC54" s="7">
        <f t="shared" si="1047"/>
        <v>3128.5920000000001</v>
      </c>
      <c r="WAD54" s="7">
        <f t="shared" si="1047"/>
        <v>3128.5920000000001</v>
      </c>
      <c r="WAE54" s="7">
        <f t="shared" si="1047"/>
        <v>3128.5920000000001</v>
      </c>
      <c r="WAF54" s="7">
        <f t="shared" si="1047"/>
        <v>3128.5920000000001</v>
      </c>
      <c r="WAG54" s="7">
        <f t="shared" si="1047"/>
        <v>3128.5920000000001</v>
      </c>
      <c r="WAH54" s="7">
        <f t="shared" si="1047"/>
        <v>3128.5920000000001</v>
      </c>
      <c r="WAI54" s="7">
        <f t="shared" si="1047"/>
        <v>3128.5920000000001</v>
      </c>
      <c r="WAJ54" s="7">
        <f t="shared" si="1047"/>
        <v>3128.5920000000001</v>
      </c>
      <c r="WAK54" s="7">
        <f t="shared" si="1047"/>
        <v>3128.5920000000001</v>
      </c>
      <c r="WAL54" s="7">
        <f t="shared" si="1047"/>
        <v>3128.5920000000001</v>
      </c>
      <c r="WAM54" s="7">
        <f t="shared" si="1047"/>
        <v>3128.5920000000001</v>
      </c>
      <c r="WAN54" s="7">
        <f t="shared" si="1047"/>
        <v>3128.5920000000001</v>
      </c>
      <c r="WAO54" s="7">
        <f t="shared" si="1047"/>
        <v>3128.5920000000001</v>
      </c>
      <c r="WAP54" s="7">
        <f t="shared" si="1047"/>
        <v>3128.5920000000001</v>
      </c>
      <c r="WAQ54" s="7">
        <f t="shared" si="1047"/>
        <v>3128.5920000000001</v>
      </c>
      <c r="WAR54" s="7">
        <f t="shared" si="1047"/>
        <v>3128.5920000000001</v>
      </c>
      <c r="WAS54" s="7">
        <f t="shared" si="1047"/>
        <v>3128.5920000000001</v>
      </c>
      <c r="WAT54" s="7">
        <f t="shared" si="1047"/>
        <v>3128.5920000000001</v>
      </c>
      <c r="WAU54" s="7">
        <f t="shared" si="1047"/>
        <v>3128.5920000000001</v>
      </c>
      <c r="WAV54" s="7">
        <f t="shared" si="1047"/>
        <v>3128.5920000000001</v>
      </c>
      <c r="WAW54" s="7">
        <f t="shared" si="1047"/>
        <v>3128.5920000000001</v>
      </c>
      <c r="WAX54" s="7">
        <f t="shared" si="1047"/>
        <v>3128.5920000000001</v>
      </c>
      <c r="WAY54" s="7">
        <f t="shared" si="1047"/>
        <v>3128.5920000000001</v>
      </c>
      <c r="WAZ54" s="7">
        <f t="shared" si="1047"/>
        <v>3128.5920000000001</v>
      </c>
      <c r="WBA54" s="7">
        <f t="shared" si="1047"/>
        <v>3128.5920000000001</v>
      </c>
      <c r="WBB54" s="7">
        <f t="shared" si="1047"/>
        <v>3128.5920000000001</v>
      </c>
      <c r="WBC54" s="7">
        <f t="shared" si="1047"/>
        <v>3128.5920000000001</v>
      </c>
      <c r="WBD54" s="7">
        <f t="shared" si="1047"/>
        <v>3128.5920000000001</v>
      </c>
      <c r="WBE54" s="7">
        <f t="shared" si="1047"/>
        <v>3128.5920000000001</v>
      </c>
      <c r="WBF54" s="7">
        <f t="shared" si="1047"/>
        <v>3128.5920000000001</v>
      </c>
      <c r="WBG54" s="7">
        <f t="shared" si="1047"/>
        <v>3128.5920000000001</v>
      </c>
      <c r="WBH54" s="7">
        <f t="shared" si="1047"/>
        <v>3128.5920000000001</v>
      </c>
      <c r="WBI54" s="7">
        <f t="shared" si="1047"/>
        <v>3128.5920000000001</v>
      </c>
      <c r="WBJ54" s="7">
        <f t="shared" si="1047"/>
        <v>3128.5920000000001</v>
      </c>
      <c r="WBK54" s="7">
        <f t="shared" si="1047"/>
        <v>3128.5920000000001</v>
      </c>
      <c r="WBL54" s="7">
        <f t="shared" si="1047"/>
        <v>3128.5920000000001</v>
      </c>
      <c r="WBM54" s="7">
        <f t="shared" si="1047"/>
        <v>3128.5920000000001</v>
      </c>
      <c r="WBN54" s="7">
        <f t="shared" si="1047"/>
        <v>3128.5920000000001</v>
      </c>
      <c r="WBO54" s="7">
        <f t="shared" si="1047"/>
        <v>3128.5920000000001</v>
      </c>
      <c r="WBP54" s="7">
        <f t="shared" si="1047"/>
        <v>3128.5920000000001</v>
      </c>
      <c r="WBQ54" s="7">
        <f t="shared" si="1047"/>
        <v>3128.5920000000001</v>
      </c>
      <c r="WBR54" s="7">
        <f t="shared" si="1047"/>
        <v>3128.5920000000001</v>
      </c>
      <c r="WBS54" s="7">
        <f t="shared" si="1047"/>
        <v>3128.5920000000001</v>
      </c>
      <c r="WBT54" s="7">
        <f t="shared" si="1047"/>
        <v>3128.5920000000001</v>
      </c>
      <c r="WBU54" s="7">
        <f t="shared" si="1047"/>
        <v>3128.5920000000001</v>
      </c>
      <c r="WBV54" s="7">
        <f t="shared" si="1047"/>
        <v>3128.5920000000001</v>
      </c>
      <c r="WBW54" s="7">
        <f t="shared" si="1047"/>
        <v>3128.5920000000001</v>
      </c>
      <c r="WBX54" s="7">
        <f t="shared" si="1047"/>
        <v>3128.5920000000001</v>
      </c>
      <c r="WBY54" s="7">
        <f t="shared" si="1047"/>
        <v>3128.5920000000001</v>
      </c>
      <c r="WBZ54" s="7">
        <f t="shared" ref="WBZ54:WEK54" si="1048">WBZ49+WBY54</f>
        <v>3128.5920000000001</v>
      </c>
      <c r="WCA54" s="7">
        <f t="shared" si="1048"/>
        <v>3128.5920000000001</v>
      </c>
      <c r="WCB54" s="7">
        <f t="shared" si="1048"/>
        <v>3128.5920000000001</v>
      </c>
      <c r="WCC54" s="7">
        <f t="shared" si="1048"/>
        <v>3128.5920000000001</v>
      </c>
      <c r="WCD54" s="7">
        <f t="shared" si="1048"/>
        <v>3128.5920000000001</v>
      </c>
      <c r="WCE54" s="7">
        <f t="shared" si="1048"/>
        <v>3128.5920000000001</v>
      </c>
      <c r="WCF54" s="7">
        <f t="shared" si="1048"/>
        <v>3128.5920000000001</v>
      </c>
      <c r="WCG54" s="7">
        <f t="shared" si="1048"/>
        <v>3128.5920000000001</v>
      </c>
      <c r="WCH54" s="7">
        <f t="shared" si="1048"/>
        <v>3128.5920000000001</v>
      </c>
      <c r="WCI54" s="7">
        <f t="shared" si="1048"/>
        <v>3128.5920000000001</v>
      </c>
      <c r="WCJ54" s="7">
        <f t="shared" si="1048"/>
        <v>3128.5920000000001</v>
      </c>
      <c r="WCK54" s="7">
        <f t="shared" si="1048"/>
        <v>3128.5920000000001</v>
      </c>
      <c r="WCL54" s="7">
        <f t="shared" si="1048"/>
        <v>3128.5920000000001</v>
      </c>
      <c r="WCM54" s="7">
        <f t="shared" si="1048"/>
        <v>3128.5920000000001</v>
      </c>
      <c r="WCN54" s="7">
        <f t="shared" si="1048"/>
        <v>3128.5920000000001</v>
      </c>
      <c r="WCO54" s="7">
        <f t="shared" si="1048"/>
        <v>3128.5920000000001</v>
      </c>
      <c r="WCP54" s="7">
        <f t="shared" si="1048"/>
        <v>3128.5920000000001</v>
      </c>
      <c r="WCQ54" s="7">
        <f t="shared" si="1048"/>
        <v>3128.5920000000001</v>
      </c>
      <c r="WCR54" s="7">
        <f t="shared" si="1048"/>
        <v>3128.5920000000001</v>
      </c>
      <c r="WCS54" s="7">
        <f t="shared" si="1048"/>
        <v>3128.5920000000001</v>
      </c>
      <c r="WCT54" s="7">
        <f t="shared" si="1048"/>
        <v>3128.5920000000001</v>
      </c>
      <c r="WCU54" s="7">
        <f t="shared" si="1048"/>
        <v>3128.5920000000001</v>
      </c>
      <c r="WCV54" s="7">
        <f t="shared" si="1048"/>
        <v>3128.5920000000001</v>
      </c>
      <c r="WCW54" s="7">
        <f t="shared" si="1048"/>
        <v>3128.5920000000001</v>
      </c>
      <c r="WCX54" s="7">
        <f t="shared" si="1048"/>
        <v>3128.5920000000001</v>
      </c>
      <c r="WCY54" s="7">
        <f t="shared" si="1048"/>
        <v>3128.5920000000001</v>
      </c>
      <c r="WCZ54" s="7">
        <f t="shared" si="1048"/>
        <v>3128.5920000000001</v>
      </c>
      <c r="WDA54" s="7">
        <f t="shared" si="1048"/>
        <v>3128.5920000000001</v>
      </c>
      <c r="WDB54" s="7">
        <f t="shared" si="1048"/>
        <v>3128.5920000000001</v>
      </c>
      <c r="WDC54" s="7">
        <f t="shared" si="1048"/>
        <v>3128.5920000000001</v>
      </c>
      <c r="WDD54" s="7">
        <f t="shared" si="1048"/>
        <v>3128.5920000000001</v>
      </c>
      <c r="WDE54" s="7">
        <f t="shared" si="1048"/>
        <v>3128.5920000000001</v>
      </c>
      <c r="WDF54" s="7">
        <f t="shared" si="1048"/>
        <v>3128.5920000000001</v>
      </c>
      <c r="WDG54" s="7">
        <f t="shared" si="1048"/>
        <v>3128.5920000000001</v>
      </c>
      <c r="WDH54" s="7">
        <f t="shared" si="1048"/>
        <v>3128.5920000000001</v>
      </c>
      <c r="WDI54" s="7">
        <f t="shared" si="1048"/>
        <v>3128.5920000000001</v>
      </c>
      <c r="WDJ54" s="7">
        <f t="shared" si="1048"/>
        <v>3128.5920000000001</v>
      </c>
      <c r="WDK54" s="7">
        <f t="shared" si="1048"/>
        <v>3128.5920000000001</v>
      </c>
      <c r="WDL54" s="7">
        <f t="shared" si="1048"/>
        <v>3128.5920000000001</v>
      </c>
      <c r="WDM54" s="7">
        <f t="shared" si="1048"/>
        <v>3128.5920000000001</v>
      </c>
      <c r="WDN54" s="7">
        <f t="shared" si="1048"/>
        <v>3128.5920000000001</v>
      </c>
      <c r="WDO54" s="7">
        <f t="shared" si="1048"/>
        <v>3128.5920000000001</v>
      </c>
      <c r="WDP54" s="7">
        <f t="shared" si="1048"/>
        <v>3128.5920000000001</v>
      </c>
      <c r="WDQ54" s="7">
        <f t="shared" si="1048"/>
        <v>3128.5920000000001</v>
      </c>
      <c r="WDR54" s="7">
        <f t="shared" si="1048"/>
        <v>3128.5920000000001</v>
      </c>
      <c r="WDS54" s="7">
        <f t="shared" si="1048"/>
        <v>3128.5920000000001</v>
      </c>
      <c r="WDT54" s="7">
        <f t="shared" si="1048"/>
        <v>3128.5920000000001</v>
      </c>
      <c r="WDU54" s="7">
        <f t="shared" si="1048"/>
        <v>3128.5920000000001</v>
      </c>
      <c r="WDV54" s="7">
        <f t="shared" si="1048"/>
        <v>3128.5920000000001</v>
      </c>
      <c r="WDW54" s="7">
        <f t="shared" si="1048"/>
        <v>3128.5920000000001</v>
      </c>
      <c r="WDX54" s="7">
        <f t="shared" si="1048"/>
        <v>3128.5920000000001</v>
      </c>
      <c r="WDY54" s="7">
        <f t="shared" si="1048"/>
        <v>3128.5920000000001</v>
      </c>
      <c r="WDZ54" s="7">
        <f t="shared" si="1048"/>
        <v>3128.5920000000001</v>
      </c>
      <c r="WEA54" s="7">
        <f t="shared" si="1048"/>
        <v>3128.5920000000001</v>
      </c>
      <c r="WEB54" s="7">
        <f t="shared" si="1048"/>
        <v>3128.5920000000001</v>
      </c>
      <c r="WEC54" s="7">
        <f t="shared" si="1048"/>
        <v>3128.5920000000001</v>
      </c>
      <c r="WED54" s="7">
        <f t="shared" si="1048"/>
        <v>3128.5920000000001</v>
      </c>
      <c r="WEE54" s="7">
        <f t="shared" si="1048"/>
        <v>3128.5920000000001</v>
      </c>
      <c r="WEF54" s="7">
        <f t="shared" si="1048"/>
        <v>3128.5920000000001</v>
      </c>
      <c r="WEG54" s="7">
        <f t="shared" si="1048"/>
        <v>3128.5920000000001</v>
      </c>
      <c r="WEH54" s="7">
        <f t="shared" si="1048"/>
        <v>3128.5920000000001</v>
      </c>
      <c r="WEI54" s="7">
        <f t="shared" si="1048"/>
        <v>3128.5920000000001</v>
      </c>
      <c r="WEJ54" s="7">
        <f t="shared" si="1048"/>
        <v>3128.5920000000001</v>
      </c>
      <c r="WEK54" s="7">
        <f t="shared" si="1048"/>
        <v>3128.5920000000001</v>
      </c>
      <c r="WEL54" s="7">
        <f t="shared" ref="WEL54:WGW54" si="1049">WEL49+WEK54</f>
        <v>3128.5920000000001</v>
      </c>
      <c r="WEM54" s="7">
        <f t="shared" si="1049"/>
        <v>3128.5920000000001</v>
      </c>
      <c r="WEN54" s="7">
        <f t="shared" si="1049"/>
        <v>3128.5920000000001</v>
      </c>
      <c r="WEO54" s="7">
        <f t="shared" si="1049"/>
        <v>3128.5920000000001</v>
      </c>
      <c r="WEP54" s="7">
        <f t="shared" si="1049"/>
        <v>3128.5920000000001</v>
      </c>
      <c r="WEQ54" s="7">
        <f t="shared" si="1049"/>
        <v>3128.5920000000001</v>
      </c>
      <c r="WER54" s="7">
        <f t="shared" si="1049"/>
        <v>3128.5920000000001</v>
      </c>
      <c r="WES54" s="7">
        <f t="shared" si="1049"/>
        <v>3128.5920000000001</v>
      </c>
      <c r="WET54" s="7">
        <f t="shared" si="1049"/>
        <v>3128.5920000000001</v>
      </c>
      <c r="WEU54" s="7">
        <f t="shared" si="1049"/>
        <v>3128.5920000000001</v>
      </c>
      <c r="WEV54" s="7">
        <f t="shared" si="1049"/>
        <v>3128.5920000000001</v>
      </c>
      <c r="WEW54" s="7">
        <f t="shared" si="1049"/>
        <v>3128.5920000000001</v>
      </c>
      <c r="WEX54" s="7">
        <f t="shared" si="1049"/>
        <v>3128.5920000000001</v>
      </c>
      <c r="WEY54" s="7">
        <f t="shared" si="1049"/>
        <v>3128.5920000000001</v>
      </c>
      <c r="WEZ54" s="7">
        <f t="shared" si="1049"/>
        <v>3128.5920000000001</v>
      </c>
      <c r="WFA54" s="7">
        <f t="shared" si="1049"/>
        <v>3128.5920000000001</v>
      </c>
      <c r="WFB54" s="7">
        <f t="shared" si="1049"/>
        <v>3128.5920000000001</v>
      </c>
      <c r="WFC54" s="7">
        <f t="shared" si="1049"/>
        <v>3128.5920000000001</v>
      </c>
      <c r="WFD54" s="7">
        <f t="shared" si="1049"/>
        <v>3128.5920000000001</v>
      </c>
      <c r="WFE54" s="7">
        <f t="shared" si="1049"/>
        <v>3128.5920000000001</v>
      </c>
      <c r="WFF54" s="7">
        <f t="shared" si="1049"/>
        <v>3128.5920000000001</v>
      </c>
      <c r="WFG54" s="7">
        <f t="shared" si="1049"/>
        <v>3128.5920000000001</v>
      </c>
      <c r="WFH54" s="7">
        <f t="shared" si="1049"/>
        <v>3128.5920000000001</v>
      </c>
      <c r="WFI54" s="7">
        <f t="shared" si="1049"/>
        <v>3128.5920000000001</v>
      </c>
      <c r="WFJ54" s="7">
        <f t="shared" si="1049"/>
        <v>3128.5920000000001</v>
      </c>
      <c r="WFK54" s="7">
        <f t="shared" si="1049"/>
        <v>3128.5920000000001</v>
      </c>
      <c r="WFL54" s="7">
        <f t="shared" si="1049"/>
        <v>3128.5920000000001</v>
      </c>
      <c r="WFM54" s="7">
        <f t="shared" si="1049"/>
        <v>3128.5920000000001</v>
      </c>
      <c r="WFN54" s="7">
        <f t="shared" si="1049"/>
        <v>3128.5920000000001</v>
      </c>
      <c r="WFO54" s="7">
        <f t="shared" si="1049"/>
        <v>3128.5920000000001</v>
      </c>
      <c r="WFP54" s="7">
        <f t="shared" si="1049"/>
        <v>3128.5920000000001</v>
      </c>
      <c r="WFQ54" s="7">
        <f t="shared" si="1049"/>
        <v>3128.5920000000001</v>
      </c>
      <c r="WFR54" s="7">
        <f t="shared" si="1049"/>
        <v>3128.5920000000001</v>
      </c>
      <c r="WFS54" s="7">
        <f t="shared" si="1049"/>
        <v>3128.5920000000001</v>
      </c>
      <c r="WFT54" s="7">
        <f t="shared" si="1049"/>
        <v>3128.5920000000001</v>
      </c>
      <c r="WFU54" s="7">
        <f t="shared" si="1049"/>
        <v>3128.5920000000001</v>
      </c>
      <c r="WFV54" s="7">
        <f t="shared" si="1049"/>
        <v>3128.5920000000001</v>
      </c>
      <c r="WFW54" s="7">
        <f t="shared" si="1049"/>
        <v>3128.5920000000001</v>
      </c>
      <c r="WFX54" s="7">
        <f t="shared" si="1049"/>
        <v>3128.5920000000001</v>
      </c>
      <c r="WFY54" s="7">
        <f t="shared" si="1049"/>
        <v>3128.5920000000001</v>
      </c>
      <c r="WFZ54" s="7">
        <f t="shared" si="1049"/>
        <v>3128.5920000000001</v>
      </c>
      <c r="WGA54" s="7">
        <f t="shared" si="1049"/>
        <v>3128.5920000000001</v>
      </c>
      <c r="WGB54" s="7">
        <f t="shared" si="1049"/>
        <v>3128.5920000000001</v>
      </c>
      <c r="WGC54" s="7">
        <f t="shared" si="1049"/>
        <v>3128.5920000000001</v>
      </c>
      <c r="WGD54" s="7">
        <f t="shared" si="1049"/>
        <v>3128.5920000000001</v>
      </c>
      <c r="WGE54" s="7">
        <f t="shared" si="1049"/>
        <v>3128.5920000000001</v>
      </c>
      <c r="WGF54" s="7">
        <f t="shared" si="1049"/>
        <v>3128.5920000000001</v>
      </c>
      <c r="WGG54" s="7">
        <f t="shared" si="1049"/>
        <v>3128.5920000000001</v>
      </c>
      <c r="WGH54" s="7">
        <f t="shared" si="1049"/>
        <v>3128.5920000000001</v>
      </c>
      <c r="WGI54" s="7">
        <f t="shared" si="1049"/>
        <v>3128.5920000000001</v>
      </c>
      <c r="WGJ54" s="7">
        <f t="shared" si="1049"/>
        <v>3128.5920000000001</v>
      </c>
      <c r="WGK54" s="7">
        <f t="shared" si="1049"/>
        <v>3128.5920000000001</v>
      </c>
      <c r="WGL54" s="7">
        <f t="shared" si="1049"/>
        <v>3128.5920000000001</v>
      </c>
      <c r="WGM54" s="7">
        <f t="shared" si="1049"/>
        <v>3128.5920000000001</v>
      </c>
      <c r="WGN54" s="7">
        <f t="shared" si="1049"/>
        <v>3128.5920000000001</v>
      </c>
      <c r="WGO54" s="7">
        <f t="shared" si="1049"/>
        <v>3128.5920000000001</v>
      </c>
      <c r="WGP54" s="7">
        <f t="shared" si="1049"/>
        <v>3128.5920000000001</v>
      </c>
      <c r="WGQ54" s="7">
        <f t="shared" si="1049"/>
        <v>3128.5920000000001</v>
      </c>
      <c r="WGR54" s="7">
        <f t="shared" si="1049"/>
        <v>3128.5920000000001</v>
      </c>
      <c r="WGS54" s="7">
        <f t="shared" si="1049"/>
        <v>3128.5920000000001</v>
      </c>
      <c r="WGT54" s="7">
        <f t="shared" si="1049"/>
        <v>3128.5920000000001</v>
      </c>
      <c r="WGU54" s="7">
        <f t="shared" si="1049"/>
        <v>3128.5920000000001</v>
      </c>
      <c r="WGV54" s="7">
        <f t="shared" si="1049"/>
        <v>3128.5920000000001</v>
      </c>
      <c r="WGW54" s="7">
        <f t="shared" si="1049"/>
        <v>3128.5920000000001</v>
      </c>
      <c r="WGX54" s="7">
        <f t="shared" ref="WGX54:WJI54" si="1050">WGX49+WGW54</f>
        <v>3128.5920000000001</v>
      </c>
      <c r="WGY54" s="7">
        <f t="shared" si="1050"/>
        <v>3128.5920000000001</v>
      </c>
      <c r="WGZ54" s="7">
        <f t="shared" si="1050"/>
        <v>3128.5920000000001</v>
      </c>
      <c r="WHA54" s="7">
        <f t="shared" si="1050"/>
        <v>3128.5920000000001</v>
      </c>
      <c r="WHB54" s="7">
        <f t="shared" si="1050"/>
        <v>3128.5920000000001</v>
      </c>
      <c r="WHC54" s="7">
        <f t="shared" si="1050"/>
        <v>3128.5920000000001</v>
      </c>
      <c r="WHD54" s="7">
        <f t="shared" si="1050"/>
        <v>3128.5920000000001</v>
      </c>
      <c r="WHE54" s="7">
        <f t="shared" si="1050"/>
        <v>3128.5920000000001</v>
      </c>
      <c r="WHF54" s="7">
        <f t="shared" si="1050"/>
        <v>3128.5920000000001</v>
      </c>
      <c r="WHG54" s="7">
        <f t="shared" si="1050"/>
        <v>3128.5920000000001</v>
      </c>
      <c r="WHH54" s="7">
        <f t="shared" si="1050"/>
        <v>3128.5920000000001</v>
      </c>
      <c r="WHI54" s="7">
        <f t="shared" si="1050"/>
        <v>3128.5920000000001</v>
      </c>
      <c r="WHJ54" s="7">
        <f t="shared" si="1050"/>
        <v>3128.5920000000001</v>
      </c>
      <c r="WHK54" s="7">
        <f t="shared" si="1050"/>
        <v>3128.5920000000001</v>
      </c>
      <c r="WHL54" s="7">
        <f t="shared" si="1050"/>
        <v>3128.5920000000001</v>
      </c>
      <c r="WHM54" s="7">
        <f t="shared" si="1050"/>
        <v>3128.5920000000001</v>
      </c>
      <c r="WHN54" s="7">
        <f t="shared" si="1050"/>
        <v>3128.5920000000001</v>
      </c>
      <c r="WHO54" s="7">
        <f t="shared" si="1050"/>
        <v>3128.5920000000001</v>
      </c>
      <c r="WHP54" s="7">
        <f t="shared" si="1050"/>
        <v>3128.5920000000001</v>
      </c>
      <c r="WHQ54" s="7">
        <f t="shared" si="1050"/>
        <v>3128.5920000000001</v>
      </c>
      <c r="WHR54" s="7">
        <f t="shared" si="1050"/>
        <v>3128.5920000000001</v>
      </c>
      <c r="WHS54" s="7">
        <f t="shared" si="1050"/>
        <v>3128.5920000000001</v>
      </c>
      <c r="WHT54" s="7">
        <f t="shared" si="1050"/>
        <v>3128.5920000000001</v>
      </c>
      <c r="WHU54" s="7">
        <f t="shared" si="1050"/>
        <v>3128.5920000000001</v>
      </c>
      <c r="WHV54" s="7">
        <f t="shared" si="1050"/>
        <v>3128.5920000000001</v>
      </c>
      <c r="WHW54" s="7">
        <f t="shared" si="1050"/>
        <v>3128.5920000000001</v>
      </c>
      <c r="WHX54" s="7">
        <f t="shared" si="1050"/>
        <v>3128.5920000000001</v>
      </c>
      <c r="WHY54" s="7">
        <f t="shared" si="1050"/>
        <v>3128.5920000000001</v>
      </c>
      <c r="WHZ54" s="7">
        <f t="shared" si="1050"/>
        <v>3128.5920000000001</v>
      </c>
      <c r="WIA54" s="7">
        <f t="shared" si="1050"/>
        <v>3128.5920000000001</v>
      </c>
      <c r="WIB54" s="7">
        <f t="shared" si="1050"/>
        <v>3128.5920000000001</v>
      </c>
      <c r="WIC54" s="7">
        <f t="shared" si="1050"/>
        <v>3128.5920000000001</v>
      </c>
      <c r="WID54" s="7">
        <f t="shared" si="1050"/>
        <v>3128.5920000000001</v>
      </c>
      <c r="WIE54" s="7">
        <f t="shared" si="1050"/>
        <v>3128.5920000000001</v>
      </c>
      <c r="WIF54" s="7">
        <f t="shared" si="1050"/>
        <v>3128.5920000000001</v>
      </c>
      <c r="WIG54" s="7">
        <f t="shared" si="1050"/>
        <v>3128.5920000000001</v>
      </c>
      <c r="WIH54" s="7">
        <f t="shared" si="1050"/>
        <v>3128.5920000000001</v>
      </c>
      <c r="WII54" s="7">
        <f t="shared" si="1050"/>
        <v>3128.5920000000001</v>
      </c>
      <c r="WIJ54" s="7">
        <f t="shared" si="1050"/>
        <v>3128.5920000000001</v>
      </c>
      <c r="WIK54" s="7">
        <f t="shared" si="1050"/>
        <v>3128.5920000000001</v>
      </c>
      <c r="WIL54" s="7">
        <f t="shared" si="1050"/>
        <v>3128.5920000000001</v>
      </c>
      <c r="WIM54" s="7">
        <f t="shared" si="1050"/>
        <v>3128.5920000000001</v>
      </c>
      <c r="WIN54" s="7">
        <f t="shared" si="1050"/>
        <v>3128.5920000000001</v>
      </c>
      <c r="WIO54" s="7">
        <f t="shared" si="1050"/>
        <v>3128.5920000000001</v>
      </c>
      <c r="WIP54" s="7">
        <f t="shared" si="1050"/>
        <v>3128.5920000000001</v>
      </c>
      <c r="WIQ54" s="7">
        <f t="shared" si="1050"/>
        <v>3128.5920000000001</v>
      </c>
      <c r="WIR54" s="7">
        <f t="shared" si="1050"/>
        <v>3128.5920000000001</v>
      </c>
      <c r="WIS54" s="7">
        <f t="shared" si="1050"/>
        <v>3128.5920000000001</v>
      </c>
      <c r="WIT54" s="7">
        <f t="shared" si="1050"/>
        <v>3128.5920000000001</v>
      </c>
      <c r="WIU54" s="7">
        <f t="shared" si="1050"/>
        <v>3128.5920000000001</v>
      </c>
      <c r="WIV54" s="7">
        <f t="shared" si="1050"/>
        <v>3128.5920000000001</v>
      </c>
      <c r="WIW54" s="7">
        <f t="shared" si="1050"/>
        <v>3128.5920000000001</v>
      </c>
      <c r="WIX54" s="7">
        <f t="shared" si="1050"/>
        <v>3128.5920000000001</v>
      </c>
      <c r="WIY54" s="7">
        <f t="shared" si="1050"/>
        <v>3128.5920000000001</v>
      </c>
      <c r="WIZ54" s="7">
        <f t="shared" si="1050"/>
        <v>3128.5920000000001</v>
      </c>
      <c r="WJA54" s="7">
        <f t="shared" si="1050"/>
        <v>3128.5920000000001</v>
      </c>
      <c r="WJB54" s="7">
        <f t="shared" si="1050"/>
        <v>3128.5920000000001</v>
      </c>
      <c r="WJC54" s="7">
        <f t="shared" si="1050"/>
        <v>3128.5920000000001</v>
      </c>
      <c r="WJD54" s="7">
        <f t="shared" si="1050"/>
        <v>3128.5920000000001</v>
      </c>
      <c r="WJE54" s="7">
        <f t="shared" si="1050"/>
        <v>3128.5920000000001</v>
      </c>
      <c r="WJF54" s="7">
        <f t="shared" si="1050"/>
        <v>3128.5920000000001</v>
      </c>
      <c r="WJG54" s="7">
        <f t="shared" si="1050"/>
        <v>3128.5920000000001</v>
      </c>
      <c r="WJH54" s="7">
        <f t="shared" si="1050"/>
        <v>3128.5920000000001</v>
      </c>
      <c r="WJI54" s="7">
        <f t="shared" si="1050"/>
        <v>3128.5920000000001</v>
      </c>
      <c r="WJJ54" s="7">
        <f t="shared" ref="WJJ54:WLU54" si="1051">WJJ49+WJI54</f>
        <v>3128.5920000000001</v>
      </c>
      <c r="WJK54" s="7">
        <f t="shared" si="1051"/>
        <v>3128.5920000000001</v>
      </c>
      <c r="WJL54" s="7">
        <f t="shared" si="1051"/>
        <v>3128.5920000000001</v>
      </c>
      <c r="WJM54" s="7">
        <f t="shared" si="1051"/>
        <v>3128.5920000000001</v>
      </c>
      <c r="WJN54" s="7">
        <f t="shared" si="1051"/>
        <v>3128.5920000000001</v>
      </c>
      <c r="WJO54" s="7">
        <f t="shared" si="1051"/>
        <v>3128.5920000000001</v>
      </c>
      <c r="WJP54" s="7">
        <f t="shared" si="1051"/>
        <v>3128.5920000000001</v>
      </c>
      <c r="WJQ54" s="7">
        <f t="shared" si="1051"/>
        <v>3128.5920000000001</v>
      </c>
      <c r="WJR54" s="7">
        <f t="shared" si="1051"/>
        <v>3128.5920000000001</v>
      </c>
      <c r="WJS54" s="7">
        <f t="shared" si="1051"/>
        <v>3128.5920000000001</v>
      </c>
      <c r="WJT54" s="7">
        <f t="shared" si="1051"/>
        <v>3128.5920000000001</v>
      </c>
      <c r="WJU54" s="7">
        <f t="shared" si="1051"/>
        <v>3128.5920000000001</v>
      </c>
      <c r="WJV54" s="7">
        <f t="shared" si="1051"/>
        <v>3128.5920000000001</v>
      </c>
      <c r="WJW54" s="7">
        <f t="shared" si="1051"/>
        <v>3128.5920000000001</v>
      </c>
      <c r="WJX54" s="7">
        <f t="shared" si="1051"/>
        <v>3128.5920000000001</v>
      </c>
      <c r="WJY54" s="7">
        <f t="shared" si="1051"/>
        <v>3128.5920000000001</v>
      </c>
      <c r="WJZ54" s="7">
        <f t="shared" si="1051"/>
        <v>3128.5920000000001</v>
      </c>
      <c r="WKA54" s="7">
        <f t="shared" si="1051"/>
        <v>3128.5920000000001</v>
      </c>
      <c r="WKB54" s="7">
        <f t="shared" si="1051"/>
        <v>3128.5920000000001</v>
      </c>
      <c r="WKC54" s="7">
        <f t="shared" si="1051"/>
        <v>3128.5920000000001</v>
      </c>
      <c r="WKD54" s="7">
        <f t="shared" si="1051"/>
        <v>3128.5920000000001</v>
      </c>
      <c r="WKE54" s="7">
        <f t="shared" si="1051"/>
        <v>3128.5920000000001</v>
      </c>
      <c r="WKF54" s="7">
        <f t="shared" si="1051"/>
        <v>3128.5920000000001</v>
      </c>
      <c r="WKG54" s="7">
        <f t="shared" si="1051"/>
        <v>3128.5920000000001</v>
      </c>
      <c r="WKH54" s="7">
        <f t="shared" si="1051"/>
        <v>3128.5920000000001</v>
      </c>
      <c r="WKI54" s="7">
        <f t="shared" si="1051"/>
        <v>3128.5920000000001</v>
      </c>
      <c r="WKJ54" s="7">
        <f t="shared" si="1051"/>
        <v>3128.5920000000001</v>
      </c>
      <c r="WKK54" s="7">
        <f t="shared" si="1051"/>
        <v>3128.5920000000001</v>
      </c>
      <c r="WKL54" s="7">
        <f t="shared" si="1051"/>
        <v>3128.5920000000001</v>
      </c>
      <c r="WKM54" s="7">
        <f t="shared" si="1051"/>
        <v>3128.5920000000001</v>
      </c>
      <c r="WKN54" s="7">
        <f t="shared" si="1051"/>
        <v>3128.5920000000001</v>
      </c>
      <c r="WKO54" s="7">
        <f t="shared" si="1051"/>
        <v>3128.5920000000001</v>
      </c>
      <c r="WKP54" s="7">
        <f t="shared" si="1051"/>
        <v>3128.5920000000001</v>
      </c>
      <c r="WKQ54" s="7">
        <f t="shared" si="1051"/>
        <v>3128.5920000000001</v>
      </c>
      <c r="WKR54" s="7">
        <f t="shared" si="1051"/>
        <v>3128.5920000000001</v>
      </c>
      <c r="WKS54" s="7">
        <f t="shared" si="1051"/>
        <v>3128.5920000000001</v>
      </c>
      <c r="WKT54" s="7">
        <f t="shared" si="1051"/>
        <v>3128.5920000000001</v>
      </c>
      <c r="WKU54" s="7">
        <f t="shared" si="1051"/>
        <v>3128.5920000000001</v>
      </c>
      <c r="WKV54" s="7">
        <f t="shared" si="1051"/>
        <v>3128.5920000000001</v>
      </c>
      <c r="WKW54" s="7">
        <f t="shared" si="1051"/>
        <v>3128.5920000000001</v>
      </c>
      <c r="WKX54" s="7">
        <f t="shared" si="1051"/>
        <v>3128.5920000000001</v>
      </c>
      <c r="WKY54" s="7">
        <f t="shared" si="1051"/>
        <v>3128.5920000000001</v>
      </c>
      <c r="WKZ54" s="7">
        <f t="shared" si="1051"/>
        <v>3128.5920000000001</v>
      </c>
      <c r="WLA54" s="7">
        <f t="shared" si="1051"/>
        <v>3128.5920000000001</v>
      </c>
      <c r="WLB54" s="7">
        <f t="shared" si="1051"/>
        <v>3128.5920000000001</v>
      </c>
      <c r="WLC54" s="7">
        <f t="shared" si="1051"/>
        <v>3128.5920000000001</v>
      </c>
      <c r="WLD54" s="7">
        <f t="shared" si="1051"/>
        <v>3128.5920000000001</v>
      </c>
      <c r="WLE54" s="7">
        <f t="shared" si="1051"/>
        <v>3128.5920000000001</v>
      </c>
      <c r="WLF54" s="7">
        <f t="shared" si="1051"/>
        <v>3128.5920000000001</v>
      </c>
      <c r="WLG54" s="7">
        <f t="shared" si="1051"/>
        <v>3128.5920000000001</v>
      </c>
      <c r="WLH54" s="7">
        <f t="shared" si="1051"/>
        <v>3128.5920000000001</v>
      </c>
      <c r="WLI54" s="7">
        <f t="shared" si="1051"/>
        <v>3128.5920000000001</v>
      </c>
      <c r="WLJ54" s="7">
        <f t="shared" si="1051"/>
        <v>3128.5920000000001</v>
      </c>
      <c r="WLK54" s="7">
        <f t="shared" si="1051"/>
        <v>3128.5920000000001</v>
      </c>
      <c r="WLL54" s="7">
        <f t="shared" si="1051"/>
        <v>3128.5920000000001</v>
      </c>
      <c r="WLM54" s="7">
        <f t="shared" si="1051"/>
        <v>3128.5920000000001</v>
      </c>
      <c r="WLN54" s="7">
        <f t="shared" si="1051"/>
        <v>3128.5920000000001</v>
      </c>
      <c r="WLO54" s="7">
        <f t="shared" si="1051"/>
        <v>3128.5920000000001</v>
      </c>
      <c r="WLP54" s="7">
        <f t="shared" si="1051"/>
        <v>3128.5920000000001</v>
      </c>
      <c r="WLQ54" s="7">
        <f t="shared" si="1051"/>
        <v>3128.5920000000001</v>
      </c>
      <c r="WLR54" s="7">
        <f t="shared" si="1051"/>
        <v>3128.5920000000001</v>
      </c>
      <c r="WLS54" s="7">
        <f t="shared" si="1051"/>
        <v>3128.5920000000001</v>
      </c>
      <c r="WLT54" s="7">
        <f t="shared" si="1051"/>
        <v>3128.5920000000001</v>
      </c>
      <c r="WLU54" s="7">
        <f t="shared" si="1051"/>
        <v>3128.5920000000001</v>
      </c>
      <c r="WLV54" s="7">
        <f t="shared" ref="WLV54:WOG54" si="1052">WLV49+WLU54</f>
        <v>3128.5920000000001</v>
      </c>
      <c r="WLW54" s="7">
        <f t="shared" si="1052"/>
        <v>3128.5920000000001</v>
      </c>
      <c r="WLX54" s="7">
        <f t="shared" si="1052"/>
        <v>3128.5920000000001</v>
      </c>
      <c r="WLY54" s="7">
        <f t="shared" si="1052"/>
        <v>3128.5920000000001</v>
      </c>
      <c r="WLZ54" s="7">
        <f t="shared" si="1052"/>
        <v>3128.5920000000001</v>
      </c>
      <c r="WMA54" s="7">
        <f t="shared" si="1052"/>
        <v>3128.5920000000001</v>
      </c>
      <c r="WMB54" s="7">
        <f t="shared" si="1052"/>
        <v>3128.5920000000001</v>
      </c>
      <c r="WMC54" s="7">
        <f t="shared" si="1052"/>
        <v>3128.5920000000001</v>
      </c>
      <c r="WMD54" s="7">
        <f t="shared" si="1052"/>
        <v>3128.5920000000001</v>
      </c>
      <c r="WME54" s="7">
        <f t="shared" si="1052"/>
        <v>3128.5920000000001</v>
      </c>
      <c r="WMF54" s="7">
        <f t="shared" si="1052"/>
        <v>3128.5920000000001</v>
      </c>
      <c r="WMG54" s="7">
        <f t="shared" si="1052"/>
        <v>3128.5920000000001</v>
      </c>
      <c r="WMH54" s="7">
        <f t="shared" si="1052"/>
        <v>3128.5920000000001</v>
      </c>
      <c r="WMI54" s="7">
        <f t="shared" si="1052"/>
        <v>3128.5920000000001</v>
      </c>
      <c r="WMJ54" s="7">
        <f t="shared" si="1052"/>
        <v>3128.5920000000001</v>
      </c>
      <c r="WMK54" s="7">
        <f t="shared" si="1052"/>
        <v>3128.5920000000001</v>
      </c>
      <c r="WML54" s="7">
        <f t="shared" si="1052"/>
        <v>3128.5920000000001</v>
      </c>
      <c r="WMM54" s="7">
        <f t="shared" si="1052"/>
        <v>3128.5920000000001</v>
      </c>
      <c r="WMN54" s="7">
        <f t="shared" si="1052"/>
        <v>3128.5920000000001</v>
      </c>
      <c r="WMO54" s="7">
        <f t="shared" si="1052"/>
        <v>3128.5920000000001</v>
      </c>
      <c r="WMP54" s="7">
        <f t="shared" si="1052"/>
        <v>3128.5920000000001</v>
      </c>
      <c r="WMQ54" s="7">
        <f t="shared" si="1052"/>
        <v>3128.5920000000001</v>
      </c>
      <c r="WMR54" s="7">
        <f t="shared" si="1052"/>
        <v>3128.5920000000001</v>
      </c>
      <c r="WMS54" s="7">
        <f t="shared" si="1052"/>
        <v>3128.5920000000001</v>
      </c>
      <c r="WMT54" s="7">
        <f t="shared" si="1052"/>
        <v>3128.5920000000001</v>
      </c>
      <c r="WMU54" s="7">
        <f t="shared" si="1052"/>
        <v>3128.5920000000001</v>
      </c>
      <c r="WMV54" s="7">
        <f t="shared" si="1052"/>
        <v>3128.5920000000001</v>
      </c>
      <c r="WMW54" s="7">
        <f t="shared" si="1052"/>
        <v>3128.5920000000001</v>
      </c>
      <c r="WMX54" s="7">
        <f t="shared" si="1052"/>
        <v>3128.5920000000001</v>
      </c>
      <c r="WMY54" s="7">
        <f t="shared" si="1052"/>
        <v>3128.5920000000001</v>
      </c>
      <c r="WMZ54" s="7">
        <f t="shared" si="1052"/>
        <v>3128.5920000000001</v>
      </c>
      <c r="WNA54" s="7">
        <f t="shared" si="1052"/>
        <v>3128.5920000000001</v>
      </c>
      <c r="WNB54" s="7">
        <f t="shared" si="1052"/>
        <v>3128.5920000000001</v>
      </c>
      <c r="WNC54" s="7">
        <f t="shared" si="1052"/>
        <v>3128.5920000000001</v>
      </c>
      <c r="WND54" s="7">
        <f t="shared" si="1052"/>
        <v>3128.5920000000001</v>
      </c>
      <c r="WNE54" s="7">
        <f t="shared" si="1052"/>
        <v>3128.5920000000001</v>
      </c>
      <c r="WNF54" s="7">
        <f t="shared" si="1052"/>
        <v>3128.5920000000001</v>
      </c>
      <c r="WNG54" s="7">
        <f t="shared" si="1052"/>
        <v>3128.5920000000001</v>
      </c>
      <c r="WNH54" s="7">
        <f t="shared" si="1052"/>
        <v>3128.5920000000001</v>
      </c>
      <c r="WNI54" s="7">
        <f t="shared" si="1052"/>
        <v>3128.5920000000001</v>
      </c>
      <c r="WNJ54" s="7">
        <f t="shared" si="1052"/>
        <v>3128.5920000000001</v>
      </c>
      <c r="WNK54" s="7">
        <f t="shared" si="1052"/>
        <v>3128.5920000000001</v>
      </c>
      <c r="WNL54" s="7">
        <f t="shared" si="1052"/>
        <v>3128.5920000000001</v>
      </c>
      <c r="WNM54" s="7">
        <f t="shared" si="1052"/>
        <v>3128.5920000000001</v>
      </c>
      <c r="WNN54" s="7">
        <f t="shared" si="1052"/>
        <v>3128.5920000000001</v>
      </c>
      <c r="WNO54" s="7">
        <f t="shared" si="1052"/>
        <v>3128.5920000000001</v>
      </c>
      <c r="WNP54" s="7">
        <f t="shared" si="1052"/>
        <v>3128.5920000000001</v>
      </c>
      <c r="WNQ54" s="7">
        <f t="shared" si="1052"/>
        <v>3128.5920000000001</v>
      </c>
      <c r="WNR54" s="7">
        <f t="shared" si="1052"/>
        <v>3128.5920000000001</v>
      </c>
      <c r="WNS54" s="7">
        <f t="shared" si="1052"/>
        <v>3128.5920000000001</v>
      </c>
      <c r="WNT54" s="7">
        <f t="shared" si="1052"/>
        <v>3128.5920000000001</v>
      </c>
      <c r="WNU54" s="7">
        <f t="shared" si="1052"/>
        <v>3128.5920000000001</v>
      </c>
      <c r="WNV54" s="7">
        <f t="shared" si="1052"/>
        <v>3128.5920000000001</v>
      </c>
      <c r="WNW54" s="7">
        <f t="shared" si="1052"/>
        <v>3128.5920000000001</v>
      </c>
      <c r="WNX54" s="7">
        <f t="shared" si="1052"/>
        <v>3128.5920000000001</v>
      </c>
      <c r="WNY54" s="7">
        <f t="shared" si="1052"/>
        <v>3128.5920000000001</v>
      </c>
      <c r="WNZ54" s="7">
        <f t="shared" si="1052"/>
        <v>3128.5920000000001</v>
      </c>
      <c r="WOA54" s="7">
        <f t="shared" si="1052"/>
        <v>3128.5920000000001</v>
      </c>
      <c r="WOB54" s="7">
        <f t="shared" si="1052"/>
        <v>3128.5920000000001</v>
      </c>
      <c r="WOC54" s="7">
        <f t="shared" si="1052"/>
        <v>3128.5920000000001</v>
      </c>
      <c r="WOD54" s="7">
        <f t="shared" si="1052"/>
        <v>3128.5920000000001</v>
      </c>
      <c r="WOE54" s="7">
        <f t="shared" si="1052"/>
        <v>3128.5920000000001</v>
      </c>
      <c r="WOF54" s="7">
        <f t="shared" si="1052"/>
        <v>3128.5920000000001</v>
      </c>
      <c r="WOG54" s="7">
        <f t="shared" si="1052"/>
        <v>3128.5920000000001</v>
      </c>
      <c r="WOH54" s="7">
        <f t="shared" ref="WOH54:WQS54" si="1053">WOH49+WOG54</f>
        <v>3128.5920000000001</v>
      </c>
      <c r="WOI54" s="7">
        <f t="shared" si="1053"/>
        <v>3128.5920000000001</v>
      </c>
      <c r="WOJ54" s="7">
        <f t="shared" si="1053"/>
        <v>3128.5920000000001</v>
      </c>
      <c r="WOK54" s="7">
        <f t="shared" si="1053"/>
        <v>3128.5920000000001</v>
      </c>
      <c r="WOL54" s="7">
        <f t="shared" si="1053"/>
        <v>3128.5920000000001</v>
      </c>
      <c r="WOM54" s="7">
        <f t="shared" si="1053"/>
        <v>3128.5920000000001</v>
      </c>
      <c r="WON54" s="7">
        <f t="shared" si="1053"/>
        <v>3128.5920000000001</v>
      </c>
      <c r="WOO54" s="7">
        <f t="shared" si="1053"/>
        <v>3128.5920000000001</v>
      </c>
      <c r="WOP54" s="7">
        <f t="shared" si="1053"/>
        <v>3128.5920000000001</v>
      </c>
      <c r="WOQ54" s="7">
        <f t="shared" si="1053"/>
        <v>3128.5920000000001</v>
      </c>
      <c r="WOR54" s="7">
        <f t="shared" si="1053"/>
        <v>3128.5920000000001</v>
      </c>
      <c r="WOS54" s="7">
        <f t="shared" si="1053"/>
        <v>3128.5920000000001</v>
      </c>
      <c r="WOT54" s="7">
        <f t="shared" si="1053"/>
        <v>3128.5920000000001</v>
      </c>
      <c r="WOU54" s="7">
        <f t="shared" si="1053"/>
        <v>3128.5920000000001</v>
      </c>
      <c r="WOV54" s="7">
        <f t="shared" si="1053"/>
        <v>3128.5920000000001</v>
      </c>
      <c r="WOW54" s="7">
        <f t="shared" si="1053"/>
        <v>3128.5920000000001</v>
      </c>
      <c r="WOX54" s="7">
        <f t="shared" si="1053"/>
        <v>3128.5920000000001</v>
      </c>
      <c r="WOY54" s="7">
        <f t="shared" si="1053"/>
        <v>3128.5920000000001</v>
      </c>
      <c r="WOZ54" s="7">
        <f t="shared" si="1053"/>
        <v>3128.5920000000001</v>
      </c>
      <c r="WPA54" s="7">
        <f t="shared" si="1053"/>
        <v>3128.5920000000001</v>
      </c>
      <c r="WPB54" s="7">
        <f t="shared" si="1053"/>
        <v>3128.5920000000001</v>
      </c>
      <c r="WPC54" s="7">
        <f t="shared" si="1053"/>
        <v>3128.5920000000001</v>
      </c>
      <c r="WPD54" s="7">
        <f t="shared" si="1053"/>
        <v>3128.5920000000001</v>
      </c>
      <c r="WPE54" s="7">
        <f t="shared" si="1053"/>
        <v>3128.5920000000001</v>
      </c>
      <c r="WPF54" s="7">
        <f t="shared" si="1053"/>
        <v>3128.5920000000001</v>
      </c>
      <c r="WPG54" s="7">
        <f t="shared" si="1053"/>
        <v>3128.5920000000001</v>
      </c>
      <c r="WPH54" s="7">
        <f t="shared" si="1053"/>
        <v>3128.5920000000001</v>
      </c>
      <c r="WPI54" s="7">
        <f t="shared" si="1053"/>
        <v>3128.5920000000001</v>
      </c>
      <c r="WPJ54" s="7">
        <f t="shared" si="1053"/>
        <v>3128.5920000000001</v>
      </c>
      <c r="WPK54" s="7">
        <f t="shared" si="1053"/>
        <v>3128.5920000000001</v>
      </c>
      <c r="WPL54" s="7">
        <f t="shared" si="1053"/>
        <v>3128.5920000000001</v>
      </c>
      <c r="WPM54" s="7">
        <f t="shared" si="1053"/>
        <v>3128.5920000000001</v>
      </c>
      <c r="WPN54" s="7">
        <f t="shared" si="1053"/>
        <v>3128.5920000000001</v>
      </c>
      <c r="WPO54" s="7">
        <f t="shared" si="1053"/>
        <v>3128.5920000000001</v>
      </c>
      <c r="WPP54" s="7">
        <f t="shared" si="1053"/>
        <v>3128.5920000000001</v>
      </c>
      <c r="WPQ54" s="7">
        <f t="shared" si="1053"/>
        <v>3128.5920000000001</v>
      </c>
      <c r="WPR54" s="7">
        <f t="shared" si="1053"/>
        <v>3128.5920000000001</v>
      </c>
      <c r="WPS54" s="7">
        <f t="shared" si="1053"/>
        <v>3128.5920000000001</v>
      </c>
      <c r="WPT54" s="7">
        <f t="shared" si="1053"/>
        <v>3128.5920000000001</v>
      </c>
      <c r="WPU54" s="7">
        <f t="shared" si="1053"/>
        <v>3128.5920000000001</v>
      </c>
      <c r="WPV54" s="7">
        <f t="shared" si="1053"/>
        <v>3128.5920000000001</v>
      </c>
      <c r="WPW54" s="7">
        <f t="shared" si="1053"/>
        <v>3128.5920000000001</v>
      </c>
      <c r="WPX54" s="7">
        <f t="shared" si="1053"/>
        <v>3128.5920000000001</v>
      </c>
      <c r="WPY54" s="7">
        <f t="shared" si="1053"/>
        <v>3128.5920000000001</v>
      </c>
      <c r="WPZ54" s="7">
        <f t="shared" si="1053"/>
        <v>3128.5920000000001</v>
      </c>
      <c r="WQA54" s="7">
        <f t="shared" si="1053"/>
        <v>3128.5920000000001</v>
      </c>
      <c r="WQB54" s="7">
        <f t="shared" si="1053"/>
        <v>3128.5920000000001</v>
      </c>
      <c r="WQC54" s="7">
        <f t="shared" si="1053"/>
        <v>3128.5920000000001</v>
      </c>
      <c r="WQD54" s="7">
        <f t="shared" si="1053"/>
        <v>3128.5920000000001</v>
      </c>
      <c r="WQE54" s="7">
        <f t="shared" si="1053"/>
        <v>3128.5920000000001</v>
      </c>
      <c r="WQF54" s="7">
        <f t="shared" si="1053"/>
        <v>3128.5920000000001</v>
      </c>
      <c r="WQG54" s="7">
        <f t="shared" si="1053"/>
        <v>3128.5920000000001</v>
      </c>
      <c r="WQH54" s="7">
        <f t="shared" si="1053"/>
        <v>3128.5920000000001</v>
      </c>
      <c r="WQI54" s="7">
        <f t="shared" si="1053"/>
        <v>3128.5920000000001</v>
      </c>
      <c r="WQJ54" s="7">
        <f t="shared" si="1053"/>
        <v>3128.5920000000001</v>
      </c>
      <c r="WQK54" s="7">
        <f t="shared" si="1053"/>
        <v>3128.5920000000001</v>
      </c>
      <c r="WQL54" s="7">
        <f t="shared" si="1053"/>
        <v>3128.5920000000001</v>
      </c>
      <c r="WQM54" s="7">
        <f t="shared" si="1053"/>
        <v>3128.5920000000001</v>
      </c>
      <c r="WQN54" s="7">
        <f t="shared" si="1053"/>
        <v>3128.5920000000001</v>
      </c>
      <c r="WQO54" s="7">
        <f t="shared" si="1053"/>
        <v>3128.5920000000001</v>
      </c>
      <c r="WQP54" s="7">
        <f t="shared" si="1053"/>
        <v>3128.5920000000001</v>
      </c>
      <c r="WQQ54" s="7">
        <f t="shared" si="1053"/>
        <v>3128.5920000000001</v>
      </c>
      <c r="WQR54" s="7">
        <f t="shared" si="1053"/>
        <v>3128.5920000000001</v>
      </c>
      <c r="WQS54" s="7">
        <f t="shared" si="1053"/>
        <v>3128.5920000000001</v>
      </c>
      <c r="WQT54" s="7">
        <f t="shared" ref="WQT54:WTE54" si="1054">WQT49+WQS54</f>
        <v>3128.5920000000001</v>
      </c>
      <c r="WQU54" s="7">
        <f t="shared" si="1054"/>
        <v>3128.5920000000001</v>
      </c>
      <c r="WQV54" s="7">
        <f t="shared" si="1054"/>
        <v>3128.5920000000001</v>
      </c>
      <c r="WQW54" s="7">
        <f t="shared" si="1054"/>
        <v>3128.5920000000001</v>
      </c>
      <c r="WQX54" s="7">
        <f t="shared" si="1054"/>
        <v>3128.5920000000001</v>
      </c>
      <c r="WQY54" s="7">
        <f t="shared" si="1054"/>
        <v>3128.5920000000001</v>
      </c>
      <c r="WQZ54" s="7">
        <f t="shared" si="1054"/>
        <v>3128.5920000000001</v>
      </c>
      <c r="WRA54" s="7">
        <f t="shared" si="1054"/>
        <v>3128.5920000000001</v>
      </c>
      <c r="WRB54" s="7">
        <f t="shared" si="1054"/>
        <v>3128.5920000000001</v>
      </c>
      <c r="WRC54" s="7">
        <f t="shared" si="1054"/>
        <v>3128.5920000000001</v>
      </c>
      <c r="WRD54" s="7">
        <f t="shared" si="1054"/>
        <v>3128.5920000000001</v>
      </c>
      <c r="WRE54" s="7">
        <f t="shared" si="1054"/>
        <v>3128.5920000000001</v>
      </c>
      <c r="WRF54" s="7">
        <f t="shared" si="1054"/>
        <v>3128.5920000000001</v>
      </c>
      <c r="WRG54" s="7">
        <f t="shared" si="1054"/>
        <v>3128.5920000000001</v>
      </c>
      <c r="WRH54" s="7">
        <f t="shared" si="1054"/>
        <v>3128.5920000000001</v>
      </c>
      <c r="WRI54" s="7">
        <f t="shared" si="1054"/>
        <v>3128.5920000000001</v>
      </c>
      <c r="WRJ54" s="7">
        <f t="shared" si="1054"/>
        <v>3128.5920000000001</v>
      </c>
      <c r="WRK54" s="7">
        <f t="shared" si="1054"/>
        <v>3128.5920000000001</v>
      </c>
      <c r="WRL54" s="7">
        <f t="shared" si="1054"/>
        <v>3128.5920000000001</v>
      </c>
      <c r="WRM54" s="7">
        <f t="shared" si="1054"/>
        <v>3128.5920000000001</v>
      </c>
      <c r="WRN54" s="7">
        <f t="shared" si="1054"/>
        <v>3128.5920000000001</v>
      </c>
      <c r="WRO54" s="7">
        <f t="shared" si="1054"/>
        <v>3128.5920000000001</v>
      </c>
      <c r="WRP54" s="7">
        <f t="shared" si="1054"/>
        <v>3128.5920000000001</v>
      </c>
      <c r="WRQ54" s="7">
        <f t="shared" si="1054"/>
        <v>3128.5920000000001</v>
      </c>
      <c r="WRR54" s="7">
        <f t="shared" si="1054"/>
        <v>3128.5920000000001</v>
      </c>
      <c r="WRS54" s="7">
        <f t="shared" si="1054"/>
        <v>3128.5920000000001</v>
      </c>
      <c r="WRT54" s="7">
        <f t="shared" si="1054"/>
        <v>3128.5920000000001</v>
      </c>
      <c r="WRU54" s="7">
        <f t="shared" si="1054"/>
        <v>3128.5920000000001</v>
      </c>
      <c r="WRV54" s="7">
        <f t="shared" si="1054"/>
        <v>3128.5920000000001</v>
      </c>
      <c r="WRW54" s="7">
        <f t="shared" si="1054"/>
        <v>3128.5920000000001</v>
      </c>
      <c r="WRX54" s="7">
        <f t="shared" si="1054"/>
        <v>3128.5920000000001</v>
      </c>
      <c r="WRY54" s="7">
        <f t="shared" si="1054"/>
        <v>3128.5920000000001</v>
      </c>
      <c r="WRZ54" s="7">
        <f t="shared" si="1054"/>
        <v>3128.5920000000001</v>
      </c>
      <c r="WSA54" s="7">
        <f t="shared" si="1054"/>
        <v>3128.5920000000001</v>
      </c>
      <c r="WSB54" s="7">
        <f t="shared" si="1054"/>
        <v>3128.5920000000001</v>
      </c>
      <c r="WSC54" s="7">
        <f t="shared" si="1054"/>
        <v>3128.5920000000001</v>
      </c>
      <c r="WSD54" s="7">
        <f t="shared" si="1054"/>
        <v>3128.5920000000001</v>
      </c>
      <c r="WSE54" s="7">
        <f t="shared" si="1054"/>
        <v>3128.5920000000001</v>
      </c>
      <c r="WSF54" s="7">
        <f t="shared" si="1054"/>
        <v>3128.5920000000001</v>
      </c>
      <c r="WSG54" s="7">
        <f t="shared" si="1054"/>
        <v>3128.5920000000001</v>
      </c>
      <c r="WSH54" s="7">
        <f t="shared" si="1054"/>
        <v>3128.5920000000001</v>
      </c>
      <c r="WSI54" s="7">
        <f t="shared" si="1054"/>
        <v>3128.5920000000001</v>
      </c>
      <c r="WSJ54" s="7">
        <f t="shared" si="1054"/>
        <v>3128.5920000000001</v>
      </c>
      <c r="WSK54" s="7">
        <f t="shared" si="1054"/>
        <v>3128.5920000000001</v>
      </c>
      <c r="WSL54" s="7">
        <f t="shared" si="1054"/>
        <v>3128.5920000000001</v>
      </c>
      <c r="WSM54" s="7">
        <f t="shared" si="1054"/>
        <v>3128.5920000000001</v>
      </c>
      <c r="WSN54" s="7">
        <f t="shared" si="1054"/>
        <v>3128.5920000000001</v>
      </c>
      <c r="WSO54" s="7">
        <f t="shared" si="1054"/>
        <v>3128.5920000000001</v>
      </c>
      <c r="WSP54" s="7">
        <f t="shared" si="1054"/>
        <v>3128.5920000000001</v>
      </c>
      <c r="WSQ54" s="7">
        <f t="shared" si="1054"/>
        <v>3128.5920000000001</v>
      </c>
      <c r="WSR54" s="7">
        <f t="shared" si="1054"/>
        <v>3128.5920000000001</v>
      </c>
      <c r="WSS54" s="7">
        <f t="shared" si="1054"/>
        <v>3128.5920000000001</v>
      </c>
      <c r="WST54" s="7">
        <f t="shared" si="1054"/>
        <v>3128.5920000000001</v>
      </c>
      <c r="WSU54" s="7">
        <f t="shared" si="1054"/>
        <v>3128.5920000000001</v>
      </c>
      <c r="WSV54" s="7">
        <f t="shared" si="1054"/>
        <v>3128.5920000000001</v>
      </c>
      <c r="WSW54" s="7">
        <f t="shared" si="1054"/>
        <v>3128.5920000000001</v>
      </c>
      <c r="WSX54" s="7">
        <f t="shared" si="1054"/>
        <v>3128.5920000000001</v>
      </c>
      <c r="WSY54" s="7">
        <f t="shared" si="1054"/>
        <v>3128.5920000000001</v>
      </c>
      <c r="WSZ54" s="7">
        <f t="shared" si="1054"/>
        <v>3128.5920000000001</v>
      </c>
      <c r="WTA54" s="7">
        <f t="shared" si="1054"/>
        <v>3128.5920000000001</v>
      </c>
      <c r="WTB54" s="7">
        <f t="shared" si="1054"/>
        <v>3128.5920000000001</v>
      </c>
      <c r="WTC54" s="7">
        <f t="shared" si="1054"/>
        <v>3128.5920000000001</v>
      </c>
      <c r="WTD54" s="7">
        <f t="shared" si="1054"/>
        <v>3128.5920000000001</v>
      </c>
      <c r="WTE54" s="7">
        <f t="shared" si="1054"/>
        <v>3128.5920000000001</v>
      </c>
      <c r="WTF54" s="7">
        <f t="shared" ref="WTF54:WVQ54" si="1055">WTF49+WTE54</f>
        <v>3128.5920000000001</v>
      </c>
      <c r="WTG54" s="7">
        <f t="shared" si="1055"/>
        <v>3128.5920000000001</v>
      </c>
      <c r="WTH54" s="7">
        <f t="shared" si="1055"/>
        <v>3128.5920000000001</v>
      </c>
      <c r="WTI54" s="7">
        <f t="shared" si="1055"/>
        <v>3128.5920000000001</v>
      </c>
      <c r="WTJ54" s="7">
        <f t="shared" si="1055"/>
        <v>3128.5920000000001</v>
      </c>
      <c r="WTK54" s="7">
        <f t="shared" si="1055"/>
        <v>3128.5920000000001</v>
      </c>
      <c r="WTL54" s="7">
        <f t="shared" si="1055"/>
        <v>3128.5920000000001</v>
      </c>
      <c r="WTM54" s="7">
        <f t="shared" si="1055"/>
        <v>3128.5920000000001</v>
      </c>
      <c r="WTN54" s="7">
        <f t="shared" si="1055"/>
        <v>3128.5920000000001</v>
      </c>
      <c r="WTO54" s="7">
        <f t="shared" si="1055"/>
        <v>3128.5920000000001</v>
      </c>
      <c r="WTP54" s="7">
        <f t="shared" si="1055"/>
        <v>3128.5920000000001</v>
      </c>
      <c r="WTQ54" s="7">
        <f t="shared" si="1055"/>
        <v>3128.5920000000001</v>
      </c>
      <c r="WTR54" s="7">
        <f t="shared" si="1055"/>
        <v>3128.5920000000001</v>
      </c>
      <c r="WTS54" s="7">
        <f t="shared" si="1055"/>
        <v>3128.5920000000001</v>
      </c>
      <c r="WTT54" s="7">
        <f t="shared" si="1055"/>
        <v>3128.5920000000001</v>
      </c>
      <c r="WTU54" s="7">
        <f t="shared" si="1055"/>
        <v>3128.5920000000001</v>
      </c>
      <c r="WTV54" s="7">
        <f t="shared" si="1055"/>
        <v>3128.5920000000001</v>
      </c>
      <c r="WTW54" s="7">
        <f t="shared" si="1055"/>
        <v>3128.5920000000001</v>
      </c>
      <c r="WTX54" s="7">
        <f t="shared" si="1055"/>
        <v>3128.5920000000001</v>
      </c>
      <c r="WTY54" s="7">
        <f t="shared" si="1055"/>
        <v>3128.5920000000001</v>
      </c>
      <c r="WTZ54" s="7">
        <f t="shared" si="1055"/>
        <v>3128.5920000000001</v>
      </c>
      <c r="WUA54" s="7">
        <f t="shared" si="1055"/>
        <v>3128.5920000000001</v>
      </c>
      <c r="WUB54" s="7">
        <f t="shared" si="1055"/>
        <v>3128.5920000000001</v>
      </c>
      <c r="WUC54" s="7">
        <f t="shared" si="1055"/>
        <v>3128.5920000000001</v>
      </c>
      <c r="WUD54" s="7">
        <f t="shared" si="1055"/>
        <v>3128.5920000000001</v>
      </c>
      <c r="WUE54" s="7">
        <f t="shared" si="1055"/>
        <v>3128.5920000000001</v>
      </c>
      <c r="WUF54" s="7">
        <f t="shared" si="1055"/>
        <v>3128.5920000000001</v>
      </c>
      <c r="WUG54" s="7">
        <f t="shared" si="1055"/>
        <v>3128.5920000000001</v>
      </c>
      <c r="WUH54" s="7">
        <f t="shared" si="1055"/>
        <v>3128.5920000000001</v>
      </c>
      <c r="WUI54" s="7">
        <f t="shared" si="1055"/>
        <v>3128.5920000000001</v>
      </c>
      <c r="WUJ54" s="7">
        <f t="shared" si="1055"/>
        <v>3128.5920000000001</v>
      </c>
      <c r="WUK54" s="7">
        <f t="shared" si="1055"/>
        <v>3128.5920000000001</v>
      </c>
      <c r="WUL54" s="7">
        <f t="shared" si="1055"/>
        <v>3128.5920000000001</v>
      </c>
      <c r="WUM54" s="7">
        <f t="shared" si="1055"/>
        <v>3128.5920000000001</v>
      </c>
      <c r="WUN54" s="7">
        <f t="shared" si="1055"/>
        <v>3128.5920000000001</v>
      </c>
      <c r="WUO54" s="7">
        <f t="shared" si="1055"/>
        <v>3128.5920000000001</v>
      </c>
      <c r="WUP54" s="7">
        <f t="shared" si="1055"/>
        <v>3128.5920000000001</v>
      </c>
      <c r="WUQ54" s="7">
        <f t="shared" si="1055"/>
        <v>3128.5920000000001</v>
      </c>
      <c r="WUR54" s="7">
        <f t="shared" si="1055"/>
        <v>3128.5920000000001</v>
      </c>
      <c r="WUS54" s="7">
        <f t="shared" si="1055"/>
        <v>3128.5920000000001</v>
      </c>
      <c r="WUT54" s="7">
        <f t="shared" si="1055"/>
        <v>3128.5920000000001</v>
      </c>
      <c r="WUU54" s="7">
        <f t="shared" si="1055"/>
        <v>3128.5920000000001</v>
      </c>
      <c r="WUV54" s="7">
        <f t="shared" si="1055"/>
        <v>3128.5920000000001</v>
      </c>
      <c r="WUW54" s="7">
        <f t="shared" si="1055"/>
        <v>3128.5920000000001</v>
      </c>
      <c r="WUX54" s="7">
        <f t="shared" si="1055"/>
        <v>3128.5920000000001</v>
      </c>
      <c r="WUY54" s="7">
        <f t="shared" si="1055"/>
        <v>3128.5920000000001</v>
      </c>
      <c r="WUZ54" s="7">
        <f t="shared" si="1055"/>
        <v>3128.5920000000001</v>
      </c>
      <c r="WVA54" s="7">
        <f t="shared" si="1055"/>
        <v>3128.5920000000001</v>
      </c>
      <c r="WVB54" s="7">
        <f t="shared" si="1055"/>
        <v>3128.5920000000001</v>
      </c>
      <c r="WVC54" s="7">
        <f t="shared" si="1055"/>
        <v>3128.5920000000001</v>
      </c>
      <c r="WVD54" s="7">
        <f t="shared" si="1055"/>
        <v>3128.5920000000001</v>
      </c>
      <c r="WVE54" s="7">
        <f t="shared" si="1055"/>
        <v>3128.5920000000001</v>
      </c>
      <c r="WVF54" s="7">
        <f t="shared" si="1055"/>
        <v>3128.5920000000001</v>
      </c>
      <c r="WVG54" s="7">
        <f t="shared" si="1055"/>
        <v>3128.5920000000001</v>
      </c>
      <c r="WVH54" s="7">
        <f t="shared" si="1055"/>
        <v>3128.5920000000001</v>
      </c>
      <c r="WVI54" s="7">
        <f t="shared" si="1055"/>
        <v>3128.5920000000001</v>
      </c>
      <c r="WVJ54" s="7">
        <f t="shared" si="1055"/>
        <v>3128.5920000000001</v>
      </c>
      <c r="WVK54" s="7">
        <f t="shared" si="1055"/>
        <v>3128.5920000000001</v>
      </c>
      <c r="WVL54" s="7">
        <f t="shared" si="1055"/>
        <v>3128.5920000000001</v>
      </c>
      <c r="WVM54" s="7">
        <f t="shared" si="1055"/>
        <v>3128.5920000000001</v>
      </c>
      <c r="WVN54" s="7">
        <f t="shared" si="1055"/>
        <v>3128.5920000000001</v>
      </c>
      <c r="WVO54" s="7">
        <f t="shared" si="1055"/>
        <v>3128.5920000000001</v>
      </c>
      <c r="WVP54" s="7">
        <f t="shared" si="1055"/>
        <v>3128.5920000000001</v>
      </c>
      <c r="WVQ54" s="7">
        <f t="shared" si="1055"/>
        <v>3128.5920000000001</v>
      </c>
      <c r="WVR54" s="7">
        <f t="shared" ref="WVR54:WYC54" si="1056">WVR49+WVQ54</f>
        <v>3128.5920000000001</v>
      </c>
      <c r="WVS54" s="7">
        <f t="shared" si="1056"/>
        <v>3128.5920000000001</v>
      </c>
      <c r="WVT54" s="7">
        <f t="shared" si="1056"/>
        <v>3128.5920000000001</v>
      </c>
      <c r="WVU54" s="7">
        <f t="shared" si="1056"/>
        <v>3128.5920000000001</v>
      </c>
      <c r="WVV54" s="7">
        <f t="shared" si="1056"/>
        <v>3128.5920000000001</v>
      </c>
      <c r="WVW54" s="7">
        <f t="shared" si="1056"/>
        <v>3128.5920000000001</v>
      </c>
      <c r="WVX54" s="7">
        <f t="shared" si="1056"/>
        <v>3128.5920000000001</v>
      </c>
      <c r="WVY54" s="7">
        <f t="shared" si="1056"/>
        <v>3128.5920000000001</v>
      </c>
      <c r="WVZ54" s="7">
        <f t="shared" si="1056"/>
        <v>3128.5920000000001</v>
      </c>
      <c r="WWA54" s="7">
        <f t="shared" si="1056"/>
        <v>3128.5920000000001</v>
      </c>
      <c r="WWB54" s="7">
        <f t="shared" si="1056"/>
        <v>3128.5920000000001</v>
      </c>
      <c r="WWC54" s="7">
        <f t="shared" si="1056"/>
        <v>3128.5920000000001</v>
      </c>
      <c r="WWD54" s="7">
        <f t="shared" si="1056"/>
        <v>3128.5920000000001</v>
      </c>
      <c r="WWE54" s="7">
        <f t="shared" si="1056"/>
        <v>3128.5920000000001</v>
      </c>
      <c r="WWF54" s="7">
        <f t="shared" si="1056"/>
        <v>3128.5920000000001</v>
      </c>
      <c r="WWG54" s="7">
        <f t="shared" si="1056"/>
        <v>3128.5920000000001</v>
      </c>
      <c r="WWH54" s="7">
        <f t="shared" si="1056"/>
        <v>3128.5920000000001</v>
      </c>
      <c r="WWI54" s="7">
        <f t="shared" si="1056"/>
        <v>3128.5920000000001</v>
      </c>
      <c r="WWJ54" s="7">
        <f t="shared" si="1056"/>
        <v>3128.5920000000001</v>
      </c>
      <c r="WWK54" s="7">
        <f t="shared" si="1056"/>
        <v>3128.5920000000001</v>
      </c>
      <c r="WWL54" s="7">
        <f t="shared" si="1056"/>
        <v>3128.5920000000001</v>
      </c>
      <c r="WWM54" s="7">
        <f t="shared" si="1056"/>
        <v>3128.5920000000001</v>
      </c>
      <c r="WWN54" s="7">
        <f t="shared" si="1056"/>
        <v>3128.5920000000001</v>
      </c>
      <c r="WWO54" s="7">
        <f t="shared" si="1056"/>
        <v>3128.5920000000001</v>
      </c>
      <c r="WWP54" s="7">
        <f t="shared" si="1056"/>
        <v>3128.5920000000001</v>
      </c>
      <c r="WWQ54" s="7">
        <f t="shared" si="1056"/>
        <v>3128.5920000000001</v>
      </c>
      <c r="WWR54" s="7">
        <f t="shared" si="1056"/>
        <v>3128.5920000000001</v>
      </c>
      <c r="WWS54" s="7">
        <f t="shared" si="1056"/>
        <v>3128.5920000000001</v>
      </c>
      <c r="WWT54" s="7">
        <f t="shared" si="1056"/>
        <v>3128.5920000000001</v>
      </c>
      <c r="WWU54" s="7">
        <f t="shared" si="1056"/>
        <v>3128.5920000000001</v>
      </c>
      <c r="WWV54" s="7">
        <f t="shared" si="1056"/>
        <v>3128.5920000000001</v>
      </c>
      <c r="WWW54" s="7">
        <f t="shared" si="1056"/>
        <v>3128.5920000000001</v>
      </c>
      <c r="WWX54" s="7">
        <f t="shared" si="1056"/>
        <v>3128.5920000000001</v>
      </c>
      <c r="WWY54" s="7">
        <f t="shared" si="1056"/>
        <v>3128.5920000000001</v>
      </c>
      <c r="WWZ54" s="7">
        <f t="shared" si="1056"/>
        <v>3128.5920000000001</v>
      </c>
      <c r="WXA54" s="7">
        <f t="shared" si="1056"/>
        <v>3128.5920000000001</v>
      </c>
      <c r="WXB54" s="7">
        <f t="shared" si="1056"/>
        <v>3128.5920000000001</v>
      </c>
      <c r="WXC54" s="7">
        <f t="shared" si="1056"/>
        <v>3128.5920000000001</v>
      </c>
      <c r="WXD54" s="7">
        <f t="shared" si="1056"/>
        <v>3128.5920000000001</v>
      </c>
      <c r="WXE54" s="7">
        <f t="shared" si="1056"/>
        <v>3128.5920000000001</v>
      </c>
      <c r="WXF54" s="7">
        <f t="shared" si="1056"/>
        <v>3128.5920000000001</v>
      </c>
      <c r="WXG54" s="7">
        <f t="shared" si="1056"/>
        <v>3128.5920000000001</v>
      </c>
      <c r="WXH54" s="7">
        <f t="shared" si="1056"/>
        <v>3128.5920000000001</v>
      </c>
      <c r="WXI54" s="7">
        <f t="shared" si="1056"/>
        <v>3128.5920000000001</v>
      </c>
      <c r="WXJ54" s="7">
        <f t="shared" si="1056"/>
        <v>3128.5920000000001</v>
      </c>
      <c r="WXK54" s="7">
        <f t="shared" si="1056"/>
        <v>3128.5920000000001</v>
      </c>
      <c r="WXL54" s="7">
        <f t="shared" si="1056"/>
        <v>3128.5920000000001</v>
      </c>
      <c r="WXM54" s="7">
        <f t="shared" si="1056"/>
        <v>3128.5920000000001</v>
      </c>
      <c r="WXN54" s="7">
        <f t="shared" si="1056"/>
        <v>3128.5920000000001</v>
      </c>
      <c r="WXO54" s="7">
        <f t="shared" si="1056"/>
        <v>3128.5920000000001</v>
      </c>
      <c r="WXP54" s="7">
        <f t="shared" si="1056"/>
        <v>3128.5920000000001</v>
      </c>
      <c r="WXQ54" s="7">
        <f t="shared" si="1056"/>
        <v>3128.5920000000001</v>
      </c>
      <c r="WXR54" s="7">
        <f t="shared" si="1056"/>
        <v>3128.5920000000001</v>
      </c>
      <c r="WXS54" s="7">
        <f t="shared" si="1056"/>
        <v>3128.5920000000001</v>
      </c>
      <c r="WXT54" s="7">
        <f t="shared" si="1056"/>
        <v>3128.5920000000001</v>
      </c>
      <c r="WXU54" s="7">
        <f t="shared" si="1056"/>
        <v>3128.5920000000001</v>
      </c>
      <c r="WXV54" s="7">
        <f t="shared" si="1056"/>
        <v>3128.5920000000001</v>
      </c>
      <c r="WXW54" s="7">
        <f t="shared" si="1056"/>
        <v>3128.5920000000001</v>
      </c>
      <c r="WXX54" s="7">
        <f t="shared" si="1056"/>
        <v>3128.5920000000001</v>
      </c>
      <c r="WXY54" s="7">
        <f t="shared" si="1056"/>
        <v>3128.5920000000001</v>
      </c>
      <c r="WXZ54" s="7">
        <f t="shared" si="1056"/>
        <v>3128.5920000000001</v>
      </c>
      <c r="WYA54" s="7">
        <f t="shared" si="1056"/>
        <v>3128.5920000000001</v>
      </c>
      <c r="WYB54" s="7">
        <f t="shared" si="1056"/>
        <v>3128.5920000000001</v>
      </c>
      <c r="WYC54" s="7">
        <f t="shared" si="1056"/>
        <v>3128.5920000000001</v>
      </c>
      <c r="WYD54" s="7">
        <f t="shared" ref="WYD54:XAO54" si="1057">WYD49+WYC54</f>
        <v>3128.5920000000001</v>
      </c>
      <c r="WYE54" s="7">
        <f t="shared" si="1057"/>
        <v>3128.5920000000001</v>
      </c>
      <c r="WYF54" s="7">
        <f t="shared" si="1057"/>
        <v>3128.5920000000001</v>
      </c>
      <c r="WYG54" s="7">
        <f t="shared" si="1057"/>
        <v>3128.5920000000001</v>
      </c>
      <c r="WYH54" s="7">
        <f t="shared" si="1057"/>
        <v>3128.5920000000001</v>
      </c>
      <c r="WYI54" s="7">
        <f t="shared" si="1057"/>
        <v>3128.5920000000001</v>
      </c>
      <c r="WYJ54" s="7">
        <f t="shared" si="1057"/>
        <v>3128.5920000000001</v>
      </c>
      <c r="WYK54" s="7">
        <f t="shared" si="1057"/>
        <v>3128.5920000000001</v>
      </c>
      <c r="WYL54" s="7">
        <f t="shared" si="1057"/>
        <v>3128.5920000000001</v>
      </c>
      <c r="WYM54" s="7">
        <f t="shared" si="1057"/>
        <v>3128.5920000000001</v>
      </c>
      <c r="WYN54" s="7">
        <f t="shared" si="1057"/>
        <v>3128.5920000000001</v>
      </c>
      <c r="WYO54" s="7">
        <f t="shared" si="1057"/>
        <v>3128.5920000000001</v>
      </c>
      <c r="WYP54" s="7">
        <f t="shared" si="1057"/>
        <v>3128.5920000000001</v>
      </c>
      <c r="WYQ54" s="7">
        <f t="shared" si="1057"/>
        <v>3128.5920000000001</v>
      </c>
      <c r="WYR54" s="7">
        <f t="shared" si="1057"/>
        <v>3128.5920000000001</v>
      </c>
      <c r="WYS54" s="7">
        <f t="shared" si="1057"/>
        <v>3128.5920000000001</v>
      </c>
      <c r="WYT54" s="7">
        <f t="shared" si="1057"/>
        <v>3128.5920000000001</v>
      </c>
      <c r="WYU54" s="7">
        <f t="shared" si="1057"/>
        <v>3128.5920000000001</v>
      </c>
      <c r="WYV54" s="7">
        <f t="shared" si="1057"/>
        <v>3128.5920000000001</v>
      </c>
      <c r="WYW54" s="7">
        <f t="shared" si="1057"/>
        <v>3128.5920000000001</v>
      </c>
      <c r="WYX54" s="7">
        <f t="shared" si="1057"/>
        <v>3128.5920000000001</v>
      </c>
      <c r="WYY54" s="7">
        <f t="shared" si="1057"/>
        <v>3128.5920000000001</v>
      </c>
      <c r="WYZ54" s="7">
        <f t="shared" si="1057"/>
        <v>3128.5920000000001</v>
      </c>
      <c r="WZA54" s="7">
        <f t="shared" si="1057"/>
        <v>3128.5920000000001</v>
      </c>
      <c r="WZB54" s="7">
        <f t="shared" si="1057"/>
        <v>3128.5920000000001</v>
      </c>
      <c r="WZC54" s="7">
        <f t="shared" si="1057"/>
        <v>3128.5920000000001</v>
      </c>
      <c r="WZD54" s="7">
        <f t="shared" si="1057"/>
        <v>3128.5920000000001</v>
      </c>
      <c r="WZE54" s="7">
        <f t="shared" si="1057"/>
        <v>3128.5920000000001</v>
      </c>
      <c r="WZF54" s="7">
        <f t="shared" si="1057"/>
        <v>3128.5920000000001</v>
      </c>
      <c r="WZG54" s="7">
        <f t="shared" si="1057"/>
        <v>3128.5920000000001</v>
      </c>
      <c r="WZH54" s="7">
        <f t="shared" si="1057"/>
        <v>3128.5920000000001</v>
      </c>
      <c r="WZI54" s="7">
        <f t="shared" si="1057"/>
        <v>3128.5920000000001</v>
      </c>
      <c r="WZJ54" s="7">
        <f t="shared" si="1057"/>
        <v>3128.5920000000001</v>
      </c>
      <c r="WZK54" s="7">
        <f t="shared" si="1057"/>
        <v>3128.5920000000001</v>
      </c>
      <c r="WZL54" s="7">
        <f t="shared" si="1057"/>
        <v>3128.5920000000001</v>
      </c>
      <c r="WZM54" s="7">
        <f t="shared" si="1057"/>
        <v>3128.5920000000001</v>
      </c>
      <c r="WZN54" s="7">
        <f t="shared" si="1057"/>
        <v>3128.5920000000001</v>
      </c>
      <c r="WZO54" s="7">
        <f t="shared" si="1057"/>
        <v>3128.5920000000001</v>
      </c>
      <c r="WZP54" s="7">
        <f t="shared" si="1057"/>
        <v>3128.5920000000001</v>
      </c>
      <c r="WZQ54" s="7">
        <f t="shared" si="1057"/>
        <v>3128.5920000000001</v>
      </c>
      <c r="WZR54" s="7">
        <f t="shared" si="1057"/>
        <v>3128.5920000000001</v>
      </c>
      <c r="WZS54" s="7">
        <f t="shared" si="1057"/>
        <v>3128.5920000000001</v>
      </c>
      <c r="WZT54" s="7">
        <f t="shared" si="1057"/>
        <v>3128.5920000000001</v>
      </c>
      <c r="WZU54" s="7">
        <f t="shared" si="1057"/>
        <v>3128.5920000000001</v>
      </c>
      <c r="WZV54" s="7">
        <f t="shared" si="1057"/>
        <v>3128.5920000000001</v>
      </c>
      <c r="WZW54" s="7">
        <f t="shared" si="1057"/>
        <v>3128.5920000000001</v>
      </c>
      <c r="WZX54" s="7">
        <f t="shared" si="1057"/>
        <v>3128.5920000000001</v>
      </c>
      <c r="WZY54" s="7">
        <f t="shared" si="1057"/>
        <v>3128.5920000000001</v>
      </c>
      <c r="WZZ54" s="7">
        <f t="shared" si="1057"/>
        <v>3128.5920000000001</v>
      </c>
      <c r="XAA54" s="7">
        <f t="shared" si="1057"/>
        <v>3128.5920000000001</v>
      </c>
      <c r="XAB54" s="7">
        <f t="shared" si="1057"/>
        <v>3128.5920000000001</v>
      </c>
      <c r="XAC54" s="7">
        <f t="shared" si="1057"/>
        <v>3128.5920000000001</v>
      </c>
      <c r="XAD54" s="7">
        <f t="shared" si="1057"/>
        <v>3128.5920000000001</v>
      </c>
      <c r="XAE54" s="7">
        <f t="shared" si="1057"/>
        <v>3128.5920000000001</v>
      </c>
      <c r="XAF54" s="7">
        <f t="shared" si="1057"/>
        <v>3128.5920000000001</v>
      </c>
      <c r="XAG54" s="7">
        <f t="shared" si="1057"/>
        <v>3128.5920000000001</v>
      </c>
      <c r="XAH54" s="7">
        <f t="shared" si="1057"/>
        <v>3128.5920000000001</v>
      </c>
      <c r="XAI54" s="7">
        <f t="shared" si="1057"/>
        <v>3128.5920000000001</v>
      </c>
      <c r="XAJ54" s="7">
        <f t="shared" si="1057"/>
        <v>3128.5920000000001</v>
      </c>
      <c r="XAK54" s="7">
        <f t="shared" si="1057"/>
        <v>3128.5920000000001</v>
      </c>
      <c r="XAL54" s="7">
        <f t="shared" si="1057"/>
        <v>3128.5920000000001</v>
      </c>
      <c r="XAM54" s="7">
        <f t="shared" si="1057"/>
        <v>3128.5920000000001</v>
      </c>
      <c r="XAN54" s="7">
        <f t="shared" si="1057"/>
        <v>3128.5920000000001</v>
      </c>
      <c r="XAO54" s="7">
        <f t="shared" si="1057"/>
        <v>3128.5920000000001</v>
      </c>
      <c r="XAP54" s="7">
        <f t="shared" ref="XAP54:XDA54" si="1058">XAP49+XAO54</f>
        <v>3128.5920000000001</v>
      </c>
      <c r="XAQ54" s="7">
        <f t="shared" si="1058"/>
        <v>3128.5920000000001</v>
      </c>
      <c r="XAR54" s="7">
        <f t="shared" si="1058"/>
        <v>3128.5920000000001</v>
      </c>
      <c r="XAS54" s="7">
        <f t="shared" si="1058"/>
        <v>3128.5920000000001</v>
      </c>
      <c r="XAT54" s="7">
        <f t="shared" si="1058"/>
        <v>3128.5920000000001</v>
      </c>
      <c r="XAU54" s="7">
        <f t="shared" si="1058"/>
        <v>3128.5920000000001</v>
      </c>
      <c r="XAV54" s="7">
        <f t="shared" si="1058"/>
        <v>3128.5920000000001</v>
      </c>
      <c r="XAW54" s="7">
        <f t="shared" si="1058"/>
        <v>3128.5920000000001</v>
      </c>
      <c r="XAX54" s="7">
        <f t="shared" si="1058"/>
        <v>3128.5920000000001</v>
      </c>
      <c r="XAY54" s="7">
        <f t="shared" si="1058"/>
        <v>3128.5920000000001</v>
      </c>
      <c r="XAZ54" s="7">
        <f t="shared" si="1058"/>
        <v>3128.5920000000001</v>
      </c>
      <c r="XBA54" s="7">
        <f t="shared" si="1058"/>
        <v>3128.5920000000001</v>
      </c>
      <c r="XBB54" s="7">
        <f t="shared" si="1058"/>
        <v>3128.5920000000001</v>
      </c>
      <c r="XBC54" s="7">
        <f t="shared" si="1058"/>
        <v>3128.5920000000001</v>
      </c>
      <c r="XBD54" s="7">
        <f t="shared" si="1058"/>
        <v>3128.5920000000001</v>
      </c>
      <c r="XBE54" s="7">
        <f t="shared" si="1058"/>
        <v>3128.5920000000001</v>
      </c>
      <c r="XBF54" s="7">
        <f t="shared" si="1058"/>
        <v>3128.5920000000001</v>
      </c>
      <c r="XBG54" s="7">
        <f t="shared" si="1058"/>
        <v>3128.5920000000001</v>
      </c>
      <c r="XBH54" s="7">
        <f t="shared" si="1058"/>
        <v>3128.5920000000001</v>
      </c>
      <c r="XBI54" s="7">
        <f t="shared" si="1058"/>
        <v>3128.5920000000001</v>
      </c>
      <c r="XBJ54" s="7">
        <f t="shared" si="1058"/>
        <v>3128.5920000000001</v>
      </c>
      <c r="XBK54" s="7">
        <f t="shared" si="1058"/>
        <v>3128.5920000000001</v>
      </c>
      <c r="XBL54" s="7">
        <f t="shared" si="1058"/>
        <v>3128.5920000000001</v>
      </c>
      <c r="XBM54" s="7">
        <f t="shared" si="1058"/>
        <v>3128.5920000000001</v>
      </c>
      <c r="XBN54" s="7">
        <f t="shared" si="1058"/>
        <v>3128.5920000000001</v>
      </c>
      <c r="XBO54" s="7">
        <f t="shared" si="1058"/>
        <v>3128.5920000000001</v>
      </c>
      <c r="XBP54" s="7">
        <f t="shared" si="1058"/>
        <v>3128.5920000000001</v>
      </c>
      <c r="XBQ54" s="7">
        <f t="shared" si="1058"/>
        <v>3128.5920000000001</v>
      </c>
      <c r="XBR54" s="7">
        <f t="shared" si="1058"/>
        <v>3128.5920000000001</v>
      </c>
      <c r="XBS54" s="7">
        <f t="shared" si="1058"/>
        <v>3128.5920000000001</v>
      </c>
      <c r="XBT54" s="7">
        <f t="shared" si="1058"/>
        <v>3128.5920000000001</v>
      </c>
      <c r="XBU54" s="7">
        <f t="shared" si="1058"/>
        <v>3128.5920000000001</v>
      </c>
      <c r="XBV54" s="7">
        <f t="shared" si="1058"/>
        <v>3128.5920000000001</v>
      </c>
      <c r="XBW54" s="7">
        <f t="shared" si="1058"/>
        <v>3128.5920000000001</v>
      </c>
      <c r="XBX54" s="7">
        <f t="shared" si="1058"/>
        <v>3128.5920000000001</v>
      </c>
      <c r="XBY54" s="7">
        <f t="shared" si="1058"/>
        <v>3128.5920000000001</v>
      </c>
      <c r="XBZ54" s="7">
        <f t="shared" si="1058"/>
        <v>3128.5920000000001</v>
      </c>
      <c r="XCA54" s="7">
        <f t="shared" si="1058"/>
        <v>3128.5920000000001</v>
      </c>
      <c r="XCB54" s="7">
        <f t="shared" si="1058"/>
        <v>3128.5920000000001</v>
      </c>
      <c r="XCC54" s="7">
        <f t="shared" si="1058"/>
        <v>3128.5920000000001</v>
      </c>
      <c r="XCD54" s="7">
        <f t="shared" si="1058"/>
        <v>3128.5920000000001</v>
      </c>
      <c r="XCE54" s="7">
        <f t="shared" si="1058"/>
        <v>3128.5920000000001</v>
      </c>
      <c r="XCF54" s="7">
        <f t="shared" si="1058"/>
        <v>3128.5920000000001</v>
      </c>
      <c r="XCG54" s="7">
        <f t="shared" si="1058"/>
        <v>3128.5920000000001</v>
      </c>
      <c r="XCH54" s="7">
        <f t="shared" si="1058"/>
        <v>3128.5920000000001</v>
      </c>
      <c r="XCI54" s="7">
        <f t="shared" si="1058"/>
        <v>3128.5920000000001</v>
      </c>
      <c r="XCJ54" s="7">
        <f t="shared" si="1058"/>
        <v>3128.5920000000001</v>
      </c>
      <c r="XCK54" s="7">
        <f t="shared" si="1058"/>
        <v>3128.5920000000001</v>
      </c>
      <c r="XCL54" s="7">
        <f t="shared" si="1058"/>
        <v>3128.5920000000001</v>
      </c>
      <c r="XCM54" s="7">
        <f t="shared" si="1058"/>
        <v>3128.5920000000001</v>
      </c>
      <c r="XCN54" s="7">
        <f t="shared" si="1058"/>
        <v>3128.5920000000001</v>
      </c>
      <c r="XCO54" s="7">
        <f t="shared" si="1058"/>
        <v>3128.5920000000001</v>
      </c>
      <c r="XCP54" s="7">
        <f t="shared" si="1058"/>
        <v>3128.5920000000001</v>
      </c>
      <c r="XCQ54" s="7">
        <f t="shared" si="1058"/>
        <v>3128.5920000000001</v>
      </c>
      <c r="XCR54" s="7">
        <f t="shared" si="1058"/>
        <v>3128.5920000000001</v>
      </c>
      <c r="XCS54" s="7">
        <f t="shared" si="1058"/>
        <v>3128.5920000000001</v>
      </c>
      <c r="XCT54" s="7">
        <f t="shared" si="1058"/>
        <v>3128.5920000000001</v>
      </c>
      <c r="XCU54" s="7">
        <f t="shared" si="1058"/>
        <v>3128.5920000000001</v>
      </c>
      <c r="XCV54" s="7">
        <f t="shared" si="1058"/>
        <v>3128.5920000000001</v>
      </c>
      <c r="XCW54" s="7">
        <f t="shared" si="1058"/>
        <v>3128.5920000000001</v>
      </c>
      <c r="XCX54" s="7">
        <f t="shared" si="1058"/>
        <v>3128.5920000000001</v>
      </c>
      <c r="XCY54" s="7">
        <f t="shared" si="1058"/>
        <v>3128.5920000000001</v>
      </c>
      <c r="XCZ54" s="7">
        <f t="shared" si="1058"/>
        <v>3128.5920000000001</v>
      </c>
      <c r="XDA54" s="7">
        <f t="shared" si="1058"/>
        <v>3128.5920000000001</v>
      </c>
      <c r="XDB54" s="7">
        <f t="shared" ref="XDB54:XFD54" si="1059">XDB49+XDA54</f>
        <v>3128.5920000000001</v>
      </c>
      <c r="XDC54" s="7">
        <f t="shared" si="1059"/>
        <v>3128.5920000000001</v>
      </c>
      <c r="XDD54" s="7">
        <f t="shared" si="1059"/>
        <v>3128.5920000000001</v>
      </c>
      <c r="XDE54" s="7">
        <f t="shared" si="1059"/>
        <v>3128.5920000000001</v>
      </c>
      <c r="XDF54" s="7">
        <f t="shared" si="1059"/>
        <v>3128.5920000000001</v>
      </c>
      <c r="XDG54" s="7">
        <f t="shared" si="1059"/>
        <v>3128.5920000000001</v>
      </c>
      <c r="XDH54" s="7">
        <f t="shared" si="1059"/>
        <v>3128.5920000000001</v>
      </c>
      <c r="XDI54" s="7">
        <f t="shared" si="1059"/>
        <v>3128.5920000000001</v>
      </c>
      <c r="XDJ54" s="7">
        <f t="shared" si="1059"/>
        <v>3128.5920000000001</v>
      </c>
      <c r="XDK54" s="7">
        <f t="shared" si="1059"/>
        <v>3128.5920000000001</v>
      </c>
      <c r="XDL54" s="7">
        <f t="shared" si="1059"/>
        <v>3128.5920000000001</v>
      </c>
      <c r="XDM54" s="7">
        <f t="shared" si="1059"/>
        <v>3128.5920000000001</v>
      </c>
      <c r="XDN54" s="7">
        <f t="shared" si="1059"/>
        <v>3128.5920000000001</v>
      </c>
      <c r="XDO54" s="7">
        <f t="shared" si="1059"/>
        <v>3128.5920000000001</v>
      </c>
      <c r="XDP54" s="7">
        <f t="shared" si="1059"/>
        <v>3128.5920000000001</v>
      </c>
      <c r="XDQ54" s="7">
        <f t="shared" si="1059"/>
        <v>3128.5920000000001</v>
      </c>
      <c r="XDR54" s="7">
        <f t="shared" si="1059"/>
        <v>3128.5920000000001</v>
      </c>
      <c r="XDS54" s="7">
        <f t="shared" si="1059"/>
        <v>3128.5920000000001</v>
      </c>
      <c r="XDT54" s="7">
        <f t="shared" si="1059"/>
        <v>3128.5920000000001</v>
      </c>
      <c r="XDU54" s="7">
        <f t="shared" si="1059"/>
        <v>3128.5920000000001</v>
      </c>
      <c r="XDV54" s="7">
        <f t="shared" si="1059"/>
        <v>3128.5920000000001</v>
      </c>
      <c r="XDW54" s="7">
        <f t="shared" si="1059"/>
        <v>3128.5920000000001</v>
      </c>
      <c r="XDX54" s="7">
        <f t="shared" si="1059"/>
        <v>3128.5920000000001</v>
      </c>
      <c r="XDY54" s="7">
        <f t="shared" si="1059"/>
        <v>3128.5920000000001</v>
      </c>
      <c r="XDZ54" s="7">
        <f t="shared" si="1059"/>
        <v>3128.5920000000001</v>
      </c>
      <c r="XEA54" s="7">
        <f t="shared" si="1059"/>
        <v>3128.5920000000001</v>
      </c>
      <c r="XEB54" s="7">
        <f t="shared" si="1059"/>
        <v>3128.5920000000001</v>
      </c>
      <c r="XEC54" s="7">
        <f t="shared" si="1059"/>
        <v>3128.5920000000001</v>
      </c>
      <c r="XED54" s="7">
        <f t="shared" si="1059"/>
        <v>3128.5920000000001</v>
      </c>
      <c r="XEE54" s="7">
        <f t="shared" si="1059"/>
        <v>3128.5920000000001</v>
      </c>
      <c r="XEF54" s="7">
        <f t="shared" si="1059"/>
        <v>3128.5920000000001</v>
      </c>
      <c r="XEG54" s="7">
        <f t="shared" si="1059"/>
        <v>3128.5920000000001</v>
      </c>
      <c r="XEH54" s="7">
        <f t="shared" si="1059"/>
        <v>3128.5920000000001</v>
      </c>
      <c r="XEI54" s="7">
        <f t="shared" si="1059"/>
        <v>3128.5920000000001</v>
      </c>
      <c r="XEJ54" s="7">
        <f t="shared" si="1059"/>
        <v>3128.5920000000001</v>
      </c>
      <c r="XEK54" s="7">
        <f t="shared" si="1059"/>
        <v>3128.5920000000001</v>
      </c>
      <c r="XEL54" s="7">
        <f t="shared" si="1059"/>
        <v>3128.5920000000001</v>
      </c>
      <c r="XEM54" s="7">
        <f t="shared" si="1059"/>
        <v>3128.5920000000001</v>
      </c>
      <c r="XEN54" s="7">
        <f t="shared" si="1059"/>
        <v>3128.5920000000001</v>
      </c>
      <c r="XEO54" s="7">
        <f t="shared" si="1059"/>
        <v>3128.5920000000001</v>
      </c>
      <c r="XEP54" s="7">
        <f t="shared" si="1059"/>
        <v>3128.5920000000001</v>
      </c>
      <c r="XEQ54" s="7">
        <f t="shared" si="1059"/>
        <v>3128.5920000000001</v>
      </c>
      <c r="XER54" s="7">
        <f t="shared" si="1059"/>
        <v>3128.5920000000001</v>
      </c>
      <c r="XES54" s="7">
        <f t="shared" si="1059"/>
        <v>3128.5920000000001</v>
      </c>
      <c r="XET54" s="7">
        <f t="shared" si="1059"/>
        <v>3128.5920000000001</v>
      </c>
      <c r="XEU54" s="7">
        <f t="shared" si="1059"/>
        <v>3128.5920000000001</v>
      </c>
      <c r="XEV54" s="7">
        <f t="shared" si="1059"/>
        <v>3128.5920000000001</v>
      </c>
      <c r="XEW54" s="7">
        <f t="shared" si="1059"/>
        <v>3128.5920000000001</v>
      </c>
      <c r="XEX54" s="7">
        <f t="shared" si="1059"/>
        <v>3128.5920000000001</v>
      </c>
      <c r="XEY54" s="7">
        <f t="shared" si="1059"/>
        <v>3128.5920000000001</v>
      </c>
      <c r="XEZ54" s="7">
        <f t="shared" si="1059"/>
        <v>3128.5920000000001</v>
      </c>
      <c r="XFA54" s="7">
        <f t="shared" si="1059"/>
        <v>3128.5920000000001</v>
      </c>
      <c r="XFB54" s="7">
        <f t="shared" si="1059"/>
        <v>3128.5920000000001</v>
      </c>
      <c r="XFC54" s="7">
        <f t="shared" si="1059"/>
        <v>3128.5920000000001</v>
      </c>
      <c r="XFD54" s="7">
        <f t="shared" si="1059"/>
        <v>3128.5920000000001</v>
      </c>
    </row>
    <row r="55" spans="5:16384">
      <c r="E55" s="4" t="s">
        <v>34</v>
      </c>
      <c r="F55" s="4" t="s">
        <v>26</v>
      </c>
      <c r="H55" s="7">
        <f t="shared" si="289"/>
        <v>2547.9240000000004</v>
      </c>
      <c r="J55" s="7">
        <f t="shared" ref="J55:AO55" si="1060">J50+I55</f>
        <v>0</v>
      </c>
      <c r="K55" s="7">
        <f t="shared" si="1060"/>
        <v>7.516</v>
      </c>
      <c r="L55" s="7">
        <f t="shared" si="1060"/>
        <v>15.032</v>
      </c>
      <c r="M55" s="7">
        <f t="shared" si="1060"/>
        <v>22.548000000000002</v>
      </c>
      <c r="N55" s="7">
        <f t="shared" si="1060"/>
        <v>30.064</v>
      </c>
      <c r="O55" s="7">
        <f t="shared" si="1060"/>
        <v>37.58</v>
      </c>
      <c r="P55" s="7">
        <f t="shared" si="1060"/>
        <v>45.096000000000004</v>
      </c>
      <c r="Q55" s="7">
        <f t="shared" si="1060"/>
        <v>45.096000000000004</v>
      </c>
      <c r="R55" s="7">
        <f t="shared" si="1060"/>
        <v>45.096000000000004</v>
      </c>
      <c r="S55" s="7">
        <f t="shared" si="1060"/>
        <v>45.096000000000004</v>
      </c>
      <c r="T55" s="7">
        <f t="shared" si="1060"/>
        <v>45.096000000000004</v>
      </c>
      <c r="U55" s="7">
        <f t="shared" si="1060"/>
        <v>45.096000000000004</v>
      </c>
      <c r="V55" s="7">
        <f t="shared" si="1060"/>
        <v>45.096000000000004</v>
      </c>
      <c r="W55" s="7">
        <f t="shared" si="1060"/>
        <v>45.096000000000004</v>
      </c>
      <c r="X55" s="7">
        <f t="shared" si="1060"/>
        <v>45.096000000000004</v>
      </c>
      <c r="Y55" s="7">
        <f t="shared" si="1060"/>
        <v>45.096000000000004</v>
      </c>
      <c r="Z55" s="7">
        <f t="shared" si="1060"/>
        <v>45.096000000000004</v>
      </c>
      <c r="AA55" s="7">
        <f t="shared" si="1060"/>
        <v>45.096000000000004</v>
      </c>
      <c r="AB55" s="7">
        <f t="shared" si="1060"/>
        <v>45.096000000000004</v>
      </c>
      <c r="AC55" s="7">
        <f t="shared" si="1060"/>
        <v>45.096000000000004</v>
      </c>
      <c r="AD55" s="7">
        <f t="shared" si="1060"/>
        <v>45.096000000000004</v>
      </c>
      <c r="AE55" s="7">
        <f t="shared" si="1060"/>
        <v>45.096000000000004</v>
      </c>
      <c r="AF55" s="7">
        <f t="shared" si="1060"/>
        <v>45.096000000000004</v>
      </c>
      <c r="AG55" s="7">
        <f t="shared" si="1060"/>
        <v>45.096000000000004</v>
      </c>
      <c r="AH55" s="7">
        <f t="shared" si="1060"/>
        <v>45.096000000000004</v>
      </c>
      <c r="AI55" s="7">
        <f t="shared" si="1060"/>
        <v>45.096000000000004</v>
      </c>
      <c r="AJ55" s="7">
        <f t="shared" si="1060"/>
        <v>45.096000000000004</v>
      </c>
      <c r="AK55" s="7">
        <f t="shared" si="1060"/>
        <v>45.096000000000004</v>
      </c>
      <c r="AL55" s="7">
        <f t="shared" si="1060"/>
        <v>45.096000000000004</v>
      </c>
      <c r="AM55" s="7">
        <f t="shared" si="1060"/>
        <v>45.096000000000004</v>
      </c>
      <c r="AN55" s="7">
        <f t="shared" si="1060"/>
        <v>45.096000000000004</v>
      </c>
      <c r="AO55" s="7">
        <f t="shared" si="1060"/>
        <v>45.096000000000004</v>
      </c>
      <c r="AP55" s="7">
        <f t="shared" ref="AP55:BQ55" si="1061">AP50+AO55</f>
        <v>45.096000000000004</v>
      </c>
      <c r="AQ55" s="7">
        <f t="shared" si="1061"/>
        <v>45.096000000000004</v>
      </c>
      <c r="AR55" s="7">
        <f t="shared" si="1061"/>
        <v>45.096000000000004</v>
      </c>
      <c r="AS55" s="7">
        <f t="shared" si="1061"/>
        <v>45.096000000000004</v>
      </c>
      <c r="AT55" s="7">
        <f t="shared" si="1061"/>
        <v>45.096000000000004</v>
      </c>
      <c r="AU55" s="7">
        <f t="shared" si="1061"/>
        <v>45.096000000000004</v>
      </c>
      <c r="AV55" s="7">
        <f t="shared" si="1061"/>
        <v>45.096000000000004</v>
      </c>
      <c r="AW55" s="7">
        <f t="shared" si="1061"/>
        <v>45.096000000000004</v>
      </c>
      <c r="AX55" s="7">
        <f t="shared" si="1061"/>
        <v>45.096000000000004</v>
      </c>
      <c r="AY55" s="7">
        <f t="shared" si="1061"/>
        <v>45.096000000000004</v>
      </c>
      <c r="AZ55" s="7">
        <f t="shared" si="1061"/>
        <v>45.096000000000004</v>
      </c>
      <c r="BA55" s="7">
        <f t="shared" si="1061"/>
        <v>45.096000000000004</v>
      </c>
      <c r="BB55" s="7">
        <f t="shared" si="1061"/>
        <v>45.096000000000004</v>
      </c>
      <c r="BC55" s="7">
        <f t="shared" si="1061"/>
        <v>45.096000000000004</v>
      </c>
      <c r="BD55" s="7">
        <f t="shared" si="1061"/>
        <v>45.096000000000004</v>
      </c>
      <c r="BE55" s="7">
        <f t="shared" si="1061"/>
        <v>45.096000000000004</v>
      </c>
      <c r="BF55" s="7">
        <f t="shared" si="1061"/>
        <v>45.096000000000004</v>
      </c>
      <c r="BG55" s="7">
        <f t="shared" si="1061"/>
        <v>45.096000000000004</v>
      </c>
      <c r="BH55" s="7">
        <f t="shared" si="1061"/>
        <v>45.096000000000004</v>
      </c>
      <c r="BI55" s="7">
        <f t="shared" si="1061"/>
        <v>45.096000000000004</v>
      </c>
      <c r="BJ55" s="7">
        <f t="shared" si="1061"/>
        <v>45.096000000000004</v>
      </c>
      <c r="BK55" s="7">
        <f t="shared" si="1061"/>
        <v>45.096000000000004</v>
      </c>
      <c r="BL55" s="7">
        <f t="shared" si="1061"/>
        <v>45.096000000000004</v>
      </c>
      <c r="BM55" s="7">
        <f t="shared" si="1061"/>
        <v>45.096000000000004</v>
      </c>
      <c r="BN55" s="7">
        <f t="shared" si="1061"/>
        <v>45.096000000000004</v>
      </c>
      <c r="BO55" s="7">
        <f t="shared" si="1061"/>
        <v>45.096000000000004</v>
      </c>
      <c r="BP55" s="7">
        <f t="shared" si="1061"/>
        <v>45.096000000000004</v>
      </c>
      <c r="BQ55" s="7">
        <f t="shared" si="1061"/>
        <v>45.096000000000004</v>
      </c>
    </row>
    <row r="56" spans="5:16384">
      <c r="E56" s="5" t="s">
        <v>35</v>
      </c>
      <c r="F56" s="5" t="s">
        <v>26</v>
      </c>
      <c r="G56" s="12"/>
      <c r="H56" s="12">
        <f>SUM(J56:BQ56)</f>
        <v>1421888.3984999992</v>
      </c>
      <c r="I56" s="12"/>
      <c r="J56" s="12">
        <f t="shared" ref="J56:AO56" si="1062">SUM(J52:J55)</f>
        <v>2217.9250000000002</v>
      </c>
      <c r="K56" s="12">
        <f t="shared" si="1062"/>
        <v>6610.0985000000001</v>
      </c>
      <c r="L56" s="12">
        <f t="shared" si="1062"/>
        <v>10912.134499999998</v>
      </c>
      <c r="M56" s="12">
        <f t="shared" si="1062"/>
        <v>15092.227000000001</v>
      </c>
      <c r="N56" s="12">
        <f t="shared" si="1062"/>
        <v>19119.617499999997</v>
      </c>
      <c r="O56" s="12">
        <f t="shared" si="1062"/>
        <v>23000.462</v>
      </c>
      <c r="P56" s="12">
        <f t="shared" si="1062"/>
        <v>24906.221000000001</v>
      </c>
      <c r="Q56" s="12">
        <f t="shared" si="1062"/>
        <v>24906.221000000001</v>
      </c>
      <c r="R56" s="12">
        <f t="shared" si="1062"/>
        <v>24906.221000000001</v>
      </c>
      <c r="S56" s="12">
        <f t="shared" si="1062"/>
        <v>24906.221000000001</v>
      </c>
      <c r="T56" s="12">
        <f t="shared" si="1062"/>
        <v>24906.221000000001</v>
      </c>
      <c r="U56" s="12">
        <f t="shared" si="1062"/>
        <v>24906.221000000001</v>
      </c>
      <c r="V56" s="12">
        <f t="shared" si="1062"/>
        <v>24906.221000000001</v>
      </c>
      <c r="W56" s="12">
        <f t="shared" si="1062"/>
        <v>24906.221000000001</v>
      </c>
      <c r="X56" s="12">
        <f t="shared" si="1062"/>
        <v>24906.221000000001</v>
      </c>
      <c r="Y56" s="12">
        <f t="shared" si="1062"/>
        <v>24906.221000000001</v>
      </c>
      <c r="Z56" s="12">
        <f t="shared" si="1062"/>
        <v>24906.221000000001</v>
      </c>
      <c r="AA56" s="12">
        <f t="shared" si="1062"/>
        <v>24906.221000000001</v>
      </c>
      <c r="AB56" s="12">
        <f t="shared" si="1062"/>
        <v>24906.221000000001</v>
      </c>
      <c r="AC56" s="12">
        <f t="shared" si="1062"/>
        <v>24906.221000000001</v>
      </c>
      <c r="AD56" s="12">
        <f t="shared" si="1062"/>
        <v>24906.221000000001</v>
      </c>
      <c r="AE56" s="12">
        <f t="shared" si="1062"/>
        <v>24906.221000000001</v>
      </c>
      <c r="AF56" s="12">
        <f t="shared" si="1062"/>
        <v>24906.221000000001</v>
      </c>
      <c r="AG56" s="12">
        <f t="shared" si="1062"/>
        <v>24906.221000000001</v>
      </c>
      <c r="AH56" s="12">
        <f t="shared" si="1062"/>
        <v>24906.221000000001</v>
      </c>
      <c r="AI56" s="12">
        <f t="shared" si="1062"/>
        <v>24906.221000000001</v>
      </c>
      <c r="AJ56" s="12">
        <f t="shared" si="1062"/>
        <v>24906.221000000001</v>
      </c>
      <c r="AK56" s="12">
        <f t="shared" si="1062"/>
        <v>24906.221000000001</v>
      </c>
      <c r="AL56" s="12">
        <f t="shared" si="1062"/>
        <v>24906.221000000001</v>
      </c>
      <c r="AM56" s="12">
        <f t="shared" si="1062"/>
        <v>24906.221000000001</v>
      </c>
      <c r="AN56" s="12">
        <f t="shared" si="1062"/>
        <v>24906.221000000001</v>
      </c>
      <c r="AO56" s="12">
        <f t="shared" si="1062"/>
        <v>24906.221000000001</v>
      </c>
      <c r="AP56" s="12">
        <f t="shared" ref="AP56:BQ56" si="1063">SUM(AP52:AP55)</f>
        <v>24906.221000000001</v>
      </c>
      <c r="AQ56" s="12">
        <f t="shared" si="1063"/>
        <v>24906.221000000001</v>
      </c>
      <c r="AR56" s="12">
        <f t="shared" si="1063"/>
        <v>24906.221000000001</v>
      </c>
      <c r="AS56" s="12">
        <f t="shared" si="1063"/>
        <v>24906.221000000001</v>
      </c>
      <c r="AT56" s="12">
        <f t="shared" si="1063"/>
        <v>24906.221000000001</v>
      </c>
      <c r="AU56" s="12">
        <f t="shared" si="1063"/>
        <v>24906.221000000001</v>
      </c>
      <c r="AV56" s="12">
        <f t="shared" si="1063"/>
        <v>24906.221000000001</v>
      </c>
      <c r="AW56" s="12">
        <f t="shared" si="1063"/>
        <v>24906.221000000001</v>
      </c>
      <c r="AX56" s="12">
        <f t="shared" si="1063"/>
        <v>24906.221000000001</v>
      </c>
      <c r="AY56" s="12">
        <f t="shared" si="1063"/>
        <v>24906.221000000001</v>
      </c>
      <c r="AZ56" s="12">
        <f t="shared" si="1063"/>
        <v>24906.221000000001</v>
      </c>
      <c r="BA56" s="12">
        <f t="shared" si="1063"/>
        <v>24906.221000000001</v>
      </c>
      <c r="BB56" s="12">
        <f t="shared" si="1063"/>
        <v>24906.221000000001</v>
      </c>
      <c r="BC56" s="12">
        <f t="shared" si="1063"/>
        <v>24906.221000000001</v>
      </c>
      <c r="BD56" s="12">
        <f t="shared" si="1063"/>
        <v>24906.221000000001</v>
      </c>
      <c r="BE56" s="12">
        <f t="shared" si="1063"/>
        <v>24906.221000000001</v>
      </c>
      <c r="BF56" s="12">
        <f t="shared" si="1063"/>
        <v>24906.221000000001</v>
      </c>
      <c r="BG56" s="12">
        <f t="shared" si="1063"/>
        <v>24906.221000000001</v>
      </c>
      <c r="BH56" s="12">
        <f t="shared" si="1063"/>
        <v>24906.221000000001</v>
      </c>
      <c r="BI56" s="12">
        <f t="shared" si="1063"/>
        <v>24906.221000000001</v>
      </c>
      <c r="BJ56" s="12">
        <f t="shared" si="1063"/>
        <v>24906.221000000001</v>
      </c>
      <c r="BK56" s="12">
        <f t="shared" si="1063"/>
        <v>24906.221000000001</v>
      </c>
      <c r="BL56" s="12">
        <f t="shared" si="1063"/>
        <v>24906.221000000001</v>
      </c>
      <c r="BM56" s="12">
        <f t="shared" si="1063"/>
        <v>24906.221000000001</v>
      </c>
      <c r="BN56" s="12">
        <f t="shared" si="1063"/>
        <v>24906.221000000001</v>
      </c>
      <c r="BO56" s="12">
        <f t="shared" si="1063"/>
        <v>24906.221000000001</v>
      </c>
      <c r="BP56" s="12">
        <f t="shared" si="1063"/>
        <v>24906.221000000001</v>
      </c>
      <c r="BQ56" s="12">
        <f t="shared" si="1063"/>
        <v>24906.221000000001</v>
      </c>
    </row>
    <row r="58" spans="5:16384">
      <c r="E58" s="7" t="s">
        <v>36</v>
      </c>
    </row>
    <row r="59" spans="5:16384">
      <c r="E59" s="10" t="s">
        <v>7</v>
      </c>
      <c r="F59" s="34"/>
      <c r="J59" s="10">
        <f t="shared" ref="J59:AO59" si="1064">J12</f>
        <v>0.23809523809523811</v>
      </c>
      <c r="K59" s="10">
        <f t="shared" si="1064"/>
        <v>0.23809523809523811</v>
      </c>
      <c r="L59" s="10">
        <f t="shared" si="1064"/>
        <v>0.23809523809523811</v>
      </c>
      <c r="M59" s="10">
        <f t="shared" si="1064"/>
        <v>0.23809523809523811</v>
      </c>
      <c r="N59" s="10">
        <f t="shared" si="1064"/>
        <v>0.23809523809523811</v>
      </c>
      <c r="O59" s="10">
        <f t="shared" si="1064"/>
        <v>0.23809523809523811</v>
      </c>
      <c r="P59" s="10">
        <f t="shared" si="1064"/>
        <v>0.23809523809523811</v>
      </c>
      <c r="Q59" s="10">
        <f t="shared" si="1064"/>
        <v>0.23809523809523811</v>
      </c>
      <c r="R59" s="10">
        <f t="shared" si="1064"/>
        <v>0.23809523809523811</v>
      </c>
      <c r="S59" s="10">
        <f t="shared" si="1064"/>
        <v>0.23809523809523811</v>
      </c>
      <c r="T59" s="10">
        <f t="shared" si="1064"/>
        <v>0.23809523809523811</v>
      </c>
      <c r="U59" s="10">
        <f t="shared" si="1064"/>
        <v>0.23809523809523811</v>
      </c>
      <c r="V59" s="10">
        <f t="shared" si="1064"/>
        <v>0.23809523809523811</v>
      </c>
      <c r="W59" s="10">
        <f t="shared" si="1064"/>
        <v>0.23809523809523811</v>
      </c>
      <c r="X59" s="10">
        <f t="shared" si="1064"/>
        <v>0.23809523809523811</v>
      </c>
      <c r="Y59" s="10">
        <f t="shared" si="1064"/>
        <v>0.23809523809523811</v>
      </c>
      <c r="Z59" s="10">
        <f t="shared" si="1064"/>
        <v>0.23809523809523811</v>
      </c>
      <c r="AA59" s="10">
        <f t="shared" si="1064"/>
        <v>0.23809523809523811</v>
      </c>
      <c r="AB59" s="10">
        <f t="shared" si="1064"/>
        <v>0.23809523809523811</v>
      </c>
      <c r="AC59" s="10">
        <f t="shared" si="1064"/>
        <v>0.23809523809523811</v>
      </c>
      <c r="AD59" s="10">
        <f t="shared" si="1064"/>
        <v>0.23809523809523811</v>
      </c>
      <c r="AE59" s="10">
        <f t="shared" si="1064"/>
        <v>0.23809523809523811</v>
      </c>
      <c r="AF59" s="10">
        <f t="shared" si="1064"/>
        <v>0.23809523809523811</v>
      </c>
      <c r="AG59" s="10">
        <f t="shared" si="1064"/>
        <v>0.23809523809523811</v>
      </c>
      <c r="AH59" s="10">
        <f t="shared" si="1064"/>
        <v>0.23809523809523811</v>
      </c>
      <c r="AI59" s="10">
        <f t="shared" si="1064"/>
        <v>0.23809523809523811</v>
      </c>
      <c r="AJ59" s="10">
        <f t="shared" si="1064"/>
        <v>0.23809523809523811</v>
      </c>
      <c r="AK59" s="10">
        <f t="shared" si="1064"/>
        <v>0.23809523809523811</v>
      </c>
      <c r="AL59" s="10">
        <f t="shared" si="1064"/>
        <v>0.23809523809523811</v>
      </c>
      <c r="AM59" s="10">
        <f t="shared" si="1064"/>
        <v>0.23809523809523811</v>
      </c>
      <c r="AN59" s="10">
        <f t="shared" si="1064"/>
        <v>0.23809523809523811</v>
      </c>
      <c r="AO59" s="10">
        <f t="shared" si="1064"/>
        <v>0.23809523809523811</v>
      </c>
      <c r="AP59" s="10">
        <f t="shared" ref="AP59:BQ59" si="1065">AP12</f>
        <v>0.23809523809523811</v>
      </c>
      <c r="AQ59" s="10">
        <f t="shared" si="1065"/>
        <v>0.23809523809523811</v>
      </c>
      <c r="AR59" s="10">
        <f t="shared" si="1065"/>
        <v>0.23809523809523811</v>
      </c>
      <c r="AS59" s="10">
        <f t="shared" si="1065"/>
        <v>0.23809523809523811</v>
      </c>
      <c r="AT59" s="10">
        <f t="shared" si="1065"/>
        <v>0.23809523809523811</v>
      </c>
      <c r="AU59" s="10">
        <f t="shared" si="1065"/>
        <v>0.23809523809523811</v>
      </c>
      <c r="AV59" s="10">
        <f t="shared" si="1065"/>
        <v>0.23809523809523811</v>
      </c>
      <c r="AW59" s="10">
        <f t="shared" si="1065"/>
        <v>0.23809523809523811</v>
      </c>
      <c r="AX59" s="10">
        <f t="shared" si="1065"/>
        <v>0.23809523809523811</v>
      </c>
      <c r="AY59" s="10">
        <f t="shared" si="1065"/>
        <v>0.23809523809523811</v>
      </c>
      <c r="AZ59" s="10">
        <f t="shared" si="1065"/>
        <v>0.23809523809523811</v>
      </c>
      <c r="BA59" s="10">
        <f t="shared" si="1065"/>
        <v>0.23809523809523811</v>
      </c>
      <c r="BB59" s="10">
        <f t="shared" si="1065"/>
        <v>0.23809523809523811</v>
      </c>
      <c r="BC59" s="10">
        <f t="shared" si="1065"/>
        <v>0.23809523809523811</v>
      </c>
      <c r="BD59" s="10">
        <f t="shared" si="1065"/>
        <v>0.23809523809523811</v>
      </c>
      <c r="BE59" s="10">
        <f t="shared" si="1065"/>
        <v>0.23809523809523811</v>
      </c>
      <c r="BF59" s="10">
        <f t="shared" si="1065"/>
        <v>0.23809523809523811</v>
      </c>
      <c r="BG59" s="10">
        <f t="shared" si="1065"/>
        <v>0.23809523809523811</v>
      </c>
      <c r="BH59" s="10">
        <f t="shared" si="1065"/>
        <v>0.23809523809523811</v>
      </c>
      <c r="BI59" s="10">
        <f t="shared" si="1065"/>
        <v>0.23809523809523811</v>
      </c>
      <c r="BJ59" s="10">
        <f t="shared" si="1065"/>
        <v>0.23809523809523811</v>
      </c>
      <c r="BK59" s="10">
        <f t="shared" si="1065"/>
        <v>0.23809523809523811</v>
      </c>
      <c r="BL59" s="10">
        <f t="shared" si="1065"/>
        <v>0.23809523809523811</v>
      </c>
      <c r="BM59" s="10">
        <f t="shared" si="1065"/>
        <v>0.23809523809523811</v>
      </c>
      <c r="BN59" s="10">
        <f t="shared" si="1065"/>
        <v>0.23809523809523811</v>
      </c>
      <c r="BO59" s="10">
        <f t="shared" si="1065"/>
        <v>0.23809523809523811</v>
      </c>
      <c r="BP59" s="10">
        <f t="shared" si="1065"/>
        <v>0.23809523809523811</v>
      </c>
      <c r="BQ59" s="10">
        <f t="shared" si="1065"/>
        <v>0.23809523809523811</v>
      </c>
    </row>
    <row r="60" spans="5:16384">
      <c r="E60" s="10" t="s">
        <v>9</v>
      </c>
      <c r="F60" s="34"/>
      <c r="J60" s="10">
        <f t="shared" ref="J60:AO60" si="1066">J13</f>
        <v>9.5238095238095247E-2</v>
      </c>
      <c r="K60" s="10">
        <f t="shared" si="1066"/>
        <v>9.5238095238095247E-2</v>
      </c>
      <c r="L60" s="10">
        <f t="shared" si="1066"/>
        <v>9.5238095238095247E-2</v>
      </c>
      <c r="M60" s="10">
        <f t="shared" si="1066"/>
        <v>9.5238095238095247E-2</v>
      </c>
      <c r="N60" s="10">
        <f t="shared" si="1066"/>
        <v>9.5238095238095247E-2</v>
      </c>
      <c r="O60" s="10">
        <f t="shared" si="1066"/>
        <v>9.5238095238095247E-2</v>
      </c>
      <c r="P60" s="10">
        <f t="shared" si="1066"/>
        <v>9.5238095238095247E-2</v>
      </c>
      <c r="Q60" s="10">
        <f t="shared" si="1066"/>
        <v>9.5238095238095247E-2</v>
      </c>
      <c r="R60" s="10">
        <f t="shared" si="1066"/>
        <v>9.5238095238095247E-2</v>
      </c>
      <c r="S60" s="10">
        <f t="shared" si="1066"/>
        <v>9.5238095238095247E-2</v>
      </c>
      <c r="T60" s="10">
        <f t="shared" si="1066"/>
        <v>9.5238095238095247E-2</v>
      </c>
      <c r="U60" s="10">
        <f t="shared" si="1066"/>
        <v>9.5238095238095247E-2</v>
      </c>
      <c r="V60" s="10">
        <f t="shared" si="1066"/>
        <v>9.5238095238095247E-2</v>
      </c>
      <c r="W60" s="10">
        <f t="shared" si="1066"/>
        <v>9.5238095238095247E-2</v>
      </c>
      <c r="X60" s="10">
        <f t="shared" si="1066"/>
        <v>9.5238095238095247E-2</v>
      </c>
      <c r="Y60" s="10">
        <f t="shared" si="1066"/>
        <v>9.5238095238095247E-2</v>
      </c>
      <c r="Z60" s="10">
        <f t="shared" si="1066"/>
        <v>9.5238095238095247E-2</v>
      </c>
      <c r="AA60" s="10">
        <f t="shared" si="1066"/>
        <v>9.5238095238095247E-2</v>
      </c>
      <c r="AB60" s="10">
        <f t="shared" si="1066"/>
        <v>9.5238095238095247E-2</v>
      </c>
      <c r="AC60" s="10">
        <f t="shared" si="1066"/>
        <v>9.5238095238095247E-2</v>
      </c>
      <c r="AD60" s="10">
        <f t="shared" si="1066"/>
        <v>9.5238095238095247E-2</v>
      </c>
      <c r="AE60" s="10">
        <f t="shared" si="1066"/>
        <v>9.5238095238095247E-2</v>
      </c>
      <c r="AF60" s="10">
        <f t="shared" si="1066"/>
        <v>9.5238095238095247E-2</v>
      </c>
      <c r="AG60" s="10">
        <f t="shared" si="1066"/>
        <v>9.5238095238095247E-2</v>
      </c>
      <c r="AH60" s="10">
        <f t="shared" si="1066"/>
        <v>9.5238095238095247E-2</v>
      </c>
      <c r="AI60" s="10">
        <f t="shared" si="1066"/>
        <v>9.5238095238095247E-2</v>
      </c>
      <c r="AJ60" s="10">
        <f t="shared" si="1066"/>
        <v>9.5238095238095247E-2</v>
      </c>
      <c r="AK60" s="10">
        <f t="shared" si="1066"/>
        <v>9.5238095238095247E-2</v>
      </c>
      <c r="AL60" s="10">
        <f t="shared" si="1066"/>
        <v>9.5238095238095247E-2</v>
      </c>
      <c r="AM60" s="10">
        <f t="shared" si="1066"/>
        <v>9.5238095238095247E-2</v>
      </c>
      <c r="AN60" s="10">
        <f t="shared" si="1066"/>
        <v>9.5238095238095247E-2</v>
      </c>
      <c r="AO60" s="10">
        <f t="shared" si="1066"/>
        <v>9.5238095238095247E-2</v>
      </c>
      <c r="AP60" s="10">
        <f t="shared" ref="AP60:BQ60" si="1067">AP13</f>
        <v>9.5238095238095247E-2</v>
      </c>
      <c r="AQ60" s="10">
        <f t="shared" si="1067"/>
        <v>9.5238095238095247E-2</v>
      </c>
      <c r="AR60" s="10">
        <f t="shared" si="1067"/>
        <v>9.5238095238095247E-2</v>
      </c>
      <c r="AS60" s="10">
        <f t="shared" si="1067"/>
        <v>9.5238095238095247E-2</v>
      </c>
      <c r="AT60" s="10">
        <f t="shared" si="1067"/>
        <v>9.5238095238095247E-2</v>
      </c>
      <c r="AU60" s="10">
        <f t="shared" si="1067"/>
        <v>9.5238095238095247E-2</v>
      </c>
      <c r="AV60" s="10">
        <f t="shared" si="1067"/>
        <v>9.5238095238095247E-2</v>
      </c>
      <c r="AW60" s="10">
        <f t="shared" si="1067"/>
        <v>9.5238095238095247E-2</v>
      </c>
      <c r="AX60" s="10">
        <f t="shared" si="1067"/>
        <v>9.5238095238095247E-2</v>
      </c>
      <c r="AY60" s="10">
        <f t="shared" si="1067"/>
        <v>9.5238095238095247E-2</v>
      </c>
      <c r="AZ60" s="10">
        <f t="shared" si="1067"/>
        <v>9.5238095238095247E-2</v>
      </c>
      <c r="BA60" s="10">
        <f t="shared" si="1067"/>
        <v>9.5238095238095247E-2</v>
      </c>
      <c r="BB60" s="10">
        <f t="shared" si="1067"/>
        <v>9.5238095238095247E-2</v>
      </c>
      <c r="BC60" s="10">
        <f t="shared" si="1067"/>
        <v>9.5238095238095247E-2</v>
      </c>
      <c r="BD60" s="10">
        <f t="shared" si="1067"/>
        <v>9.5238095238095247E-2</v>
      </c>
      <c r="BE60" s="10">
        <f t="shared" si="1067"/>
        <v>9.5238095238095247E-2</v>
      </c>
      <c r="BF60" s="10">
        <f t="shared" si="1067"/>
        <v>9.5238095238095247E-2</v>
      </c>
      <c r="BG60" s="10">
        <f t="shared" si="1067"/>
        <v>9.5238095238095247E-2</v>
      </c>
      <c r="BH60" s="10">
        <f t="shared" si="1067"/>
        <v>9.5238095238095247E-2</v>
      </c>
      <c r="BI60" s="10">
        <f t="shared" si="1067"/>
        <v>9.5238095238095247E-2</v>
      </c>
      <c r="BJ60" s="10">
        <f t="shared" si="1067"/>
        <v>9.5238095238095247E-2</v>
      </c>
      <c r="BK60" s="10">
        <f t="shared" si="1067"/>
        <v>9.5238095238095247E-2</v>
      </c>
      <c r="BL60" s="10">
        <f t="shared" si="1067"/>
        <v>9.5238095238095247E-2</v>
      </c>
      <c r="BM60" s="10">
        <f t="shared" si="1067"/>
        <v>9.5238095238095247E-2</v>
      </c>
      <c r="BN60" s="10">
        <f t="shared" si="1067"/>
        <v>9.5238095238095247E-2</v>
      </c>
      <c r="BO60" s="10">
        <f t="shared" si="1067"/>
        <v>9.5238095238095247E-2</v>
      </c>
      <c r="BP60" s="10">
        <f t="shared" si="1067"/>
        <v>9.5238095238095247E-2</v>
      </c>
      <c r="BQ60" s="10">
        <f t="shared" si="1067"/>
        <v>9.5238095238095247E-2</v>
      </c>
    </row>
    <row r="61" spans="5:16384">
      <c r="E61" s="10" t="s">
        <v>10</v>
      </c>
      <c r="F61" s="34"/>
      <c r="J61" s="10">
        <f t="shared" ref="J61:AO61" si="1068">J14</f>
        <v>0.66666666666666674</v>
      </c>
      <c r="K61" s="10">
        <f t="shared" si="1068"/>
        <v>0.66666666666666674</v>
      </c>
      <c r="L61" s="10">
        <f t="shared" si="1068"/>
        <v>0.66666666666666674</v>
      </c>
      <c r="M61" s="10">
        <f t="shared" si="1068"/>
        <v>0.66666666666666674</v>
      </c>
      <c r="N61" s="10">
        <f t="shared" si="1068"/>
        <v>0.66666666666666674</v>
      </c>
      <c r="O61" s="10">
        <f t="shared" si="1068"/>
        <v>0.66666666666666674</v>
      </c>
      <c r="P61" s="10">
        <f t="shared" si="1068"/>
        <v>0.66666666666666674</v>
      </c>
      <c r="Q61" s="10">
        <f t="shared" si="1068"/>
        <v>0.66666666666666674</v>
      </c>
      <c r="R61" s="10">
        <f t="shared" si="1068"/>
        <v>0.66666666666666674</v>
      </c>
      <c r="S61" s="10">
        <f t="shared" si="1068"/>
        <v>0.66666666666666674</v>
      </c>
      <c r="T61" s="10">
        <f t="shared" si="1068"/>
        <v>0.66666666666666674</v>
      </c>
      <c r="U61" s="10">
        <f t="shared" si="1068"/>
        <v>0.66666666666666674</v>
      </c>
      <c r="V61" s="10">
        <f t="shared" si="1068"/>
        <v>0.66666666666666674</v>
      </c>
      <c r="W61" s="10">
        <f t="shared" si="1068"/>
        <v>0.66666666666666674</v>
      </c>
      <c r="X61" s="10">
        <f t="shared" si="1068"/>
        <v>0.66666666666666674</v>
      </c>
      <c r="Y61" s="10">
        <f t="shared" si="1068"/>
        <v>0.66666666666666674</v>
      </c>
      <c r="Z61" s="10">
        <f t="shared" si="1068"/>
        <v>0.66666666666666674</v>
      </c>
      <c r="AA61" s="10">
        <f t="shared" si="1068"/>
        <v>0.66666666666666674</v>
      </c>
      <c r="AB61" s="10">
        <f t="shared" si="1068"/>
        <v>0.66666666666666674</v>
      </c>
      <c r="AC61" s="10">
        <f t="shared" si="1068"/>
        <v>0.66666666666666674</v>
      </c>
      <c r="AD61" s="10">
        <f t="shared" si="1068"/>
        <v>0.66666666666666674</v>
      </c>
      <c r="AE61" s="10">
        <f t="shared" si="1068"/>
        <v>0.66666666666666674</v>
      </c>
      <c r="AF61" s="10">
        <f t="shared" si="1068"/>
        <v>0.66666666666666674</v>
      </c>
      <c r="AG61" s="10">
        <f t="shared" si="1068"/>
        <v>0.66666666666666674</v>
      </c>
      <c r="AH61" s="10">
        <f t="shared" si="1068"/>
        <v>0.66666666666666674</v>
      </c>
      <c r="AI61" s="10">
        <f t="shared" si="1068"/>
        <v>0.66666666666666674</v>
      </c>
      <c r="AJ61" s="10">
        <f t="shared" si="1068"/>
        <v>0.66666666666666674</v>
      </c>
      <c r="AK61" s="10">
        <f t="shared" si="1068"/>
        <v>0.66666666666666674</v>
      </c>
      <c r="AL61" s="10">
        <f t="shared" si="1068"/>
        <v>0.66666666666666674</v>
      </c>
      <c r="AM61" s="10">
        <f t="shared" si="1068"/>
        <v>0.66666666666666674</v>
      </c>
      <c r="AN61" s="10">
        <f t="shared" si="1068"/>
        <v>0.66666666666666674</v>
      </c>
      <c r="AO61" s="10">
        <f t="shared" si="1068"/>
        <v>0.66666666666666674</v>
      </c>
      <c r="AP61" s="10">
        <f t="shared" ref="AP61:BQ61" si="1069">AP14</f>
        <v>0.66666666666666674</v>
      </c>
      <c r="AQ61" s="10">
        <f t="shared" si="1069"/>
        <v>0.66666666666666674</v>
      </c>
      <c r="AR61" s="10">
        <f t="shared" si="1069"/>
        <v>0.66666666666666674</v>
      </c>
      <c r="AS61" s="10">
        <f t="shared" si="1069"/>
        <v>0.66666666666666674</v>
      </c>
      <c r="AT61" s="10">
        <f t="shared" si="1069"/>
        <v>0.66666666666666674</v>
      </c>
      <c r="AU61" s="10">
        <f t="shared" si="1069"/>
        <v>0.66666666666666674</v>
      </c>
      <c r="AV61" s="10">
        <f t="shared" si="1069"/>
        <v>0.66666666666666674</v>
      </c>
      <c r="AW61" s="10">
        <f t="shared" si="1069"/>
        <v>0.66666666666666674</v>
      </c>
      <c r="AX61" s="10">
        <f t="shared" si="1069"/>
        <v>0.66666666666666674</v>
      </c>
      <c r="AY61" s="10">
        <f t="shared" si="1069"/>
        <v>0.66666666666666674</v>
      </c>
      <c r="AZ61" s="10">
        <f t="shared" si="1069"/>
        <v>0.66666666666666674</v>
      </c>
      <c r="BA61" s="10">
        <f t="shared" si="1069"/>
        <v>0.66666666666666674</v>
      </c>
      <c r="BB61" s="10">
        <f t="shared" si="1069"/>
        <v>0.66666666666666674</v>
      </c>
      <c r="BC61" s="10">
        <f t="shared" si="1069"/>
        <v>0.66666666666666674</v>
      </c>
      <c r="BD61" s="10">
        <f t="shared" si="1069"/>
        <v>0.66666666666666674</v>
      </c>
      <c r="BE61" s="10">
        <f t="shared" si="1069"/>
        <v>0.66666666666666674</v>
      </c>
      <c r="BF61" s="10">
        <f t="shared" si="1069"/>
        <v>0.66666666666666674</v>
      </c>
      <c r="BG61" s="10">
        <f t="shared" si="1069"/>
        <v>0.66666666666666674</v>
      </c>
      <c r="BH61" s="10">
        <f t="shared" si="1069"/>
        <v>0.66666666666666674</v>
      </c>
      <c r="BI61" s="10">
        <f t="shared" si="1069"/>
        <v>0.66666666666666674</v>
      </c>
      <c r="BJ61" s="10">
        <f t="shared" si="1069"/>
        <v>0.66666666666666674</v>
      </c>
      <c r="BK61" s="10">
        <f t="shared" si="1069"/>
        <v>0.66666666666666674</v>
      </c>
      <c r="BL61" s="10">
        <f t="shared" si="1069"/>
        <v>0.66666666666666674</v>
      </c>
      <c r="BM61" s="10">
        <f t="shared" si="1069"/>
        <v>0.66666666666666674</v>
      </c>
      <c r="BN61" s="10">
        <f t="shared" si="1069"/>
        <v>0.66666666666666674</v>
      </c>
      <c r="BO61" s="10">
        <f t="shared" si="1069"/>
        <v>0.66666666666666674</v>
      </c>
      <c r="BP61" s="10">
        <f t="shared" si="1069"/>
        <v>0.66666666666666674</v>
      </c>
      <c r="BQ61" s="10">
        <f t="shared" si="1069"/>
        <v>0.66666666666666674</v>
      </c>
    </row>
    <row r="63" spans="5:16384">
      <c r="E63" s="7" t="s">
        <v>37</v>
      </c>
      <c r="F63" s="7" t="s">
        <v>38</v>
      </c>
      <c r="J63" s="34">
        <f t="shared" ref="J63:AO63" si="1070">SUMPRODUCT(J59:J61,J40:J42)</f>
        <v>1.2588219162434346</v>
      </c>
      <c r="K63" s="34">
        <f t="shared" si="1070"/>
        <v>1.2724846381194941</v>
      </c>
      <c r="L63" s="34">
        <f t="shared" si="1070"/>
        <v>1.2861473599955535</v>
      </c>
      <c r="M63" s="34">
        <f t="shared" si="1070"/>
        <v>1.299810081871613</v>
      </c>
      <c r="N63" s="34">
        <f t="shared" si="1070"/>
        <v>1.3134728037476724</v>
      </c>
      <c r="O63" s="34">
        <f t="shared" si="1070"/>
        <v>1.3271355256237318</v>
      </c>
      <c r="P63" s="34">
        <f t="shared" si="1070"/>
        <v>1.3407982474997913</v>
      </c>
      <c r="Q63" s="34">
        <f t="shared" si="1070"/>
        <v>1.3407982474997913</v>
      </c>
      <c r="R63" s="34">
        <f t="shared" si="1070"/>
        <v>1.3407982474997913</v>
      </c>
      <c r="S63" s="34">
        <f t="shared" si="1070"/>
        <v>1.3407982474997913</v>
      </c>
      <c r="T63" s="34">
        <f t="shared" si="1070"/>
        <v>1.3407982474997913</v>
      </c>
      <c r="U63" s="34">
        <f t="shared" si="1070"/>
        <v>1.3407982474997913</v>
      </c>
      <c r="V63" s="34">
        <f t="shared" si="1070"/>
        <v>1.3407982474997913</v>
      </c>
      <c r="W63" s="34">
        <f t="shared" si="1070"/>
        <v>1.3407982474997913</v>
      </c>
      <c r="X63" s="34">
        <f t="shared" si="1070"/>
        <v>1.3407982474997913</v>
      </c>
      <c r="Y63" s="34">
        <f t="shared" si="1070"/>
        <v>1.3407982474997913</v>
      </c>
      <c r="Z63" s="34">
        <f t="shared" si="1070"/>
        <v>1.3407982474997913</v>
      </c>
      <c r="AA63" s="34">
        <f t="shared" si="1070"/>
        <v>1.3407982474997913</v>
      </c>
      <c r="AB63" s="34">
        <f t="shared" si="1070"/>
        <v>1.3407982474997913</v>
      </c>
      <c r="AC63" s="34">
        <f t="shared" si="1070"/>
        <v>1.3407982474997913</v>
      </c>
      <c r="AD63" s="34">
        <f t="shared" si="1070"/>
        <v>1.3407982474997913</v>
      </c>
      <c r="AE63" s="34">
        <f t="shared" si="1070"/>
        <v>1.3407982474997913</v>
      </c>
      <c r="AF63" s="34">
        <f t="shared" si="1070"/>
        <v>1.3407982474997913</v>
      </c>
      <c r="AG63" s="34">
        <f t="shared" si="1070"/>
        <v>1.3407982474997913</v>
      </c>
      <c r="AH63" s="34">
        <f t="shared" si="1070"/>
        <v>1.3407982474997913</v>
      </c>
      <c r="AI63" s="34">
        <f t="shared" si="1070"/>
        <v>1.3407982474997913</v>
      </c>
      <c r="AJ63" s="34">
        <f t="shared" si="1070"/>
        <v>1.3407982474997913</v>
      </c>
      <c r="AK63" s="34">
        <f t="shared" si="1070"/>
        <v>1.3407982474997913</v>
      </c>
      <c r="AL63" s="34">
        <f t="shared" si="1070"/>
        <v>1.3407982474997913</v>
      </c>
      <c r="AM63" s="34">
        <f t="shared" si="1070"/>
        <v>1.3407982474997913</v>
      </c>
      <c r="AN63" s="34">
        <f t="shared" si="1070"/>
        <v>1.3407982474997913</v>
      </c>
      <c r="AO63" s="34">
        <f t="shared" si="1070"/>
        <v>1.3407982474997913</v>
      </c>
      <c r="AP63" s="34">
        <f t="shared" ref="AP63:BQ63" si="1071">SUMPRODUCT(AP59:AP61,AP40:AP42)</f>
        <v>1.3407982474997913</v>
      </c>
      <c r="AQ63" s="34">
        <f t="shared" si="1071"/>
        <v>1.3407982474997913</v>
      </c>
      <c r="AR63" s="34">
        <f t="shared" si="1071"/>
        <v>1.3407982474997913</v>
      </c>
      <c r="AS63" s="34">
        <f t="shared" si="1071"/>
        <v>1.3407982474997913</v>
      </c>
      <c r="AT63" s="34">
        <f t="shared" si="1071"/>
        <v>1.3407982474997913</v>
      </c>
      <c r="AU63" s="34">
        <f t="shared" si="1071"/>
        <v>1.3407982474997913</v>
      </c>
      <c r="AV63" s="34">
        <f t="shared" si="1071"/>
        <v>1.3407982474997913</v>
      </c>
      <c r="AW63" s="34">
        <f t="shared" si="1071"/>
        <v>1.3407982474997913</v>
      </c>
      <c r="AX63" s="34">
        <f t="shared" si="1071"/>
        <v>1.3407982474997913</v>
      </c>
      <c r="AY63" s="34">
        <f t="shared" si="1071"/>
        <v>1.3407982474997913</v>
      </c>
      <c r="AZ63" s="34">
        <f t="shared" si="1071"/>
        <v>1.3407982474997913</v>
      </c>
      <c r="BA63" s="34">
        <f t="shared" si="1071"/>
        <v>1.3407982474997913</v>
      </c>
      <c r="BB63" s="34">
        <f t="shared" si="1071"/>
        <v>1.3407982474997913</v>
      </c>
      <c r="BC63" s="34">
        <f t="shared" si="1071"/>
        <v>1.3407982474997913</v>
      </c>
      <c r="BD63" s="34">
        <f t="shared" si="1071"/>
        <v>1.3407982474997913</v>
      </c>
      <c r="BE63" s="34">
        <f t="shared" si="1071"/>
        <v>1.3407982474997913</v>
      </c>
      <c r="BF63" s="34">
        <f t="shared" si="1071"/>
        <v>1.3407982474997913</v>
      </c>
      <c r="BG63" s="34">
        <f t="shared" si="1071"/>
        <v>1.3407982474997913</v>
      </c>
      <c r="BH63" s="34">
        <f t="shared" si="1071"/>
        <v>1.3407982474997913</v>
      </c>
      <c r="BI63" s="34">
        <f t="shared" si="1071"/>
        <v>1.3407982474997913</v>
      </c>
      <c r="BJ63" s="34">
        <f t="shared" si="1071"/>
        <v>1.3407982474997913</v>
      </c>
      <c r="BK63" s="34">
        <f t="shared" si="1071"/>
        <v>1.3407982474997913</v>
      </c>
      <c r="BL63" s="34">
        <f t="shared" si="1071"/>
        <v>1.3407982474997913</v>
      </c>
      <c r="BM63" s="34">
        <f t="shared" si="1071"/>
        <v>1.3407982474997913</v>
      </c>
      <c r="BN63" s="34">
        <f t="shared" si="1071"/>
        <v>1.3407982474997913</v>
      </c>
      <c r="BO63" s="34">
        <f t="shared" si="1071"/>
        <v>1.3407982474997913</v>
      </c>
      <c r="BP63" s="34">
        <f t="shared" si="1071"/>
        <v>1.3407982474997913</v>
      </c>
      <c r="BQ63" s="34">
        <f t="shared" si="1071"/>
        <v>1.3407982474997913</v>
      </c>
    </row>
    <row r="64" spans="5:16384">
      <c r="E64" s="7" t="s">
        <v>39</v>
      </c>
      <c r="F64" s="7" t="s">
        <v>38</v>
      </c>
      <c r="J64" s="34">
        <f t="shared" ref="J64:AO64" si="1072">J39</f>
        <v>0.42983741666666669</v>
      </c>
      <c r="K64" s="34">
        <f t="shared" si="1072"/>
        <v>0.4592074166666667</v>
      </c>
      <c r="L64" s="34">
        <f t="shared" si="1072"/>
        <v>0.48857741666666671</v>
      </c>
      <c r="M64" s="34">
        <f t="shared" si="1072"/>
        <v>0.51794741666666666</v>
      </c>
      <c r="N64" s="34">
        <f t="shared" si="1072"/>
        <v>0.54731741666666678</v>
      </c>
      <c r="O64" s="34">
        <f t="shared" si="1072"/>
        <v>0.57668741666666667</v>
      </c>
      <c r="P64" s="34">
        <f t="shared" si="1072"/>
        <v>0.60605741666666679</v>
      </c>
      <c r="Q64" s="34">
        <f t="shared" si="1072"/>
        <v>0.60605741666666679</v>
      </c>
      <c r="R64" s="34">
        <f t="shared" si="1072"/>
        <v>0.60605741666666679</v>
      </c>
      <c r="S64" s="34">
        <f t="shared" si="1072"/>
        <v>0.60605741666666679</v>
      </c>
      <c r="T64" s="34">
        <f t="shared" si="1072"/>
        <v>0.60605741666666679</v>
      </c>
      <c r="U64" s="34">
        <f t="shared" si="1072"/>
        <v>0.60605741666666679</v>
      </c>
      <c r="V64" s="34">
        <f t="shared" si="1072"/>
        <v>0.60605741666666679</v>
      </c>
      <c r="W64" s="34">
        <f t="shared" si="1072"/>
        <v>0.60605741666666679</v>
      </c>
      <c r="X64" s="34">
        <f t="shared" si="1072"/>
        <v>0.60605741666666679</v>
      </c>
      <c r="Y64" s="34">
        <f t="shared" si="1072"/>
        <v>0.60605741666666679</v>
      </c>
      <c r="Z64" s="34">
        <f t="shared" si="1072"/>
        <v>0.60605741666666679</v>
      </c>
      <c r="AA64" s="34">
        <f t="shared" si="1072"/>
        <v>0.60605741666666679</v>
      </c>
      <c r="AB64" s="34">
        <f t="shared" si="1072"/>
        <v>0.60605741666666679</v>
      </c>
      <c r="AC64" s="34">
        <f t="shared" si="1072"/>
        <v>0.60605741666666679</v>
      </c>
      <c r="AD64" s="34">
        <f t="shared" si="1072"/>
        <v>0.60605741666666679</v>
      </c>
      <c r="AE64" s="34">
        <f t="shared" si="1072"/>
        <v>0.60605741666666679</v>
      </c>
      <c r="AF64" s="34">
        <f t="shared" si="1072"/>
        <v>0.60605741666666679</v>
      </c>
      <c r="AG64" s="34">
        <f t="shared" si="1072"/>
        <v>0.60605741666666679</v>
      </c>
      <c r="AH64" s="34">
        <f t="shared" si="1072"/>
        <v>0.60605741666666679</v>
      </c>
      <c r="AI64" s="34">
        <f t="shared" si="1072"/>
        <v>0.60605741666666679</v>
      </c>
      <c r="AJ64" s="34">
        <f t="shared" si="1072"/>
        <v>0.60605741666666679</v>
      </c>
      <c r="AK64" s="34">
        <f t="shared" si="1072"/>
        <v>0.60605741666666679</v>
      </c>
      <c r="AL64" s="34">
        <f t="shared" si="1072"/>
        <v>0.60605741666666679</v>
      </c>
      <c r="AM64" s="34">
        <f t="shared" si="1072"/>
        <v>0.60605741666666679</v>
      </c>
      <c r="AN64" s="34">
        <f t="shared" si="1072"/>
        <v>0.60605741666666679</v>
      </c>
      <c r="AO64" s="34">
        <f t="shared" si="1072"/>
        <v>0.60605741666666679</v>
      </c>
      <c r="AP64" s="34">
        <f t="shared" ref="AP64:BQ64" si="1073">AP39</f>
        <v>0.60605741666666679</v>
      </c>
      <c r="AQ64" s="34">
        <f t="shared" si="1073"/>
        <v>0.60605741666666679</v>
      </c>
      <c r="AR64" s="34">
        <f t="shared" si="1073"/>
        <v>0.60605741666666679</v>
      </c>
      <c r="AS64" s="34">
        <f t="shared" si="1073"/>
        <v>0.60605741666666679</v>
      </c>
      <c r="AT64" s="34">
        <f t="shared" si="1073"/>
        <v>0.60605741666666679</v>
      </c>
      <c r="AU64" s="34">
        <f t="shared" si="1073"/>
        <v>0.60605741666666679</v>
      </c>
      <c r="AV64" s="34">
        <f t="shared" si="1073"/>
        <v>0.60605741666666679</v>
      </c>
      <c r="AW64" s="34">
        <f t="shared" si="1073"/>
        <v>0.60605741666666679</v>
      </c>
      <c r="AX64" s="34">
        <f t="shared" si="1073"/>
        <v>0.60605741666666679</v>
      </c>
      <c r="AY64" s="34">
        <f t="shared" si="1073"/>
        <v>0.60605741666666679</v>
      </c>
      <c r="AZ64" s="34">
        <f t="shared" si="1073"/>
        <v>0.60605741666666679</v>
      </c>
      <c r="BA64" s="34">
        <f t="shared" si="1073"/>
        <v>0.60605741666666679</v>
      </c>
      <c r="BB64" s="34">
        <f t="shared" si="1073"/>
        <v>0.60605741666666679</v>
      </c>
      <c r="BC64" s="34">
        <f t="shared" si="1073"/>
        <v>0.60605741666666679</v>
      </c>
      <c r="BD64" s="34">
        <f t="shared" si="1073"/>
        <v>0.60605741666666679</v>
      </c>
      <c r="BE64" s="34">
        <f t="shared" si="1073"/>
        <v>0.60605741666666679</v>
      </c>
      <c r="BF64" s="34">
        <f t="shared" si="1073"/>
        <v>0.60605741666666679</v>
      </c>
      <c r="BG64" s="34">
        <f t="shared" si="1073"/>
        <v>0.60605741666666679</v>
      </c>
      <c r="BH64" s="34">
        <f t="shared" si="1073"/>
        <v>0.60605741666666679</v>
      </c>
      <c r="BI64" s="34">
        <f t="shared" si="1073"/>
        <v>0.60605741666666679</v>
      </c>
      <c r="BJ64" s="34">
        <f t="shared" si="1073"/>
        <v>0.60605741666666679</v>
      </c>
      <c r="BK64" s="34">
        <f t="shared" si="1073"/>
        <v>0.60605741666666679</v>
      </c>
      <c r="BL64" s="34">
        <f t="shared" si="1073"/>
        <v>0.60605741666666679</v>
      </c>
      <c r="BM64" s="34">
        <f t="shared" si="1073"/>
        <v>0.60605741666666679</v>
      </c>
      <c r="BN64" s="34">
        <f t="shared" si="1073"/>
        <v>0.60605741666666679</v>
      </c>
      <c r="BO64" s="34">
        <f t="shared" si="1073"/>
        <v>0.60605741666666679</v>
      </c>
      <c r="BP64" s="34">
        <f t="shared" si="1073"/>
        <v>0.60605741666666679</v>
      </c>
      <c r="BQ64" s="34">
        <f t="shared" si="1073"/>
        <v>0.60605741666666679</v>
      </c>
    </row>
    <row r="65" spans="5:69">
      <c r="E65" s="7" t="s">
        <v>40</v>
      </c>
      <c r="F65" s="7" t="s">
        <v>38</v>
      </c>
      <c r="J65" s="34">
        <f>J63-J64</f>
        <v>0.8289844995767679</v>
      </c>
      <c r="K65" s="34">
        <f t="shared" ref="K65:BQ65" si="1074">K63-K64</f>
        <v>0.81327722145282744</v>
      </c>
      <c r="L65" s="34">
        <f t="shared" si="1074"/>
        <v>0.79756994332888675</v>
      </c>
      <c r="M65" s="34">
        <f t="shared" si="1074"/>
        <v>0.78186266520494629</v>
      </c>
      <c r="N65" s="34">
        <f t="shared" si="1074"/>
        <v>0.76615538708100561</v>
      </c>
      <c r="O65" s="34">
        <f t="shared" si="1074"/>
        <v>0.75044810895706515</v>
      </c>
      <c r="P65" s="34">
        <f t="shared" si="1074"/>
        <v>0.73474083083312447</v>
      </c>
      <c r="Q65" s="34">
        <f t="shared" si="1074"/>
        <v>0.73474083083312447</v>
      </c>
      <c r="R65" s="34">
        <f t="shared" si="1074"/>
        <v>0.73474083083312447</v>
      </c>
      <c r="S65" s="34">
        <f t="shared" si="1074"/>
        <v>0.73474083083312447</v>
      </c>
      <c r="T65" s="34">
        <f t="shared" si="1074"/>
        <v>0.73474083083312447</v>
      </c>
      <c r="U65" s="34">
        <f t="shared" si="1074"/>
        <v>0.73474083083312447</v>
      </c>
      <c r="V65" s="34">
        <f t="shared" si="1074"/>
        <v>0.73474083083312447</v>
      </c>
      <c r="W65" s="34">
        <f t="shared" si="1074"/>
        <v>0.73474083083312447</v>
      </c>
      <c r="X65" s="34">
        <f t="shared" si="1074"/>
        <v>0.73474083083312447</v>
      </c>
      <c r="Y65" s="34">
        <f t="shared" si="1074"/>
        <v>0.73474083083312447</v>
      </c>
      <c r="Z65" s="34">
        <f t="shared" si="1074"/>
        <v>0.73474083083312447</v>
      </c>
      <c r="AA65" s="34">
        <f t="shared" si="1074"/>
        <v>0.73474083083312447</v>
      </c>
      <c r="AB65" s="34">
        <f t="shared" si="1074"/>
        <v>0.73474083083312447</v>
      </c>
      <c r="AC65" s="34">
        <f t="shared" si="1074"/>
        <v>0.73474083083312447</v>
      </c>
      <c r="AD65" s="34">
        <f t="shared" si="1074"/>
        <v>0.73474083083312447</v>
      </c>
      <c r="AE65" s="34">
        <f t="shared" si="1074"/>
        <v>0.73474083083312447</v>
      </c>
      <c r="AF65" s="34">
        <f t="shared" si="1074"/>
        <v>0.73474083083312447</v>
      </c>
      <c r="AG65" s="34">
        <f t="shared" si="1074"/>
        <v>0.73474083083312447</v>
      </c>
      <c r="AH65" s="34">
        <f t="shared" si="1074"/>
        <v>0.73474083083312447</v>
      </c>
      <c r="AI65" s="34">
        <f t="shared" si="1074"/>
        <v>0.73474083083312447</v>
      </c>
      <c r="AJ65" s="34">
        <f t="shared" si="1074"/>
        <v>0.73474083083312447</v>
      </c>
      <c r="AK65" s="34">
        <f t="shared" si="1074"/>
        <v>0.73474083083312447</v>
      </c>
      <c r="AL65" s="34">
        <f t="shared" si="1074"/>
        <v>0.73474083083312447</v>
      </c>
      <c r="AM65" s="34">
        <f t="shared" si="1074"/>
        <v>0.73474083083312447</v>
      </c>
      <c r="AN65" s="34">
        <f t="shared" si="1074"/>
        <v>0.73474083083312447</v>
      </c>
      <c r="AO65" s="34">
        <f t="shared" si="1074"/>
        <v>0.73474083083312447</v>
      </c>
      <c r="AP65" s="34">
        <f t="shared" si="1074"/>
        <v>0.73474083083312447</v>
      </c>
      <c r="AQ65" s="34">
        <f t="shared" si="1074"/>
        <v>0.73474083083312447</v>
      </c>
      <c r="AR65" s="34">
        <f t="shared" si="1074"/>
        <v>0.73474083083312447</v>
      </c>
      <c r="AS65" s="34">
        <f t="shared" si="1074"/>
        <v>0.73474083083312447</v>
      </c>
      <c r="AT65" s="34">
        <f t="shared" si="1074"/>
        <v>0.73474083083312447</v>
      </c>
      <c r="AU65" s="34">
        <f t="shared" si="1074"/>
        <v>0.73474083083312447</v>
      </c>
      <c r="AV65" s="34">
        <f t="shared" si="1074"/>
        <v>0.73474083083312447</v>
      </c>
      <c r="AW65" s="34">
        <f t="shared" si="1074"/>
        <v>0.73474083083312447</v>
      </c>
      <c r="AX65" s="34">
        <f t="shared" si="1074"/>
        <v>0.73474083083312447</v>
      </c>
      <c r="AY65" s="34">
        <f t="shared" si="1074"/>
        <v>0.73474083083312447</v>
      </c>
      <c r="AZ65" s="34">
        <f t="shared" si="1074"/>
        <v>0.73474083083312447</v>
      </c>
      <c r="BA65" s="34">
        <f t="shared" si="1074"/>
        <v>0.73474083083312447</v>
      </c>
      <c r="BB65" s="34">
        <f t="shared" si="1074"/>
        <v>0.73474083083312447</v>
      </c>
      <c r="BC65" s="34">
        <f t="shared" si="1074"/>
        <v>0.73474083083312447</v>
      </c>
      <c r="BD65" s="34">
        <f t="shared" si="1074"/>
        <v>0.73474083083312447</v>
      </c>
      <c r="BE65" s="34">
        <f t="shared" si="1074"/>
        <v>0.73474083083312447</v>
      </c>
      <c r="BF65" s="34">
        <f t="shared" si="1074"/>
        <v>0.73474083083312447</v>
      </c>
      <c r="BG65" s="34">
        <f t="shared" si="1074"/>
        <v>0.73474083083312447</v>
      </c>
      <c r="BH65" s="34">
        <f t="shared" si="1074"/>
        <v>0.73474083083312447</v>
      </c>
      <c r="BI65" s="34">
        <f t="shared" si="1074"/>
        <v>0.73474083083312447</v>
      </c>
      <c r="BJ65" s="34">
        <f t="shared" si="1074"/>
        <v>0.73474083083312447</v>
      </c>
      <c r="BK65" s="34">
        <f t="shared" si="1074"/>
        <v>0.73474083083312447</v>
      </c>
      <c r="BL65" s="34">
        <f t="shared" si="1074"/>
        <v>0.73474083083312447</v>
      </c>
      <c r="BM65" s="34">
        <f t="shared" si="1074"/>
        <v>0.73474083083312447</v>
      </c>
      <c r="BN65" s="34">
        <f t="shared" si="1074"/>
        <v>0.73474083083312447</v>
      </c>
      <c r="BO65" s="34">
        <f t="shared" si="1074"/>
        <v>0.73474083083312447</v>
      </c>
      <c r="BP65" s="34">
        <f t="shared" si="1074"/>
        <v>0.73474083083312447</v>
      </c>
      <c r="BQ65" s="34">
        <f t="shared" si="1074"/>
        <v>0.73474083083312447</v>
      </c>
    </row>
    <row r="67" spans="5:69">
      <c r="E67" s="7" t="s">
        <v>41</v>
      </c>
      <c r="F67" s="7" t="s">
        <v>26</v>
      </c>
      <c r="J67" s="7">
        <f>J56</f>
        <v>2217.9250000000002</v>
      </c>
      <c r="K67" s="7">
        <f t="shared" ref="K67:BQ67" si="1075">K56</f>
        <v>6610.0985000000001</v>
      </c>
      <c r="L67" s="7">
        <f t="shared" si="1075"/>
        <v>10912.134499999998</v>
      </c>
      <c r="M67" s="7">
        <f t="shared" si="1075"/>
        <v>15092.227000000001</v>
      </c>
      <c r="N67" s="7">
        <f t="shared" si="1075"/>
        <v>19119.617499999997</v>
      </c>
      <c r="O67" s="7">
        <f t="shared" si="1075"/>
        <v>23000.462</v>
      </c>
      <c r="P67" s="7">
        <f t="shared" si="1075"/>
        <v>24906.221000000001</v>
      </c>
      <c r="Q67" s="7">
        <f t="shared" si="1075"/>
        <v>24906.221000000001</v>
      </c>
      <c r="R67" s="7">
        <f t="shared" si="1075"/>
        <v>24906.221000000001</v>
      </c>
      <c r="S67" s="7">
        <f t="shared" si="1075"/>
        <v>24906.221000000001</v>
      </c>
      <c r="T67" s="7">
        <f t="shared" si="1075"/>
        <v>24906.221000000001</v>
      </c>
      <c r="U67" s="7">
        <f t="shared" si="1075"/>
        <v>24906.221000000001</v>
      </c>
      <c r="V67" s="7">
        <f t="shared" si="1075"/>
        <v>24906.221000000001</v>
      </c>
      <c r="W67" s="7">
        <f t="shared" si="1075"/>
        <v>24906.221000000001</v>
      </c>
      <c r="X67" s="7">
        <f t="shared" si="1075"/>
        <v>24906.221000000001</v>
      </c>
      <c r="Y67" s="7">
        <f t="shared" si="1075"/>
        <v>24906.221000000001</v>
      </c>
      <c r="Z67" s="7">
        <f t="shared" si="1075"/>
        <v>24906.221000000001</v>
      </c>
      <c r="AA67" s="7">
        <f t="shared" si="1075"/>
        <v>24906.221000000001</v>
      </c>
      <c r="AB67" s="7">
        <f t="shared" si="1075"/>
        <v>24906.221000000001</v>
      </c>
      <c r="AC67" s="7">
        <f t="shared" si="1075"/>
        <v>24906.221000000001</v>
      </c>
      <c r="AD67" s="7">
        <f t="shared" si="1075"/>
        <v>24906.221000000001</v>
      </c>
      <c r="AE67" s="7">
        <f t="shared" si="1075"/>
        <v>24906.221000000001</v>
      </c>
      <c r="AF67" s="7">
        <f t="shared" si="1075"/>
        <v>24906.221000000001</v>
      </c>
      <c r="AG67" s="7">
        <f t="shared" si="1075"/>
        <v>24906.221000000001</v>
      </c>
      <c r="AH67" s="7">
        <f t="shared" si="1075"/>
        <v>24906.221000000001</v>
      </c>
      <c r="AI67" s="7">
        <f t="shared" si="1075"/>
        <v>24906.221000000001</v>
      </c>
      <c r="AJ67" s="7">
        <f t="shared" si="1075"/>
        <v>24906.221000000001</v>
      </c>
      <c r="AK67" s="7">
        <f t="shared" si="1075"/>
        <v>24906.221000000001</v>
      </c>
      <c r="AL67" s="7">
        <f t="shared" si="1075"/>
        <v>24906.221000000001</v>
      </c>
      <c r="AM67" s="7">
        <f t="shared" si="1075"/>
        <v>24906.221000000001</v>
      </c>
      <c r="AN67" s="7">
        <f t="shared" si="1075"/>
        <v>24906.221000000001</v>
      </c>
      <c r="AO67" s="7">
        <f t="shared" si="1075"/>
        <v>24906.221000000001</v>
      </c>
      <c r="AP67" s="7">
        <f t="shared" si="1075"/>
        <v>24906.221000000001</v>
      </c>
      <c r="AQ67" s="7">
        <f t="shared" si="1075"/>
        <v>24906.221000000001</v>
      </c>
      <c r="AR67" s="7">
        <f t="shared" si="1075"/>
        <v>24906.221000000001</v>
      </c>
      <c r="AS67" s="7">
        <f t="shared" si="1075"/>
        <v>24906.221000000001</v>
      </c>
      <c r="AT67" s="7">
        <f t="shared" si="1075"/>
        <v>24906.221000000001</v>
      </c>
      <c r="AU67" s="7">
        <f t="shared" si="1075"/>
        <v>24906.221000000001</v>
      </c>
      <c r="AV67" s="7">
        <f t="shared" si="1075"/>
        <v>24906.221000000001</v>
      </c>
      <c r="AW67" s="7">
        <f t="shared" si="1075"/>
        <v>24906.221000000001</v>
      </c>
      <c r="AX67" s="7">
        <f t="shared" si="1075"/>
        <v>24906.221000000001</v>
      </c>
      <c r="AY67" s="7">
        <f t="shared" si="1075"/>
        <v>24906.221000000001</v>
      </c>
      <c r="AZ67" s="7">
        <f t="shared" si="1075"/>
        <v>24906.221000000001</v>
      </c>
      <c r="BA67" s="7">
        <f t="shared" si="1075"/>
        <v>24906.221000000001</v>
      </c>
      <c r="BB67" s="7">
        <f t="shared" si="1075"/>
        <v>24906.221000000001</v>
      </c>
      <c r="BC67" s="7">
        <f t="shared" si="1075"/>
        <v>24906.221000000001</v>
      </c>
      <c r="BD67" s="7">
        <f t="shared" si="1075"/>
        <v>24906.221000000001</v>
      </c>
      <c r="BE67" s="7">
        <f t="shared" si="1075"/>
        <v>24906.221000000001</v>
      </c>
      <c r="BF67" s="7">
        <f t="shared" si="1075"/>
        <v>24906.221000000001</v>
      </c>
      <c r="BG67" s="7">
        <f t="shared" si="1075"/>
        <v>24906.221000000001</v>
      </c>
      <c r="BH67" s="7">
        <f t="shared" si="1075"/>
        <v>24906.221000000001</v>
      </c>
      <c r="BI67" s="7">
        <f t="shared" si="1075"/>
        <v>24906.221000000001</v>
      </c>
      <c r="BJ67" s="7">
        <f t="shared" si="1075"/>
        <v>24906.221000000001</v>
      </c>
      <c r="BK67" s="7">
        <f t="shared" si="1075"/>
        <v>24906.221000000001</v>
      </c>
      <c r="BL67" s="7">
        <f t="shared" si="1075"/>
        <v>24906.221000000001</v>
      </c>
      <c r="BM67" s="7">
        <f t="shared" si="1075"/>
        <v>24906.221000000001</v>
      </c>
      <c r="BN67" s="7">
        <f t="shared" si="1075"/>
        <v>24906.221000000001</v>
      </c>
      <c r="BO67" s="7">
        <f t="shared" si="1075"/>
        <v>24906.221000000001</v>
      </c>
      <c r="BP67" s="7">
        <f t="shared" si="1075"/>
        <v>24906.221000000001</v>
      </c>
      <c r="BQ67" s="7">
        <f t="shared" si="1075"/>
        <v>24906.221000000001</v>
      </c>
    </row>
    <row r="68" spans="5:69">
      <c r="E68" s="7" t="s">
        <v>42</v>
      </c>
      <c r="F68" s="7" t="s">
        <v>38</v>
      </c>
      <c r="J68" s="26">
        <f>J65</f>
        <v>0.8289844995767679</v>
      </c>
      <c r="K68" s="26">
        <f t="shared" ref="K68:BQ68" si="1076">K65</f>
        <v>0.81327722145282744</v>
      </c>
      <c r="L68" s="26">
        <f t="shared" si="1076"/>
        <v>0.79756994332888675</v>
      </c>
      <c r="M68" s="26">
        <f t="shared" si="1076"/>
        <v>0.78186266520494629</v>
      </c>
      <c r="N68" s="26">
        <f t="shared" si="1076"/>
        <v>0.76615538708100561</v>
      </c>
      <c r="O68" s="26">
        <f t="shared" si="1076"/>
        <v>0.75044810895706515</v>
      </c>
      <c r="P68" s="26">
        <f t="shared" si="1076"/>
        <v>0.73474083083312447</v>
      </c>
      <c r="Q68" s="26">
        <f t="shared" si="1076"/>
        <v>0.73474083083312447</v>
      </c>
      <c r="R68" s="26">
        <f t="shared" si="1076"/>
        <v>0.73474083083312447</v>
      </c>
      <c r="S68" s="26">
        <f t="shared" si="1076"/>
        <v>0.73474083083312447</v>
      </c>
      <c r="T68" s="26">
        <f t="shared" si="1076"/>
        <v>0.73474083083312447</v>
      </c>
      <c r="U68" s="26">
        <f t="shared" si="1076"/>
        <v>0.73474083083312447</v>
      </c>
      <c r="V68" s="26">
        <f t="shared" si="1076"/>
        <v>0.73474083083312447</v>
      </c>
      <c r="W68" s="26">
        <f t="shared" si="1076"/>
        <v>0.73474083083312447</v>
      </c>
      <c r="X68" s="26">
        <f t="shared" si="1076"/>
        <v>0.73474083083312447</v>
      </c>
      <c r="Y68" s="26">
        <f t="shared" si="1076"/>
        <v>0.73474083083312447</v>
      </c>
      <c r="Z68" s="26">
        <f t="shared" si="1076"/>
        <v>0.73474083083312447</v>
      </c>
      <c r="AA68" s="26">
        <f t="shared" si="1076"/>
        <v>0.73474083083312447</v>
      </c>
      <c r="AB68" s="26">
        <f t="shared" si="1076"/>
        <v>0.73474083083312447</v>
      </c>
      <c r="AC68" s="26">
        <f t="shared" si="1076"/>
        <v>0.73474083083312447</v>
      </c>
      <c r="AD68" s="26">
        <f t="shared" si="1076"/>
        <v>0.73474083083312447</v>
      </c>
      <c r="AE68" s="26">
        <f t="shared" si="1076"/>
        <v>0.73474083083312447</v>
      </c>
      <c r="AF68" s="26">
        <f t="shared" si="1076"/>
        <v>0.73474083083312447</v>
      </c>
      <c r="AG68" s="26">
        <f t="shared" si="1076"/>
        <v>0.73474083083312447</v>
      </c>
      <c r="AH68" s="26">
        <f t="shared" si="1076"/>
        <v>0.73474083083312447</v>
      </c>
      <c r="AI68" s="26">
        <f t="shared" si="1076"/>
        <v>0.73474083083312447</v>
      </c>
      <c r="AJ68" s="26">
        <f t="shared" si="1076"/>
        <v>0.73474083083312447</v>
      </c>
      <c r="AK68" s="26">
        <f t="shared" si="1076"/>
        <v>0.73474083083312447</v>
      </c>
      <c r="AL68" s="26">
        <f t="shared" si="1076"/>
        <v>0.73474083083312447</v>
      </c>
      <c r="AM68" s="26">
        <f t="shared" si="1076"/>
        <v>0.73474083083312447</v>
      </c>
      <c r="AN68" s="26">
        <f t="shared" si="1076"/>
        <v>0.73474083083312447</v>
      </c>
      <c r="AO68" s="26">
        <f t="shared" si="1076"/>
        <v>0.73474083083312447</v>
      </c>
      <c r="AP68" s="26">
        <f t="shared" si="1076"/>
        <v>0.73474083083312447</v>
      </c>
      <c r="AQ68" s="26">
        <f t="shared" si="1076"/>
        <v>0.73474083083312447</v>
      </c>
      <c r="AR68" s="26">
        <f t="shared" si="1076"/>
        <v>0.73474083083312447</v>
      </c>
      <c r="AS68" s="26">
        <f t="shared" si="1076"/>
        <v>0.73474083083312447</v>
      </c>
      <c r="AT68" s="26">
        <f t="shared" si="1076"/>
        <v>0.73474083083312447</v>
      </c>
      <c r="AU68" s="26">
        <f t="shared" si="1076"/>
        <v>0.73474083083312447</v>
      </c>
      <c r="AV68" s="26">
        <f t="shared" si="1076"/>
        <v>0.73474083083312447</v>
      </c>
      <c r="AW68" s="26">
        <f t="shared" si="1076"/>
        <v>0.73474083083312447</v>
      </c>
      <c r="AX68" s="26">
        <f t="shared" si="1076"/>
        <v>0.73474083083312447</v>
      </c>
      <c r="AY68" s="26">
        <f t="shared" si="1076"/>
        <v>0.73474083083312447</v>
      </c>
      <c r="AZ68" s="26">
        <f t="shared" si="1076"/>
        <v>0.73474083083312447</v>
      </c>
      <c r="BA68" s="26">
        <f t="shared" si="1076"/>
        <v>0.73474083083312447</v>
      </c>
      <c r="BB68" s="26">
        <f t="shared" si="1076"/>
        <v>0.73474083083312447</v>
      </c>
      <c r="BC68" s="26">
        <f t="shared" si="1076"/>
        <v>0.73474083083312447</v>
      </c>
      <c r="BD68" s="26">
        <f t="shared" si="1076"/>
        <v>0.73474083083312447</v>
      </c>
      <c r="BE68" s="26">
        <f t="shared" si="1076"/>
        <v>0.73474083083312447</v>
      </c>
      <c r="BF68" s="26">
        <f t="shared" si="1076"/>
        <v>0.73474083083312447</v>
      </c>
      <c r="BG68" s="26">
        <f t="shared" si="1076"/>
        <v>0.73474083083312447</v>
      </c>
      <c r="BH68" s="26">
        <f t="shared" si="1076"/>
        <v>0.73474083083312447</v>
      </c>
      <c r="BI68" s="26">
        <f t="shared" si="1076"/>
        <v>0.73474083083312447</v>
      </c>
      <c r="BJ68" s="26">
        <f t="shared" si="1076"/>
        <v>0.73474083083312447</v>
      </c>
      <c r="BK68" s="26">
        <f t="shared" si="1076"/>
        <v>0.73474083083312447</v>
      </c>
      <c r="BL68" s="26">
        <f t="shared" si="1076"/>
        <v>0.73474083083312447</v>
      </c>
      <c r="BM68" s="26">
        <f t="shared" si="1076"/>
        <v>0.73474083083312447</v>
      </c>
      <c r="BN68" s="26">
        <f t="shared" si="1076"/>
        <v>0.73474083083312447</v>
      </c>
      <c r="BO68" s="26">
        <f t="shared" si="1076"/>
        <v>0.73474083083312447</v>
      </c>
      <c r="BP68" s="26">
        <f t="shared" si="1076"/>
        <v>0.73474083083312447</v>
      </c>
      <c r="BQ68" s="26">
        <f t="shared" si="1076"/>
        <v>0.73474083083312447</v>
      </c>
    </row>
    <row r="69" spans="5:69" s="35" customFormat="1">
      <c r="E69" s="35" t="s">
        <v>43</v>
      </c>
      <c r="F69" s="35" t="s">
        <v>24</v>
      </c>
      <c r="J69" s="36">
        <f>J68*J67</f>
        <v>1838.625446223803</v>
      </c>
      <c r="K69" s="36">
        <f t="shared" ref="K69:BQ69" si="1077">K68*K67</f>
        <v>5375.8425416095024</v>
      </c>
      <c r="L69" s="36">
        <f t="shared" si="1077"/>
        <v>8703.1904947621879</v>
      </c>
      <c r="M69" s="36">
        <f t="shared" si="1077"/>
        <v>11800.048826098051</v>
      </c>
      <c r="N69" s="36">
        <f t="shared" si="1077"/>
        <v>14648.597946553266</v>
      </c>
      <c r="O69" s="36">
        <f t="shared" si="1077"/>
        <v>17260.653213038837</v>
      </c>
      <c r="P69" s="36">
        <f t="shared" si="1077"/>
        <v>18299.617510453412</v>
      </c>
      <c r="Q69" s="36">
        <f t="shared" si="1077"/>
        <v>18299.617510453412</v>
      </c>
      <c r="R69" s="36">
        <f t="shared" si="1077"/>
        <v>18299.617510453412</v>
      </c>
      <c r="S69" s="36">
        <f t="shared" si="1077"/>
        <v>18299.617510453412</v>
      </c>
      <c r="T69" s="36">
        <f t="shared" si="1077"/>
        <v>18299.617510453412</v>
      </c>
      <c r="U69" s="36">
        <f t="shared" si="1077"/>
        <v>18299.617510453412</v>
      </c>
      <c r="V69" s="36">
        <f t="shared" si="1077"/>
        <v>18299.617510453412</v>
      </c>
      <c r="W69" s="36">
        <f t="shared" si="1077"/>
        <v>18299.617510453412</v>
      </c>
      <c r="X69" s="36">
        <f t="shared" si="1077"/>
        <v>18299.617510453412</v>
      </c>
      <c r="Y69" s="36">
        <f t="shared" si="1077"/>
        <v>18299.617510453412</v>
      </c>
      <c r="Z69" s="36">
        <f t="shared" si="1077"/>
        <v>18299.617510453412</v>
      </c>
      <c r="AA69" s="36">
        <f t="shared" si="1077"/>
        <v>18299.617510453412</v>
      </c>
      <c r="AB69" s="36">
        <f t="shared" si="1077"/>
        <v>18299.617510453412</v>
      </c>
      <c r="AC69" s="36">
        <f t="shared" si="1077"/>
        <v>18299.617510453412</v>
      </c>
      <c r="AD69" s="36">
        <f t="shared" si="1077"/>
        <v>18299.617510453412</v>
      </c>
      <c r="AE69" s="36">
        <f t="shared" si="1077"/>
        <v>18299.617510453412</v>
      </c>
      <c r="AF69" s="36">
        <f t="shared" si="1077"/>
        <v>18299.617510453412</v>
      </c>
      <c r="AG69" s="36">
        <f t="shared" si="1077"/>
        <v>18299.617510453412</v>
      </c>
      <c r="AH69" s="36">
        <f t="shared" si="1077"/>
        <v>18299.617510453412</v>
      </c>
      <c r="AI69" s="36">
        <f t="shared" si="1077"/>
        <v>18299.617510453412</v>
      </c>
      <c r="AJ69" s="36">
        <f t="shared" si="1077"/>
        <v>18299.617510453412</v>
      </c>
      <c r="AK69" s="36">
        <f t="shared" si="1077"/>
        <v>18299.617510453412</v>
      </c>
      <c r="AL69" s="36">
        <f t="shared" si="1077"/>
        <v>18299.617510453412</v>
      </c>
      <c r="AM69" s="36">
        <f t="shared" si="1077"/>
        <v>18299.617510453412</v>
      </c>
      <c r="AN69" s="36">
        <f t="shared" si="1077"/>
        <v>18299.617510453412</v>
      </c>
      <c r="AO69" s="36">
        <f t="shared" si="1077"/>
        <v>18299.617510453412</v>
      </c>
      <c r="AP69" s="36">
        <f t="shared" si="1077"/>
        <v>18299.617510453412</v>
      </c>
      <c r="AQ69" s="36">
        <f t="shared" si="1077"/>
        <v>18299.617510453412</v>
      </c>
      <c r="AR69" s="36">
        <f t="shared" si="1077"/>
        <v>18299.617510453412</v>
      </c>
      <c r="AS69" s="36">
        <f t="shared" si="1077"/>
        <v>18299.617510453412</v>
      </c>
      <c r="AT69" s="36">
        <f t="shared" si="1077"/>
        <v>18299.617510453412</v>
      </c>
      <c r="AU69" s="36">
        <f t="shared" si="1077"/>
        <v>18299.617510453412</v>
      </c>
      <c r="AV69" s="36">
        <f t="shared" si="1077"/>
        <v>18299.617510453412</v>
      </c>
      <c r="AW69" s="36">
        <f t="shared" si="1077"/>
        <v>18299.617510453412</v>
      </c>
      <c r="AX69" s="36">
        <f t="shared" si="1077"/>
        <v>18299.617510453412</v>
      </c>
      <c r="AY69" s="36">
        <f t="shared" si="1077"/>
        <v>18299.617510453412</v>
      </c>
      <c r="AZ69" s="36">
        <f t="shared" si="1077"/>
        <v>18299.617510453412</v>
      </c>
      <c r="BA69" s="36">
        <f t="shared" si="1077"/>
        <v>18299.617510453412</v>
      </c>
      <c r="BB69" s="36">
        <f t="shared" si="1077"/>
        <v>18299.617510453412</v>
      </c>
      <c r="BC69" s="36">
        <f t="shared" si="1077"/>
        <v>18299.617510453412</v>
      </c>
      <c r="BD69" s="36">
        <f t="shared" si="1077"/>
        <v>18299.617510453412</v>
      </c>
      <c r="BE69" s="36">
        <f t="shared" si="1077"/>
        <v>18299.617510453412</v>
      </c>
      <c r="BF69" s="36">
        <f t="shared" si="1077"/>
        <v>18299.617510453412</v>
      </c>
      <c r="BG69" s="36">
        <f t="shared" si="1077"/>
        <v>18299.617510453412</v>
      </c>
      <c r="BH69" s="36">
        <f t="shared" si="1077"/>
        <v>18299.617510453412</v>
      </c>
      <c r="BI69" s="36">
        <f t="shared" si="1077"/>
        <v>18299.617510453412</v>
      </c>
      <c r="BJ69" s="36">
        <f t="shared" si="1077"/>
        <v>18299.617510453412</v>
      </c>
      <c r="BK69" s="36">
        <f t="shared" si="1077"/>
        <v>18299.617510453412</v>
      </c>
      <c r="BL69" s="36">
        <f t="shared" si="1077"/>
        <v>18299.617510453412</v>
      </c>
      <c r="BM69" s="36">
        <f t="shared" si="1077"/>
        <v>18299.617510453412</v>
      </c>
      <c r="BN69" s="36">
        <f t="shared" si="1077"/>
        <v>18299.617510453412</v>
      </c>
      <c r="BO69" s="36">
        <f t="shared" si="1077"/>
        <v>18299.617510453412</v>
      </c>
      <c r="BP69" s="36">
        <f t="shared" si="1077"/>
        <v>18299.617510453412</v>
      </c>
      <c r="BQ69" s="36">
        <f t="shared" si="1077"/>
        <v>18299.617510453412</v>
      </c>
    </row>
    <row r="70" spans="5:69" s="3" customFormat="1">
      <c r="E70" s="3" t="str">
        <f>E$7</f>
        <v>Discount Factor (Mid Period)</v>
      </c>
      <c r="J70" s="3">
        <f t="shared" ref="J70:BQ70" si="1078">J$7</f>
        <v>0.98058067569092011</v>
      </c>
      <c r="K70" s="3">
        <f t="shared" si="1078"/>
        <v>0.94286603431819238</v>
      </c>
      <c r="L70" s="3">
        <f t="shared" si="1078"/>
        <v>0.9066019560751849</v>
      </c>
      <c r="M70" s="3">
        <f t="shared" si="1078"/>
        <v>0.87173265007229317</v>
      </c>
      <c r="N70" s="3">
        <f t="shared" si="1078"/>
        <v>0.83820447122335884</v>
      </c>
      <c r="O70" s="3">
        <f t="shared" si="1078"/>
        <v>0.80596583771476804</v>
      </c>
      <c r="P70" s="3">
        <f t="shared" si="1078"/>
        <v>0.77496715164881547</v>
      </c>
      <c r="Q70" s="3">
        <f t="shared" si="1078"/>
        <v>0.74516072273924561</v>
      </c>
      <c r="R70" s="3">
        <f t="shared" si="1078"/>
        <v>0.71650069494158231</v>
      </c>
      <c r="S70" s="3">
        <f t="shared" si="1078"/>
        <v>0.68894297590536757</v>
      </c>
      <c r="T70" s="3">
        <f t="shared" si="1078"/>
        <v>0.66244516913977647</v>
      </c>
      <c r="U70" s="3">
        <f t="shared" si="1078"/>
        <v>0.63696650878824657</v>
      </c>
      <c r="V70" s="3">
        <f t="shared" si="1078"/>
        <v>0.61246779691177555</v>
      </c>
      <c r="W70" s="3">
        <f t="shared" si="1078"/>
        <v>0.58891134318439953</v>
      </c>
      <c r="X70" s="3">
        <f t="shared" si="1078"/>
        <v>0.56626090690807651</v>
      </c>
      <c r="Y70" s="3">
        <f t="shared" si="1078"/>
        <v>0.54448164125776588</v>
      </c>
      <c r="Z70" s="3">
        <f t="shared" si="1078"/>
        <v>0.52354003967092866</v>
      </c>
      <c r="AA70" s="3">
        <f t="shared" si="1078"/>
        <v>0.50340388429896976</v>
      </c>
      <c r="AB70" s="3">
        <f t="shared" si="1078"/>
        <v>0.48404219644131707</v>
      </c>
      <c r="AC70" s="3">
        <f t="shared" si="1078"/>
        <v>0.46542518888588186</v>
      </c>
      <c r="AD70" s="3">
        <f t="shared" si="1078"/>
        <v>0.44752422008257869</v>
      </c>
      <c r="AE70" s="3">
        <f t="shared" si="1078"/>
        <v>0.43031175007940259</v>
      </c>
      <c r="AF70" s="3">
        <f t="shared" si="1078"/>
        <v>0.41376129815327167</v>
      </c>
      <c r="AG70" s="3">
        <f t="shared" si="1078"/>
        <v>0.39784740207045349</v>
      </c>
      <c r="AH70" s="3">
        <f t="shared" si="1078"/>
        <v>0.38254557891389762</v>
      </c>
      <c r="AI70" s="3">
        <f t="shared" si="1078"/>
        <v>0.36783228741720919</v>
      </c>
      <c r="AJ70" s="3">
        <f t="shared" si="1078"/>
        <v>0.35368489174731654</v>
      </c>
      <c r="AK70" s="3">
        <f t="shared" si="1078"/>
        <v>0.34008162668011205</v>
      </c>
      <c r="AL70" s="3">
        <f t="shared" si="1078"/>
        <v>0.3270015641154923</v>
      </c>
      <c r="AM70" s="3">
        <f t="shared" si="1078"/>
        <v>0.31442458088028108</v>
      </c>
      <c r="AN70" s="3">
        <f t="shared" si="1078"/>
        <v>0.30233132776950106</v>
      </c>
      <c r="AO70" s="3">
        <f t="shared" si="1078"/>
        <v>0.29070319977836634</v>
      </c>
      <c r="AP70" s="3">
        <f t="shared" si="1078"/>
        <v>0.27952230747919848</v>
      </c>
      <c r="AQ70" s="3">
        <f t="shared" si="1078"/>
        <v>0.26877144949922926</v>
      </c>
      <c r="AR70" s="3">
        <f t="shared" si="1078"/>
        <v>0.25843408605695123</v>
      </c>
      <c r="AS70" s="3">
        <f t="shared" si="1078"/>
        <v>0.24849431351629925</v>
      </c>
      <c r="AT70" s="3">
        <f t="shared" si="1078"/>
        <v>0.23893683991951847</v>
      </c>
      <c r="AU70" s="3">
        <f t="shared" si="1078"/>
        <v>0.22974696146107546</v>
      </c>
      <c r="AV70" s="3">
        <f t="shared" si="1078"/>
        <v>0.22091053986641868</v>
      </c>
      <c r="AW70" s="3">
        <f>AW$7</f>
        <v>0.2124139806407872</v>
      </c>
      <c r="AX70" s="3">
        <f>AX$7</f>
        <v>0.20424421215460306</v>
      </c>
      <c r="AY70" s="3">
        <f t="shared" si="1078"/>
        <v>0.19638866553327217</v>
      </c>
      <c r="AZ70" s="3">
        <f t="shared" si="1078"/>
        <v>0.18883525532045398</v>
      </c>
      <c r="BA70" s="3">
        <f t="shared" si="1078"/>
        <v>0.18157236088505194</v>
      </c>
      <c r="BB70" s="3">
        <f t="shared" si="1078"/>
        <v>0.17458880854331918</v>
      </c>
      <c r="BC70" s="3">
        <f t="shared" si="1078"/>
        <v>0.16787385436857613</v>
      </c>
      <c r="BD70" s="3">
        <f t="shared" si="1078"/>
        <v>0.16141716766209241</v>
      </c>
      <c r="BE70" s="3">
        <f t="shared" si="1078"/>
        <v>0.15520881505970421</v>
      </c>
      <c r="BF70" s="3">
        <f t="shared" si="1078"/>
        <v>0.1492392452497156</v>
      </c>
      <c r="BG70" s="3">
        <f t="shared" si="1078"/>
        <v>0.14349927427857267</v>
      </c>
      <c r="BH70" s="3">
        <f t="shared" si="1078"/>
        <v>0.13798007142170451</v>
      </c>
      <c r="BI70" s="3">
        <f t="shared" si="1078"/>
        <v>0.13267314559779278</v>
      </c>
      <c r="BJ70" s="3">
        <f t="shared" si="1078"/>
        <v>0.12757033230556999</v>
      </c>
      <c r="BK70" s="3">
        <f t="shared" si="1078"/>
        <v>0.12266378106304804</v>
      </c>
      <c r="BL70" s="3">
        <f t="shared" si="1078"/>
        <v>0.11794594332985389</v>
      </c>
      <c r="BM70" s="3">
        <f t="shared" si="1078"/>
        <v>0.11340956089409025</v>
      </c>
      <c r="BN70" s="3">
        <f t="shared" si="1078"/>
        <v>0.10904765470585603</v>
      </c>
      <c r="BO70" s="3">
        <f t="shared" si="1078"/>
        <v>0.10485351414024617</v>
      </c>
      <c r="BP70" s="3">
        <f t="shared" si="1078"/>
        <v>0.10082068667331362</v>
      </c>
      <c r="BQ70" s="3">
        <f t="shared" si="1078"/>
        <v>9.6942967955109274E-2</v>
      </c>
    </row>
    <row r="71" spans="5:69" s="11" customFormat="1">
      <c r="E71" s="11" t="s">
        <v>44</v>
      </c>
      <c r="J71" s="11">
        <f t="shared" ref="J71:BQ71" si="1079">J70*J69</f>
        <v>1802.9205824006563</v>
      </c>
      <c r="K71" s="11">
        <f t="shared" si="1079"/>
        <v>5068.6993383263834</v>
      </c>
      <c r="L71" s="11">
        <f t="shared" si="1079"/>
        <v>7890.3295266463556</v>
      </c>
      <c r="M71" s="11">
        <f t="shared" si="1079"/>
        <v>10286.487834156906</v>
      </c>
      <c r="N71" s="11">
        <f t="shared" si="1079"/>
        <v>12278.52029595426</v>
      </c>
      <c r="O71" s="11">
        <f t="shared" si="1079"/>
        <v>13911.496826350949</v>
      </c>
      <c r="P71" s="11">
        <f t="shared" si="1079"/>
        <v>14181.602458338868</v>
      </c>
      <c r="Q71" s="11">
        <f t="shared" si="1079"/>
        <v>13636.156209941219</v>
      </c>
      <c r="R71" s="11">
        <f t="shared" si="1079"/>
        <v>13111.688663405019</v>
      </c>
      <c r="S71" s="11">
        <f t="shared" si="1079"/>
        <v>12607.392945581747</v>
      </c>
      <c r="T71" s="11">
        <f t="shared" si="1079"/>
        <v>12122.493216905526</v>
      </c>
      <c r="U71" s="11">
        <f t="shared" si="1079"/>
        <v>11656.243477793774</v>
      </c>
      <c r="V71" s="11">
        <f t="shared" si="1079"/>
        <v>11207.926420955553</v>
      </c>
      <c r="W71" s="11">
        <f t="shared" si="1079"/>
        <v>10776.852327841876</v>
      </c>
      <c r="X71" s="11">
        <f t="shared" si="1079"/>
        <v>10362.358007540266</v>
      </c>
      <c r="Y71" s="11">
        <f t="shared" si="1079"/>
        <v>9963.8057764810255</v>
      </c>
      <c r="Z71" s="11">
        <f t="shared" si="1079"/>
        <v>9580.5824773856002</v>
      </c>
      <c r="AA71" s="11">
        <f t="shared" si="1079"/>
        <v>9212.0985359476908</v>
      </c>
      <c r="AB71" s="11">
        <f t="shared" si="1079"/>
        <v>8857.787053795857</v>
      </c>
      <c r="AC71" s="11">
        <f t="shared" si="1079"/>
        <v>8517.1029363421712</v>
      </c>
      <c r="AD71" s="11">
        <f t="shared" si="1079"/>
        <v>8189.5220541751632</v>
      </c>
      <c r="AE71" s="11">
        <f t="shared" si="1079"/>
        <v>7874.5404367068877</v>
      </c>
      <c r="AF71" s="11">
        <f t="shared" si="1079"/>
        <v>7571.673496833545</v>
      </c>
      <c r="AG71" s="11">
        <f t="shared" si="1079"/>
        <v>7280.4552854168696</v>
      </c>
      <c r="AH71" s="11">
        <f t="shared" si="1079"/>
        <v>7000.4377744392987</v>
      </c>
      <c r="AI71" s="11">
        <f t="shared" si="1079"/>
        <v>6731.1901677300939</v>
      </c>
      <c r="AJ71" s="11">
        <f t="shared" si="1079"/>
        <v>6472.2982382020136</v>
      </c>
      <c r="AK71" s="11">
        <f t="shared" si="1079"/>
        <v>6223.363690578859</v>
      </c>
      <c r="AL71" s="11">
        <f t="shared" si="1079"/>
        <v>5984.0035486335173</v>
      </c>
      <c r="AM71" s="11">
        <f t="shared" si="1079"/>
        <v>5753.8495659937671</v>
      </c>
      <c r="AN71" s="11">
        <f t="shared" si="1079"/>
        <v>5532.5476596093913</v>
      </c>
      <c r="AO71" s="11">
        <f t="shared" si="1079"/>
        <v>5319.7573650090289</v>
      </c>
      <c r="AP71" s="11">
        <f t="shared" si="1079"/>
        <v>5115.1513125086831</v>
      </c>
      <c r="AQ71" s="11">
        <f t="shared" si="1079"/>
        <v>4918.4147235660412</v>
      </c>
      <c r="AR71" s="11">
        <f t="shared" si="1079"/>
        <v>4729.2449265058085</v>
      </c>
      <c r="AS71" s="11">
        <f t="shared" si="1079"/>
        <v>4547.35089087097</v>
      </c>
      <c r="AT71" s="11">
        <f t="shared" si="1079"/>
        <v>4372.4527796836237</v>
      </c>
      <c r="AU71" s="11">
        <f t="shared" si="1079"/>
        <v>4204.2815189265621</v>
      </c>
      <c r="AV71" s="11">
        <f t="shared" si="1079"/>
        <v>4042.5783835832317</v>
      </c>
      <c r="AW71" s="11">
        <f t="shared" si="1079"/>
        <v>3887.0945995992615</v>
      </c>
      <c r="AX71" s="11">
        <f t="shared" si="1079"/>
        <v>3737.590961153136</v>
      </c>
      <c r="AY71" s="11">
        <f t="shared" si="1079"/>
        <v>3593.837462647246</v>
      </c>
      <c r="AZ71" s="11">
        <f t="shared" si="1079"/>
        <v>3455.6129448531206</v>
      </c>
      <c r="BA71" s="11">
        <f t="shared" si="1079"/>
        <v>3322.7047546664626</v>
      </c>
      <c r="BB71" s="11">
        <f t="shared" si="1079"/>
        <v>3194.9084179485221</v>
      </c>
      <c r="BC71" s="11">
        <f t="shared" si="1079"/>
        <v>3072.0273249505017</v>
      </c>
      <c r="BD71" s="11">
        <f t="shared" si="1079"/>
        <v>2953.8724278370205</v>
      </c>
      <c r="BE71" s="11">
        <f t="shared" si="1079"/>
        <v>2840.2619498432887</v>
      </c>
      <c r="BF71" s="11">
        <f t="shared" si="1079"/>
        <v>2731.0211056185467</v>
      </c>
      <c r="BG71" s="11">
        <f t="shared" si="1079"/>
        <v>2625.9818323255254</v>
      </c>
      <c r="BH71" s="11">
        <f t="shared" si="1079"/>
        <v>2524.9825310822362</v>
      </c>
      <c r="BI71" s="11">
        <f t="shared" si="1079"/>
        <v>2427.8678183483039</v>
      </c>
      <c r="BJ71" s="11">
        <f t="shared" si="1079"/>
        <v>2334.4882868733694</v>
      </c>
      <c r="BK71" s="11">
        <f t="shared" si="1079"/>
        <v>2244.7002758397775</v>
      </c>
      <c r="BL71" s="11">
        <f t="shared" si="1079"/>
        <v>2158.36564984594</v>
      </c>
      <c r="BM71" s="11">
        <f t="shared" si="1079"/>
        <v>2075.3515863903267</v>
      </c>
      <c r="BN71" s="11">
        <f t="shared" si="1079"/>
        <v>1995.5303715291604</v>
      </c>
      <c r="BO71" s="11">
        <f t="shared" si="1079"/>
        <v>1918.7792033934234</v>
      </c>
      <c r="BP71" s="11">
        <f t="shared" si="1079"/>
        <v>1844.9800032629068</v>
      </c>
      <c r="BQ71" s="11">
        <f t="shared" si="1079"/>
        <v>1774.0192339066416</v>
      </c>
    </row>
    <row r="72" spans="5:69" s="11" customFormat="1">
      <c r="E72" s="11" t="s">
        <v>45</v>
      </c>
      <c r="F72" s="11" t="s">
        <v>24</v>
      </c>
      <c r="J72" s="11">
        <f>J71+H72</f>
        <v>1802.9205824006563</v>
      </c>
      <c r="K72" s="11">
        <f t="shared" ref="K72:BQ72" si="1080">K71+J72</f>
        <v>6871.6199207270402</v>
      </c>
      <c r="L72" s="11">
        <f t="shared" si="1080"/>
        <v>14761.949447373396</v>
      </c>
      <c r="M72" s="11">
        <f t="shared" si="1080"/>
        <v>25048.4372815303</v>
      </c>
      <c r="N72" s="11">
        <f t="shared" si="1080"/>
        <v>37326.957577484558</v>
      </c>
      <c r="O72" s="11">
        <f t="shared" si="1080"/>
        <v>51238.454403835509</v>
      </c>
      <c r="P72" s="11">
        <f t="shared" si="1080"/>
        <v>65420.056862174373</v>
      </c>
      <c r="Q72" s="11">
        <f t="shared" si="1080"/>
        <v>79056.213072115585</v>
      </c>
      <c r="R72" s="11">
        <f t="shared" si="1080"/>
        <v>92167.901735520602</v>
      </c>
      <c r="S72" s="11">
        <f t="shared" si="1080"/>
        <v>104775.29468110234</v>
      </c>
      <c r="T72" s="11">
        <f t="shared" si="1080"/>
        <v>116897.78789800787</v>
      </c>
      <c r="U72" s="11">
        <f t="shared" si="1080"/>
        <v>128554.03137580164</v>
      </c>
      <c r="V72" s="11">
        <f t="shared" si="1080"/>
        <v>139761.9577967572</v>
      </c>
      <c r="W72" s="11">
        <f t="shared" si="1080"/>
        <v>150538.81012459908</v>
      </c>
      <c r="X72" s="11">
        <f t="shared" si="1080"/>
        <v>160901.16813213934</v>
      </c>
      <c r="Y72" s="11">
        <f t="shared" si="1080"/>
        <v>170864.97390862036</v>
      </c>
      <c r="Z72" s="11">
        <f t="shared" si="1080"/>
        <v>180445.55638600595</v>
      </c>
      <c r="AA72" s="11">
        <f t="shared" si="1080"/>
        <v>189657.65492195362</v>
      </c>
      <c r="AB72" s="11">
        <f t="shared" si="1080"/>
        <v>198515.44197574948</v>
      </c>
      <c r="AC72" s="11">
        <f t="shared" si="1080"/>
        <v>207032.54491209166</v>
      </c>
      <c r="AD72" s="11">
        <f t="shared" si="1080"/>
        <v>215222.06696626684</v>
      </c>
      <c r="AE72" s="11">
        <f t="shared" si="1080"/>
        <v>223096.60740297372</v>
      </c>
      <c r="AF72" s="11">
        <f t="shared" si="1080"/>
        <v>230668.28089980726</v>
      </c>
      <c r="AG72" s="11">
        <f t="shared" si="1080"/>
        <v>237948.73618522412</v>
      </c>
      <c r="AH72" s="11">
        <f t="shared" si="1080"/>
        <v>244949.17395966343</v>
      </c>
      <c r="AI72" s="11">
        <f t="shared" si="1080"/>
        <v>251680.36412739352</v>
      </c>
      <c r="AJ72" s="11">
        <f t="shared" si="1080"/>
        <v>258152.66236559555</v>
      </c>
      <c r="AK72" s="11">
        <f t="shared" si="1080"/>
        <v>264376.02605617442</v>
      </c>
      <c r="AL72" s="11">
        <f t="shared" si="1080"/>
        <v>270360.02960480796</v>
      </c>
      <c r="AM72" s="11">
        <f t="shared" si="1080"/>
        <v>276113.87917080172</v>
      </c>
      <c r="AN72" s="11">
        <f t="shared" si="1080"/>
        <v>281646.42683041113</v>
      </c>
      <c r="AO72" s="11">
        <f t="shared" si="1080"/>
        <v>286966.18419542018</v>
      </c>
      <c r="AP72" s="11">
        <f t="shared" si="1080"/>
        <v>292081.33550792886</v>
      </c>
      <c r="AQ72" s="11">
        <f t="shared" si="1080"/>
        <v>296999.75023149489</v>
      </c>
      <c r="AR72" s="11">
        <f t="shared" si="1080"/>
        <v>301728.99515800067</v>
      </c>
      <c r="AS72" s="11">
        <f t="shared" si="1080"/>
        <v>306276.34604887164</v>
      </c>
      <c r="AT72" s="11">
        <f t="shared" si="1080"/>
        <v>310648.79882855527</v>
      </c>
      <c r="AU72" s="11">
        <f t="shared" si="1080"/>
        <v>314853.08034748182</v>
      </c>
      <c r="AV72" s="11">
        <f t="shared" si="1080"/>
        <v>318895.65873106505</v>
      </c>
      <c r="AW72" s="11">
        <f t="shared" si="1080"/>
        <v>322782.7533306643</v>
      </c>
      <c r="AX72" s="11">
        <f t="shared" si="1080"/>
        <v>326520.34429181746</v>
      </c>
      <c r="AY72" s="11">
        <f t="shared" si="1080"/>
        <v>330114.18175446469</v>
      </c>
      <c r="AZ72" s="11">
        <f t="shared" si="1080"/>
        <v>333569.79469931783</v>
      </c>
      <c r="BA72" s="11">
        <f t="shared" si="1080"/>
        <v>336892.49945398432</v>
      </c>
      <c r="BB72" s="11">
        <f t="shared" si="1080"/>
        <v>340087.40787193284</v>
      </c>
      <c r="BC72" s="11">
        <f t="shared" si="1080"/>
        <v>343159.43519688334</v>
      </c>
      <c r="BD72" s="11">
        <f t="shared" si="1080"/>
        <v>346113.30762472033</v>
      </c>
      <c r="BE72" s="11">
        <f t="shared" si="1080"/>
        <v>348953.56957456359</v>
      </c>
      <c r="BF72" s="11">
        <f t="shared" si="1080"/>
        <v>351684.59068018215</v>
      </c>
      <c r="BG72" s="11">
        <f t="shared" si="1080"/>
        <v>354310.57251250767</v>
      </c>
      <c r="BH72" s="11">
        <f t="shared" si="1080"/>
        <v>356835.55504358991</v>
      </c>
      <c r="BI72" s="11">
        <f t="shared" si="1080"/>
        <v>359263.42286193819</v>
      </c>
      <c r="BJ72" s="11">
        <f t="shared" si="1080"/>
        <v>361597.91114881157</v>
      </c>
      <c r="BK72" s="11">
        <f t="shared" si="1080"/>
        <v>363842.61142465135</v>
      </c>
      <c r="BL72" s="11">
        <f t="shared" si="1080"/>
        <v>366000.97707449726</v>
      </c>
      <c r="BM72" s="11">
        <f t="shared" si="1080"/>
        <v>368076.32866088761</v>
      </c>
      <c r="BN72" s="11">
        <f t="shared" si="1080"/>
        <v>370071.85903241677</v>
      </c>
      <c r="BO72" s="11">
        <f t="shared" si="1080"/>
        <v>371990.63823581021</v>
      </c>
      <c r="BP72" s="11">
        <f t="shared" si="1080"/>
        <v>373835.61823907314</v>
      </c>
      <c r="BQ72" s="11">
        <f t="shared" si="1080"/>
        <v>375609.63747297978</v>
      </c>
    </row>
    <row r="73" spans="5:69">
      <c r="E73" s="23"/>
    </row>
    <row r="74" spans="5:69">
      <c r="E74" s="37" t="s">
        <v>46</v>
      </c>
      <c r="J74" s="13">
        <v>20</v>
      </c>
      <c r="K74" s="13">
        <v>40</v>
      </c>
    </row>
    <row r="75" spans="5:69">
      <c r="E75" s="37" t="s">
        <v>47</v>
      </c>
      <c r="J75" s="37">
        <f>INDEX($J$72:$BQ$72,0,J74)/1000</f>
        <v>207.03254491209165</v>
      </c>
      <c r="K75" s="37">
        <f>INDEX($J$72:$BQ$72,0,K74)/1000</f>
        <v>322.78275333066432</v>
      </c>
    </row>
    <row r="76" spans="5:69">
      <c r="E76" s="23"/>
      <c r="F76" s="38"/>
      <c r="G76" s="38"/>
      <c r="H76" s="38"/>
      <c r="I76" s="38"/>
      <c r="J76" s="38"/>
    </row>
    <row r="77" spans="5:69">
      <c r="E77" s="23"/>
      <c r="F77" s="38"/>
      <c r="G77" s="38"/>
      <c r="H77" s="38"/>
      <c r="I77" s="38"/>
      <c r="J77" s="38"/>
    </row>
    <row r="78" spans="5:69">
      <c r="E78" s="15"/>
      <c r="F78" s="9"/>
      <c r="J78" s="9"/>
      <c r="K78" s="11"/>
      <c r="L78" s="9"/>
      <c r="M78" s="9"/>
      <c r="N78" s="9"/>
      <c r="O78" s="9"/>
      <c r="P78" s="9"/>
      <c r="Q78" s="9"/>
      <c r="R78" s="9"/>
      <c r="S78" s="9"/>
      <c r="T78" s="9"/>
      <c r="U78" s="9"/>
      <c r="V78" s="9"/>
      <c r="W78" s="9"/>
      <c r="X78" s="9"/>
      <c r="Y78" s="9"/>
      <c r="Z78" s="9"/>
      <c r="AA78" s="9"/>
      <c r="AB78" s="9"/>
      <c r="AC78" s="9"/>
      <c r="AD78" s="9"/>
      <c r="AE78" s="9"/>
      <c r="AF78" s="9"/>
      <c r="AG78" s="9"/>
      <c r="AH78" s="9"/>
      <c r="AI78" s="9"/>
      <c r="AJ78" s="9"/>
      <c r="AK78" s="9"/>
      <c r="AL78" s="9"/>
      <c r="AM78" s="9"/>
      <c r="AN78" s="9"/>
      <c r="AO78" s="9"/>
      <c r="AP78" s="9"/>
      <c r="AQ78" s="9"/>
      <c r="AR78" s="9"/>
      <c r="AS78" s="9"/>
      <c r="AT78" s="9"/>
      <c r="AU78" s="9"/>
      <c r="AV78" s="9"/>
      <c r="AW78" s="9"/>
    </row>
    <row r="94" s="7" customFormat="1"/>
    <row r="95" s="7" customFormat="1"/>
    <row r="96" s="7" customFormat="1"/>
    <row r="97" s="7" customFormat="1"/>
    <row r="98" s="7" customFormat="1"/>
    <row r="99" s="7" customFormat="1"/>
    <row r="100" s="7" customFormat="1"/>
    <row r="101" s="7" customFormat="1"/>
    <row r="102" s="7" customFormat="1"/>
    <row r="103" s="7" customFormat="1"/>
    <row r="104" s="7" customFormat="1"/>
    <row r="105" s="7" customFormat="1"/>
    <row r="106" s="7" customFormat="1"/>
    <row r="107" s="7" customFormat="1"/>
    <row r="108" s="7" customFormat="1"/>
    <row r="109" s="7" customFormat="1"/>
    <row r="110" s="7" customFormat="1"/>
    <row r="111" s="7" customFormat="1"/>
    <row r="112" s="7" customFormat="1"/>
    <row r="113" s="7" customFormat="1"/>
    <row r="114" s="7" customFormat="1"/>
    <row r="115" s="7" customFormat="1"/>
    <row r="116" s="7" customFormat="1"/>
    <row r="117" s="7" customFormat="1"/>
    <row r="118" s="7" customFormat="1"/>
    <row r="119" s="7" customFormat="1"/>
    <row r="120" s="7" customFormat="1"/>
    <row r="121" s="7" customFormat="1"/>
    <row r="122" s="7" customFormat="1"/>
    <row r="123" s="7" customFormat="1"/>
    <row r="124" s="7" customFormat="1"/>
    <row r="125" s="7" customFormat="1"/>
    <row r="126" s="7" customFormat="1"/>
    <row r="127" s="7" customFormat="1"/>
    <row r="128" s="7" customFormat="1"/>
    <row r="129" s="7" customFormat="1"/>
    <row r="130" s="7" customFormat="1"/>
    <row r="131" s="7" customFormat="1"/>
    <row r="132" s="7" customFormat="1"/>
    <row r="133" s="7" customFormat="1"/>
    <row r="134" s="7" customFormat="1"/>
    <row r="135" s="7" customFormat="1"/>
    <row r="136" s="7" customFormat="1"/>
    <row r="137" s="7" customFormat="1"/>
    <row r="138" s="7" customFormat="1"/>
    <row r="139" s="7" customFormat="1"/>
    <row r="140" s="7" customFormat="1"/>
    <row r="141" s="7" customFormat="1"/>
    <row r="142" s="7" customFormat="1"/>
    <row r="143" s="7" customFormat="1"/>
    <row r="144" s="7" customFormat="1"/>
    <row r="145" s="7" customFormat="1"/>
    <row r="146" s="7" customFormat="1"/>
    <row r="147" s="7" customFormat="1"/>
    <row r="148" s="7" customFormat="1"/>
    <row r="149" s="7" customFormat="1"/>
    <row r="150" s="7" customFormat="1"/>
    <row r="151" s="7" customFormat="1"/>
    <row r="152" s="7" customFormat="1"/>
    <row r="153" s="7" customFormat="1"/>
    <row r="154" s="7" customFormat="1"/>
    <row r="155" s="7" customFormat="1"/>
    <row r="156" s="7" customFormat="1"/>
    <row r="157" s="7" customFormat="1"/>
    <row r="158" s="7" customFormat="1"/>
    <row r="159" s="7" customFormat="1"/>
    <row r="160" s="7" customFormat="1"/>
    <row r="161" s="7" customFormat="1"/>
    <row r="162" s="7" customFormat="1"/>
    <row r="163" s="7" customFormat="1"/>
    <row r="164" s="7" customFormat="1"/>
    <row r="165" s="7" customFormat="1"/>
    <row r="166" s="7" customFormat="1"/>
    <row r="167" s="7" customFormat="1"/>
    <row r="168" s="7" customFormat="1"/>
    <row r="169" s="7" customFormat="1"/>
    <row r="170" s="7" customFormat="1"/>
    <row r="171" s="7" customFormat="1"/>
    <row r="172" s="7" customFormat="1"/>
    <row r="173" s="7" customFormat="1"/>
    <row r="174" s="7" customFormat="1"/>
    <row r="175" s="7" customFormat="1"/>
    <row r="176" s="7" customFormat="1"/>
    <row r="177" s="7" customFormat="1"/>
    <row r="178" s="7" customFormat="1"/>
    <row r="179" s="7" customFormat="1"/>
    <row r="180" s="7" customFormat="1"/>
    <row r="181" s="7" customFormat="1"/>
    <row r="182" s="7" customFormat="1"/>
    <row r="183" s="7" customFormat="1"/>
    <row r="184" s="7" customFormat="1"/>
    <row r="185" s="7" customFormat="1"/>
    <row r="186" s="7" customFormat="1"/>
    <row r="187" s="7" customFormat="1"/>
    <row r="188" s="7" customFormat="1"/>
    <row r="189" s="7" customFormat="1"/>
    <row r="190" s="7" customFormat="1"/>
    <row r="191" s="7" customFormat="1"/>
    <row r="192" s="7" customFormat="1"/>
    <row r="193" s="7" customFormat="1"/>
    <row r="194" s="7" customFormat="1"/>
    <row r="195" s="7" customFormat="1"/>
    <row r="196" s="7" customFormat="1"/>
    <row r="197" s="7" customFormat="1"/>
    <row r="198" s="7" customFormat="1"/>
    <row r="199" s="7" customFormat="1"/>
    <row r="200" s="7" customFormat="1"/>
    <row r="201" s="7" customFormat="1"/>
    <row r="202" s="7" customFormat="1"/>
    <row r="203" s="7" customFormat="1"/>
    <row r="204" s="7" customFormat="1"/>
    <row r="205" s="7" customFormat="1"/>
    <row r="206" s="7" customFormat="1"/>
    <row r="207" s="7" customFormat="1"/>
    <row r="208" s="7" customFormat="1"/>
    <row r="209" s="7" customFormat="1"/>
    <row r="210" s="7" customFormat="1"/>
    <row r="211" s="7" customFormat="1"/>
    <row r="212" s="7" customFormat="1"/>
    <row r="213" s="7" customFormat="1"/>
    <row r="214" s="7" customFormat="1"/>
    <row r="215" s="7" customFormat="1"/>
    <row r="216" s="7" customFormat="1"/>
    <row r="217" s="7" customFormat="1"/>
    <row r="218" s="7" customFormat="1"/>
    <row r="219" s="7" customFormat="1"/>
    <row r="220" s="7" customFormat="1"/>
    <row r="221" s="7" customFormat="1"/>
    <row r="222" s="7" customFormat="1"/>
    <row r="223" s="7" customFormat="1"/>
    <row r="224" s="7" customFormat="1"/>
    <row r="225" s="7" customFormat="1"/>
    <row r="226" s="7" customFormat="1"/>
    <row r="227" s="7" customFormat="1"/>
    <row r="228" s="7" customFormat="1"/>
    <row r="229" s="7" customFormat="1"/>
    <row r="230" s="7" customFormat="1"/>
    <row r="231" s="7" customFormat="1"/>
    <row r="232" s="7" customFormat="1"/>
    <row r="233" s="7" customFormat="1"/>
    <row r="234" s="7" customFormat="1"/>
    <row r="235" s="7" customFormat="1"/>
    <row r="236" s="7" customFormat="1"/>
    <row r="237" s="7" customFormat="1"/>
    <row r="238" s="7" customFormat="1"/>
    <row r="239" s="7" customFormat="1"/>
    <row r="240" s="7" customFormat="1"/>
    <row r="241" s="7" customFormat="1"/>
    <row r="242" s="7" customFormat="1"/>
    <row r="243" s="7" customFormat="1"/>
    <row r="244" s="7" customFormat="1"/>
    <row r="245" s="7" customFormat="1"/>
    <row r="246" s="7" customFormat="1"/>
    <row r="247" s="7" customFormat="1"/>
    <row r="248" s="7" customFormat="1"/>
    <row r="249" s="7" customFormat="1"/>
    <row r="250" s="7" customFormat="1"/>
    <row r="251" s="7" customFormat="1"/>
    <row r="252" s="7" customFormat="1"/>
    <row r="253" s="7" customFormat="1"/>
    <row r="254" s="7" customFormat="1"/>
    <row r="255" s="7" customFormat="1"/>
    <row r="256" s="7" customFormat="1"/>
    <row r="257" s="7" customFormat="1"/>
    <row r="258" s="7" customFormat="1"/>
    <row r="259" s="7" customFormat="1"/>
    <row r="260" s="7" customFormat="1"/>
    <row r="261" s="7" customFormat="1"/>
    <row r="262" s="7" customFormat="1"/>
    <row r="263" s="7" customFormat="1"/>
    <row r="264" s="7" customFormat="1"/>
    <row r="265" s="7" customFormat="1"/>
    <row r="266" s="7" customFormat="1"/>
    <row r="267" s="7" customFormat="1"/>
    <row r="268" s="7" customFormat="1"/>
    <row r="269" s="7" customFormat="1"/>
    <row r="270" s="7" customFormat="1"/>
    <row r="271" s="7" customFormat="1"/>
    <row r="272" s="7" customFormat="1"/>
    <row r="273" s="7" customFormat="1"/>
    <row r="274" s="7" customFormat="1"/>
    <row r="275" s="7" customFormat="1"/>
    <row r="276" s="7" customFormat="1"/>
    <row r="277" s="7" customFormat="1"/>
    <row r="278" s="7" customFormat="1"/>
    <row r="279" s="7" customFormat="1"/>
    <row r="280" s="7" customFormat="1"/>
    <row r="281" s="7" customFormat="1"/>
    <row r="282" s="7" customFormat="1"/>
    <row r="283" s="7" customFormat="1"/>
  </sheetData>
  <pageMargins left="0.27" right="0.17" top="0.74803149606299202" bottom="0.74803149606299202" header="0.31496062992126" footer="0.31496062992126"/>
  <pageSetup scale="47" fitToWidth="0" fitToHeight="0" orientation="landscape" r:id="rId1"/>
  <headerFooter>
    <oddFooter xml:space="preserve">&amp;R
</oddFooter>
  </headerFooter>
  <colBreaks count="1" manualBreakCount="1">
    <brk id="29" max="74" man="1"/>
  </colBreaks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A8D52D82E93B6F4F966156660E7AE412" ma:contentTypeVersion="7" ma:contentTypeDescription="Create a new document." ma:contentTypeScope="" ma:versionID="8adc7008b43ef1e284cfeb3df4dc3a37">
  <xsd:schema xmlns:xsd="http://www.w3.org/2001/XMLSchema" xmlns:xs="http://www.w3.org/2001/XMLSchema" xmlns:p="http://schemas.microsoft.com/office/2006/metadata/properties" xmlns:ns2="6d574152-70e6-4575-8cf6-71c10cc12bf8" xmlns:ns3="2073fb39-1bba-4799-b9c4-00fe73d2e794" targetNamespace="http://schemas.microsoft.com/office/2006/metadata/properties" ma:root="true" ma:fieldsID="6648bfe13176640996115759cff20d23" ns2:_="" ns3:_="">
    <xsd:import namespace="6d574152-70e6-4575-8cf6-71c10cc12bf8"/>
    <xsd:import namespace="2073fb39-1bba-4799-b9c4-00fe73d2e794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Attachment" minOccurs="0"/>
                <xsd:element ref="ns3:SharedWithUsers" minOccurs="0"/>
                <xsd:element ref="ns3:SharedWithDetails" minOccurs="0"/>
                <xsd:element ref="ns2:MediaServiceObjectDetectorVersions" minOccurs="0"/>
                <xsd:element ref="ns2:Intervenor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6d574152-70e6-4575-8cf6-71c10cc12bf8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Attachment" ma:index="10" nillable="true" ma:displayName="Attachment" ma:internalName="Attachment">
      <xsd:simpleType>
        <xsd:restriction base="dms:Text">
          <xsd:maxLength value="255"/>
        </xsd:restriction>
      </xsd:simpleType>
    </xsd:element>
    <xsd:element name="MediaServiceObjectDetectorVersions" ma:index="13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Intervenors" ma:index="14" nillable="true" ma:displayName="Intervenors" ma:internalName="Intervenors">
      <xsd:simpleType>
        <xsd:restriction base="dms:Text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2073fb39-1bba-4799-b9c4-00fe73d2e794" elementFormDefault="qualified">
    <xsd:import namespace="http://schemas.microsoft.com/office/2006/documentManagement/types"/>
    <xsd:import namespace="http://schemas.microsoft.com/office/infopath/2007/PartnerControls"/>
    <xsd:element name="SharedWithUsers" ma:index="11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2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Attachment xmlns="6d574152-70e6-4575-8cf6-71c10cc12bf8" xsi:nil="true"/>
    <Intervenors xmlns="6d574152-70e6-4575-8cf6-71c10cc12bf8" xsi:nil="true"/>
  </documentManagement>
</p:properties>
</file>

<file path=customXml/itemProps1.xml><?xml version="1.0" encoding="utf-8"?>
<ds:datastoreItem xmlns:ds="http://schemas.openxmlformats.org/officeDocument/2006/customXml" ds:itemID="{63E8317D-C8C0-4AD8-A382-FDC74BDCA5E8}"/>
</file>

<file path=customXml/itemProps2.xml><?xml version="1.0" encoding="utf-8"?>
<ds:datastoreItem xmlns:ds="http://schemas.openxmlformats.org/officeDocument/2006/customXml" ds:itemID="{24B388F8-984D-44F5-84A2-07758EFD2B83}"/>
</file>

<file path=customXml/itemProps3.xml><?xml version="1.0" encoding="utf-8"?>
<ds:datastoreItem xmlns:ds="http://schemas.openxmlformats.org/officeDocument/2006/customXml" ds:itemID="{9B9C3CFA-C538-4647-A4A0-948ACB503195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</vt:i4>
      </vt:variant>
      <vt:variant>
        <vt:lpstr>Named Ranges</vt:lpstr>
      </vt:variant>
      <vt:variant>
        <vt:i4>2</vt:i4>
      </vt:variant>
    </vt:vector>
  </HeadingPairs>
  <TitlesOfParts>
    <vt:vector size="3" baseType="lpstr">
      <vt:lpstr>Without Elec. Eff. Assumption</vt:lpstr>
      <vt:lpstr>'Without Elec. Eff. Assumption'!Print_Area</vt:lpstr>
      <vt:lpstr>'Without Elec. Eff. Assumption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Rich Szymanski</dc:creator>
  <cp:lastModifiedBy>Rich Szymanski</cp:lastModifiedBy>
  <cp:lastPrinted>2023-11-02T18:14:05Z</cp:lastPrinted>
  <dcterms:created xsi:type="dcterms:W3CDTF">2022-09-06T15:35:09Z</dcterms:created>
  <dcterms:modified xsi:type="dcterms:W3CDTF">2023-11-02T19:03:15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SIP_Label_b1a6f161-e42b-4c47-8f69-f6a81e023e2d_Enabled">
    <vt:lpwstr>true</vt:lpwstr>
  </property>
  <property fmtid="{D5CDD505-2E9C-101B-9397-08002B2CF9AE}" pid="3" name="MSIP_Label_b1a6f161-e42b-4c47-8f69-f6a81e023e2d_SetDate">
    <vt:lpwstr>2022-09-07T12:33:29Z</vt:lpwstr>
  </property>
  <property fmtid="{D5CDD505-2E9C-101B-9397-08002B2CF9AE}" pid="4" name="MSIP_Label_b1a6f161-e42b-4c47-8f69-f6a81e023e2d_Method">
    <vt:lpwstr>Privileged</vt:lpwstr>
  </property>
  <property fmtid="{D5CDD505-2E9C-101B-9397-08002B2CF9AE}" pid="5" name="MSIP_Label_b1a6f161-e42b-4c47-8f69-f6a81e023e2d_Name">
    <vt:lpwstr>b1a6f161-e42b-4c47-8f69-f6a81e023e2d</vt:lpwstr>
  </property>
  <property fmtid="{D5CDD505-2E9C-101B-9397-08002B2CF9AE}" pid="6" name="MSIP_Label_b1a6f161-e42b-4c47-8f69-f6a81e023e2d_SiteId">
    <vt:lpwstr>271df5c2-953a-497b-93ad-7adf7a4b3cd7</vt:lpwstr>
  </property>
  <property fmtid="{D5CDD505-2E9C-101B-9397-08002B2CF9AE}" pid="7" name="MSIP_Label_b1a6f161-e42b-4c47-8f69-f6a81e023e2d_ActionId">
    <vt:lpwstr>107ed820-2f2d-4b84-bfc1-c47de93f6c3a</vt:lpwstr>
  </property>
  <property fmtid="{D5CDD505-2E9C-101B-9397-08002B2CF9AE}" pid="8" name="MSIP_Label_b1a6f161-e42b-4c47-8f69-f6a81e023e2d_ContentBits">
    <vt:lpwstr>0</vt:lpwstr>
  </property>
  <property fmtid="{D5CDD505-2E9C-101B-9397-08002B2CF9AE}" pid="9" name="_EmailSubject">
    <vt:lpwstr>PREP file upload</vt:lpwstr>
  </property>
  <property fmtid="{D5CDD505-2E9C-101B-9397-08002B2CF9AE}" pid="10" name="ContentTypeId">
    <vt:lpwstr>0x010100A8D52D82E93B6F4F966156660E7AE412</vt:lpwstr>
  </property>
  <property fmtid="{D5CDD505-2E9C-101B-9397-08002B2CF9AE}" pid="11" name="_AuthorEmail">
    <vt:lpwstr>Rich.Szymanski@enbridge.com</vt:lpwstr>
  </property>
  <property fmtid="{D5CDD505-2E9C-101B-9397-08002B2CF9AE}" pid="12" name="_dlc_DocIdItemGuid">
    <vt:lpwstr>2ceff134-0da0-4091-b476-162920e2e9ee</vt:lpwstr>
  </property>
  <property fmtid="{D5CDD505-2E9C-101B-9397-08002B2CF9AE}" pid="13" name="_NewReviewCycle">
    <vt:lpwstr/>
  </property>
  <property fmtid="{D5CDD505-2E9C-101B-9397-08002B2CF9AE}" pid="14" name="_ReviewingToolsShownOnce">
    <vt:lpwstr/>
  </property>
  <property fmtid="{D5CDD505-2E9C-101B-9397-08002B2CF9AE}" pid="15" name="_AuthorEmailDisplayName">
    <vt:lpwstr>Rich Szymanski</vt:lpwstr>
  </property>
  <property fmtid="{D5CDD505-2E9C-101B-9397-08002B2CF9AE}" pid="16" name="_AdHocReviewCycleID">
    <vt:i4>-1231887241</vt:i4>
  </property>
</Properties>
</file>